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E2A3D3BE-68F9-4CE8-83D3-12F4CF87BC81}" xr6:coauthVersionLast="47" xr6:coauthVersionMax="47" xr10:uidLastSave="{00000000-0000-0000-0000-000000000000}"/>
  <bookViews>
    <workbookView xWindow="2160" yWindow="2175" windowWidth="23670" windowHeight="12750"/>
  </bookViews>
  <sheets>
    <sheet name="PostCode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54646" uniqueCount="17610">
  <si>
    <t>千葉県</t>
  </si>
  <si>
    <t>千葉市若葉区</t>
  </si>
  <si>
    <t>御殿町</t>
  </si>
  <si>
    <t>坂月町</t>
  </si>
  <si>
    <t>桜木</t>
  </si>
  <si>
    <t>桜木北</t>
  </si>
  <si>
    <t>更科町</t>
  </si>
  <si>
    <t>佐和町</t>
  </si>
  <si>
    <t>下泉町</t>
  </si>
  <si>
    <t>下田町</t>
  </si>
  <si>
    <t>高品町</t>
  </si>
  <si>
    <t>高根町</t>
  </si>
  <si>
    <t>多部田町</t>
  </si>
  <si>
    <t>旦谷町</t>
  </si>
  <si>
    <t>千城台東</t>
  </si>
  <si>
    <t>千城台西</t>
  </si>
  <si>
    <t>千城台南</t>
  </si>
  <si>
    <t>千城台北</t>
  </si>
  <si>
    <t>都賀</t>
  </si>
  <si>
    <t>都賀の台</t>
  </si>
  <si>
    <t>殿台町</t>
  </si>
  <si>
    <t>富田町</t>
  </si>
  <si>
    <t>中田町</t>
  </si>
  <si>
    <t>中野町</t>
  </si>
  <si>
    <t>西都賀</t>
  </si>
  <si>
    <t>野呂町</t>
  </si>
  <si>
    <t>原町</t>
  </si>
  <si>
    <t>東寺山町</t>
  </si>
  <si>
    <t>みつわ台</t>
  </si>
  <si>
    <t>源町</t>
  </si>
  <si>
    <t>谷当町</t>
  </si>
  <si>
    <t>若松台</t>
  </si>
  <si>
    <t>若松町</t>
  </si>
  <si>
    <t>千葉市緑区</t>
  </si>
  <si>
    <t>あすみが丘</t>
  </si>
  <si>
    <t>板倉町</t>
  </si>
  <si>
    <t>大金沢町</t>
  </si>
  <si>
    <t>大木戸町</t>
  </si>
  <si>
    <t>大椎町</t>
  </si>
  <si>
    <t>大高町</t>
  </si>
  <si>
    <t>大野台</t>
  </si>
  <si>
    <t>落井町</t>
  </si>
  <si>
    <t>越智町</t>
  </si>
  <si>
    <t>小山町</t>
  </si>
  <si>
    <t>おゆみ野</t>
  </si>
  <si>
    <t>おゆみ野有吉</t>
  </si>
  <si>
    <t>おゆみ野中央</t>
  </si>
  <si>
    <t>おゆみ野南</t>
  </si>
  <si>
    <t>鎌取町</t>
  </si>
  <si>
    <t>上大和田町</t>
  </si>
  <si>
    <t>刈田子町</t>
  </si>
  <si>
    <t>小金沢町</t>
  </si>
  <si>
    <t>椎名崎町</t>
  </si>
  <si>
    <t>下大和田町</t>
  </si>
  <si>
    <t>大膳野町</t>
  </si>
  <si>
    <t>高田町</t>
  </si>
  <si>
    <t>高津戸町</t>
  </si>
  <si>
    <t>土気町</t>
  </si>
  <si>
    <t>富岡町</t>
  </si>
  <si>
    <t>中西町</t>
  </si>
  <si>
    <t>東山科町</t>
  </si>
  <si>
    <t>平川町</t>
  </si>
  <si>
    <t>平山町</t>
  </si>
  <si>
    <t>古市場町</t>
  </si>
  <si>
    <t>辺田町</t>
  </si>
  <si>
    <t>誉田町</t>
  </si>
  <si>
    <t>茂呂町</t>
  </si>
  <si>
    <t>小食土町</t>
  </si>
  <si>
    <t>千葉市美浜区</t>
  </si>
  <si>
    <t>磯辺</t>
  </si>
  <si>
    <t>稲毛海岸</t>
  </si>
  <si>
    <t>打瀬</t>
  </si>
  <si>
    <t>幸町</t>
  </si>
  <si>
    <t>新港</t>
  </si>
  <si>
    <t>高洲</t>
  </si>
  <si>
    <t>高浜</t>
  </si>
  <si>
    <t>豊砂</t>
  </si>
  <si>
    <t>中瀬（次のビルを除く）</t>
  </si>
  <si>
    <t>中瀬ワールドビジネスガーデン（地階・階層不明）</t>
  </si>
  <si>
    <t>中瀬ワールドビジネスガーデン（１階）</t>
  </si>
  <si>
    <t>中瀬ワールドビジネスガーデン（２階）</t>
  </si>
  <si>
    <t>中瀬ワールドビジネスガーデン（３階）</t>
  </si>
  <si>
    <t>中瀬ワールドビジネスガーデン（４階）</t>
  </si>
  <si>
    <t>中瀬ワールドビジネスガーデン（５階）</t>
  </si>
  <si>
    <t>中瀬ワールドビジネスガーデン（６階）</t>
  </si>
  <si>
    <t>中瀬ワールドビジネスガーデン（７階）</t>
  </si>
  <si>
    <t>中瀬ワールドビジネスガーデン（８階）</t>
  </si>
  <si>
    <t>中瀬ワールドビジネスガーデン（９階）</t>
  </si>
  <si>
    <t>中瀬ワールドビジネスガーデン（１０階）</t>
  </si>
  <si>
    <t>中瀬ワールドビジネスガーデン（１１階）</t>
  </si>
  <si>
    <t>中瀬ワールドビジネスガーデン（１２階）</t>
  </si>
  <si>
    <t>中瀬ワールドビジネスガーデン（１３階）</t>
  </si>
  <si>
    <t>中瀬ワールドビジネスガーデン（１４階）</t>
  </si>
  <si>
    <t>中瀬ワールドビジネスガーデン（１５階）</t>
  </si>
  <si>
    <t>中瀬ワールドビジネスガーデン（１６階）</t>
  </si>
  <si>
    <t>中瀬ワールドビジネスガーデン（１７階）</t>
  </si>
  <si>
    <t>中瀬ワールドビジネスガーデン（１８階）</t>
  </si>
  <si>
    <t>中瀬ワールドビジネスガーデン（１９階）</t>
  </si>
  <si>
    <t>中瀬ワールドビジネスガーデン（２０階）</t>
  </si>
  <si>
    <t>中瀬ワールドビジネスガーデン（２１階）</t>
  </si>
  <si>
    <t>中瀬ワールドビジネスガーデン（２２階）</t>
  </si>
  <si>
    <t>中瀬ワールドビジネスガーデン（２３階）</t>
  </si>
  <si>
    <t>中瀬ワールドビジネスガーデン（２４階）</t>
  </si>
  <si>
    <t>中瀬ワールドビジネスガーデン（２５階）</t>
  </si>
  <si>
    <t>中瀬ワールドビジネスガーデン（２６階）</t>
  </si>
  <si>
    <t>中瀬ワールドビジネスガーデン（２７階）</t>
  </si>
  <si>
    <t>中瀬ワールドビジネスガーデン（２８階）</t>
  </si>
  <si>
    <t>中瀬ワールドビジネスガーデン（２９階）</t>
  </si>
  <si>
    <t>中瀬ワールドビジネスガーデン（３０階）</t>
  </si>
  <si>
    <t>中瀬ワールドビジネスガーデン（３１階）</t>
  </si>
  <si>
    <t>中瀬ワールドビジネスガーデン（３２階）</t>
  </si>
  <si>
    <t>中瀬ワールドビジネスガーデン（３３階）</t>
  </si>
  <si>
    <t>中瀬ワールドビジネスガーデン（３４階）</t>
  </si>
  <si>
    <t>中瀬ワールドビジネスガーデン（３５階）</t>
  </si>
  <si>
    <t>浜田</t>
  </si>
  <si>
    <t>ひび野</t>
  </si>
  <si>
    <t>幕張西</t>
  </si>
  <si>
    <t>真砂</t>
  </si>
  <si>
    <t>美浜</t>
  </si>
  <si>
    <t>若葉</t>
  </si>
  <si>
    <t>銚子市</t>
  </si>
  <si>
    <t>赤塚町</t>
  </si>
  <si>
    <t>海鹿島町</t>
  </si>
  <si>
    <t>芦崎町</t>
  </si>
  <si>
    <t>愛宕町</t>
  </si>
  <si>
    <t>新生町</t>
  </si>
  <si>
    <t>粟島町</t>
  </si>
  <si>
    <t>飯沼町</t>
  </si>
  <si>
    <t>犬吠埼</t>
  </si>
  <si>
    <t>犬若</t>
  </si>
  <si>
    <t>今宮町</t>
  </si>
  <si>
    <t>上野町</t>
  </si>
  <si>
    <t>植松町</t>
  </si>
  <si>
    <t>内浜町</t>
  </si>
  <si>
    <t>大橋町</t>
  </si>
  <si>
    <t>岡野台町</t>
  </si>
  <si>
    <t>木更津市</t>
  </si>
  <si>
    <t>江川</t>
  </si>
  <si>
    <t>大稲</t>
  </si>
  <si>
    <t>大久保</t>
  </si>
  <si>
    <t>太田</t>
  </si>
  <si>
    <t>大寺</t>
  </si>
  <si>
    <t>貝渕</t>
  </si>
  <si>
    <t>かずさ鎌足</t>
  </si>
  <si>
    <t>上烏田</t>
  </si>
  <si>
    <t>上根岸</t>
  </si>
  <si>
    <t>上望陀</t>
  </si>
  <si>
    <t>茅野</t>
  </si>
  <si>
    <t>茅野七曲</t>
  </si>
  <si>
    <t>祇園</t>
  </si>
  <si>
    <t>木更津</t>
  </si>
  <si>
    <t>北浜町</t>
  </si>
  <si>
    <t>清川</t>
  </si>
  <si>
    <t>清見台</t>
  </si>
  <si>
    <t>清見台東</t>
  </si>
  <si>
    <t>清見台南</t>
  </si>
  <si>
    <t>草敷</t>
  </si>
  <si>
    <t>久津間</t>
  </si>
  <si>
    <t>畔戸</t>
  </si>
  <si>
    <t>下内橋</t>
  </si>
  <si>
    <t>港南台</t>
  </si>
  <si>
    <t>小浜</t>
  </si>
  <si>
    <t>坂戸市場</t>
  </si>
  <si>
    <t>桜井</t>
  </si>
  <si>
    <t>桜井新町</t>
  </si>
  <si>
    <t>桜町</t>
  </si>
  <si>
    <t>笹子</t>
  </si>
  <si>
    <t>佐野</t>
  </si>
  <si>
    <t>潮浜</t>
  </si>
  <si>
    <t>潮見</t>
  </si>
  <si>
    <t>下烏田</t>
  </si>
  <si>
    <t>下郡</t>
  </si>
  <si>
    <t>下宮田</t>
  </si>
  <si>
    <t>下望陀</t>
  </si>
  <si>
    <t>請西</t>
  </si>
  <si>
    <t>請西東</t>
  </si>
  <si>
    <t>請西南</t>
  </si>
  <si>
    <t>新宿</t>
  </si>
  <si>
    <t>新田</t>
  </si>
  <si>
    <t>菅生</t>
  </si>
  <si>
    <t>曽根</t>
  </si>
  <si>
    <t>高砂</t>
  </si>
  <si>
    <t>高柳</t>
  </si>
  <si>
    <t>田川</t>
  </si>
  <si>
    <t>中央</t>
  </si>
  <si>
    <t>築地</t>
  </si>
  <si>
    <t>椿</t>
  </si>
  <si>
    <t>十日市場</t>
  </si>
  <si>
    <t>戸国</t>
  </si>
  <si>
    <t>中尾</t>
  </si>
  <si>
    <t>中烏田</t>
  </si>
  <si>
    <t>中里</t>
  </si>
  <si>
    <t>中島</t>
  </si>
  <si>
    <t>中島地先海ほたる</t>
  </si>
  <si>
    <t>中野</t>
  </si>
  <si>
    <t>中の島</t>
  </si>
  <si>
    <t>永井作</t>
  </si>
  <si>
    <t>長須賀</t>
  </si>
  <si>
    <t>西岩根</t>
  </si>
  <si>
    <t>根岸</t>
  </si>
  <si>
    <t>畑沢</t>
  </si>
  <si>
    <t>畑沢南</t>
  </si>
  <si>
    <t>八幡台</t>
  </si>
  <si>
    <t>羽鳥野</t>
  </si>
  <si>
    <t>東太田</t>
  </si>
  <si>
    <t>東中央</t>
  </si>
  <si>
    <t>日の出町</t>
  </si>
  <si>
    <t>富士見</t>
  </si>
  <si>
    <t>文京</t>
  </si>
  <si>
    <t>ほたる野</t>
  </si>
  <si>
    <t>本郷</t>
  </si>
  <si>
    <t>真舟</t>
  </si>
  <si>
    <t>真里</t>
  </si>
  <si>
    <t>真里谷</t>
  </si>
  <si>
    <t>万石</t>
  </si>
  <si>
    <t>木材港</t>
  </si>
  <si>
    <t>矢那</t>
  </si>
  <si>
    <t>大和</t>
  </si>
  <si>
    <t>山本七曲</t>
  </si>
  <si>
    <t>若葉町</t>
  </si>
  <si>
    <t>松戸市</t>
  </si>
  <si>
    <t>秋山</t>
  </si>
  <si>
    <t>旭町</t>
  </si>
  <si>
    <t>岩瀬</t>
  </si>
  <si>
    <t>大金平</t>
  </si>
  <si>
    <t>大橋</t>
  </si>
  <si>
    <t>大谷口</t>
  </si>
  <si>
    <t>大谷口新田</t>
  </si>
  <si>
    <t>上総内</t>
  </si>
  <si>
    <t>金ケ作</t>
  </si>
  <si>
    <t>紙敷</t>
  </si>
  <si>
    <t>上本郷</t>
  </si>
  <si>
    <t>上矢切</t>
  </si>
  <si>
    <t>河原塚</t>
  </si>
  <si>
    <t>北松戸</t>
  </si>
  <si>
    <t>串崎新田</t>
  </si>
  <si>
    <t>串崎南町</t>
  </si>
  <si>
    <t>久保平賀</t>
  </si>
  <si>
    <t>栗ケ沢</t>
  </si>
  <si>
    <t>栗山</t>
  </si>
  <si>
    <t>幸田</t>
  </si>
  <si>
    <t>幸谷</t>
  </si>
  <si>
    <t>古ケ崎</t>
  </si>
  <si>
    <t>小金</t>
  </si>
  <si>
    <t>小金上総町</t>
  </si>
  <si>
    <t>小金きよしケ丘</t>
  </si>
  <si>
    <t>小金清志町</t>
  </si>
  <si>
    <t>小金原</t>
  </si>
  <si>
    <t>五香</t>
  </si>
  <si>
    <t>五香西</t>
  </si>
  <si>
    <t>五香南</t>
  </si>
  <si>
    <t>五香六実</t>
  </si>
  <si>
    <t>小根本</t>
  </si>
  <si>
    <t>小山</t>
  </si>
  <si>
    <t>胡録台</t>
  </si>
  <si>
    <t>栄町</t>
  </si>
  <si>
    <t>栄町西</t>
  </si>
  <si>
    <t>七右衛門新田</t>
  </si>
  <si>
    <t>下矢切</t>
  </si>
  <si>
    <t>新作</t>
  </si>
  <si>
    <t>新松戸</t>
  </si>
  <si>
    <t>新松戸東</t>
  </si>
  <si>
    <t>新松戸南</t>
  </si>
  <si>
    <t>新松戸北</t>
  </si>
  <si>
    <t>千駄堀</t>
  </si>
  <si>
    <t>高塚新田</t>
  </si>
  <si>
    <t>高柳新田</t>
  </si>
  <si>
    <t>竹ケ花</t>
  </si>
  <si>
    <t>竹ケ花西町</t>
  </si>
  <si>
    <t>田中新田</t>
  </si>
  <si>
    <t>常盤平</t>
  </si>
  <si>
    <t>常盤平陣屋前</t>
  </si>
  <si>
    <t>常盤平西窪町</t>
  </si>
  <si>
    <t>常盤平双葉町</t>
  </si>
  <si>
    <t>常盤平松葉町</t>
  </si>
  <si>
    <t>常盤平柳町</t>
  </si>
  <si>
    <t>殿平賀</t>
  </si>
  <si>
    <t>仲井町</t>
  </si>
  <si>
    <t>中金杉</t>
  </si>
  <si>
    <t>中根</t>
  </si>
  <si>
    <t>中根長津町</t>
  </si>
  <si>
    <t>中矢切</t>
  </si>
  <si>
    <t>中和倉</t>
  </si>
  <si>
    <t>西馬橋</t>
  </si>
  <si>
    <t>西馬橋相川町</t>
  </si>
  <si>
    <t>西馬橋蔵元町</t>
  </si>
  <si>
    <t>西馬橋幸町</t>
  </si>
  <si>
    <t>西馬橋広手町</t>
  </si>
  <si>
    <t>二十世紀が丘柿の木町</t>
  </si>
  <si>
    <t>二十世紀が丘戸山町</t>
  </si>
  <si>
    <t>二十世紀が丘中松町</t>
  </si>
  <si>
    <t>二十世紀が丘梨元町</t>
  </si>
  <si>
    <t>二十世紀が丘萩町</t>
  </si>
  <si>
    <t>二十世紀が丘丸山町</t>
  </si>
  <si>
    <t>二十世紀が丘美野里町</t>
  </si>
  <si>
    <t>根木内</t>
  </si>
  <si>
    <t>根本</t>
  </si>
  <si>
    <t>野菊野</t>
  </si>
  <si>
    <t>八ケ崎</t>
  </si>
  <si>
    <t>八ケ崎緑町</t>
  </si>
  <si>
    <t>初富飛地</t>
  </si>
  <si>
    <t>東平賀</t>
  </si>
  <si>
    <t>日暮</t>
  </si>
  <si>
    <t>佐倉市</t>
  </si>
  <si>
    <t>青菅</t>
  </si>
  <si>
    <t>畔田</t>
  </si>
  <si>
    <t>天辺</t>
  </si>
  <si>
    <t>飯重</t>
  </si>
  <si>
    <t>飯田</t>
  </si>
  <si>
    <t>飯田台</t>
  </si>
  <si>
    <t>飯塚</t>
  </si>
  <si>
    <t>飯野</t>
  </si>
  <si>
    <t>飯野町</t>
  </si>
  <si>
    <t>石川</t>
  </si>
  <si>
    <t>稲荷台</t>
  </si>
  <si>
    <t>井野</t>
  </si>
  <si>
    <t>井野町</t>
  </si>
  <si>
    <t>岩富</t>
  </si>
  <si>
    <t>岩富町</t>
  </si>
  <si>
    <t>岩名</t>
  </si>
  <si>
    <t>印南</t>
  </si>
  <si>
    <t>臼井</t>
  </si>
  <si>
    <t>臼井田</t>
  </si>
  <si>
    <t>臼井台</t>
  </si>
  <si>
    <t>内田</t>
  </si>
  <si>
    <t>裏新町</t>
  </si>
  <si>
    <t>瓜坪新田</t>
  </si>
  <si>
    <t>江原</t>
  </si>
  <si>
    <t>江原新田</t>
  </si>
  <si>
    <t>江原台</t>
  </si>
  <si>
    <t>王子台</t>
  </si>
  <si>
    <t>大崎台</t>
  </si>
  <si>
    <t>大作</t>
  </si>
  <si>
    <t>大佐倉</t>
  </si>
  <si>
    <t>大篠塚</t>
  </si>
  <si>
    <t>大蛇町</t>
  </si>
  <si>
    <t>小竹</t>
  </si>
  <si>
    <t>生谷</t>
  </si>
  <si>
    <t>表町</t>
  </si>
  <si>
    <t>海隣寺町</t>
  </si>
  <si>
    <t>角来</t>
  </si>
  <si>
    <t>鹿島干拓</t>
  </si>
  <si>
    <t>鏑木仲田町</t>
  </si>
  <si>
    <t>鏑木町</t>
  </si>
  <si>
    <t>上勝田</t>
  </si>
  <si>
    <t>上志津</t>
  </si>
  <si>
    <t>上志津原</t>
  </si>
  <si>
    <t>上代</t>
  </si>
  <si>
    <t>上別所</t>
  </si>
  <si>
    <t>木野子</t>
  </si>
  <si>
    <t>神門</t>
  </si>
  <si>
    <t>小篠塚</t>
  </si>
  <si>
    <t>米戸</t>
  </si>
  <si>
    <t>坂戸</t>
  </si>
  <si>
    <t>寒風</t>
  </si>
  <si>
    <t>山王</t>
  </si>
  <si>
    <t>下勝田</t>
  </si>
  <si>
    <t>下志津</t>
  </si>
  <si>
    <t>下志津原</t>
  </si>
  <si>
    <t>下根</t>
  </si>
  <si>
    <t>下根町</t>
  </si>
  <si>
    <t>樹木町</t>
  </si>
  <si>
    <t>城</t>
  </si>
  <si>
    <t>上座</t>
  </si>
  <si>
    <t>城内町</t>
  </si>
  <si>
    <t>白銀</t>
  </si>
  <si>
    <t>新臼井田</t>
  </si>
  <si>
    <t>新町</t>
  </si>
  <si>
    <t>千成</t>
  </si>
  <si>
    <t>染井野</t>
  </si>
  <si>
    <t>高岡</t>
  </si>
  <si>
    <t>高崎</t>
  </si>
  <si>
    <t>田町</t>
  </si>
  <si>
    <t>土浮</t>
  </si>
  <si>
    <t>坪山新田</t>
  </si>
  <si>
    <t>寺崎</t>
  </si>
  <si>
    <t>藤治台</t>
  </si>
  <si>
    <t>直弥</t>
  </si>
  <si>
    <t>中志津</t>
  </si>
  <si>
    <t>中尾余町</t>
  </si>
  <si>
    <t>長熊</t>
  </si>
  <si>
    <t>七曲</t>
  </si>
  <si>
    <t>鍋山町</t>
  </si>
  <si>
    <t>並木町</t>
  </si>
  <si>
    <t>西志津</t>
  </si>
  <si>
    <t>西御門</t>
  </si>
  <si>
    <t>萩山新田</t>
  </si>
  <si>
    <t>羽鳥</t>
  </si>
  <si>
    <t>春路</t>
  </si>
  <si>
    <t>藤沢町</t>
  </si>
  <si>
    <t>将門町</t>
  </si>
  <si>
    <t>先崎</t>
  </si>
  <si>
    <t>馬渡</t>
  </si>
  <si>
    <t>南臼井台</t>
  </si>
  <si>
    <t>南ユーカリが丘</t>
  </si>
  <si>
    <t>宮内</t>
  </si>
  <si>
    <t>宮小路町</t>
  </si>
  <si>
    <t>宮ノ台</t>
  </si>
  <si>
    <t>宮前</t>
  </si>
  <si>
    <t>宮本</t>
  </si>
  <si>
    <t>弥勒町</t>
  </si>
  <si>
    <t>六崎</t>
  </si>
  <si>
    <t>最上町</t>
  </si>
  <si>
    <t>本町</t>
  </si>
  <si>
    <t>八木</t>
  </si>
  <si>
    <t>野狐台町</t>
  </si>
  <si>
    <t>山崎</t>
  </si>
  <si>
    <t>ユーカリが丘</t>
  </si>
  <si>
    <t>吉見</t>
  </si>
  <si>
    <t>東金市</t>
  </si>
  <si>
    <t>粟生飛地</t>
  </si>
  <si>
    <t>荒生</t>
  </si>
  <si>
    <t>家之子</t>
  </si>
  <si>
    <t>砂古瀬</t>
  </si>
  <si>
    <t>一之袋</t>
  </si>
  <si>
    <t>上谷</t>
  </si>
  <si>
    <t>大沼</t>
  </si>
  <si>
    <t>大沼田</t>
  </si>
  <si>
    <t>丘山台</t>
  </si>
  <si>
    <t>押堀</t>
  </si>
  <si>
    <t>小野</t>
  </si>
  <si>
    <t>家徳</t>
  </si>
  <si>
    <t>上布田</t>
  </si>
  <si>
    <t>上武射田</t>
  </si>
  <si>
    <t>川場</t>
  </si>
  <si>
    <t>北幸谷</t>
  </si>
  <si>
    <t>北之幸谷</t>
  </si>
  <si>
    <t>季美の森東</t>
  </si>
  <si>
    <t>求名</t>
  </si>
  <si>
    <t>極楽寺</t>
  </si>
  <si>
    <t>小沼田</t>
  </si>
  <si>
    <t>士農田</t>
  </si>
  <si>
    <t>下武射田</t>
  </si>
  <si>
    <t>下谷</t>
  </si>
  <si>
    <t>宿</t>
  </si>
  <si>
    <t>酒蔵</t>
  </si>
  <si>
    <t>薄島</t>
  </si>
  <si>
    <t>関内</t>
  </si>
  <si>
    <t>関下</t>
  </si>
  <si>
    <t>台方</t>
  </si>
  <si>
    <t>高倉</t>
  </si>
  <si>
    <t>滝</t>
  </si>
  <si>
    <t>滝沢</t>
  </si>
  <si>
    <t>田中</t>
  </si>
  <si>
    <t>田間</t>
  </si>
  <si>
    <t>丹尾</t>
  </si>
  <si>
    <t>東金</t>
  </si>
  <si>
    <t>道庭</t>
  </si>
  <si>
    <t>殿廻</t>
  </si>
  <si>
    <t>西中</t>
  </si>
  <si>
    <t>西野飛地</t>
  </si>
  <si>
    <t>西福俵</t>
  </si>
  <si>
    <t>二之袋</t>
  </si>
  <si>
    <t>東岩崎</t>
  </si>
  <si>
    <t>東上宿</t>
  </si>
  <si>
    <t>東新宿</t>
  </si>
  <si>
    <t>東中</t>
  </si>
  <si>
    <t>東中島</t>
  </si>
  <si>
    <t>菱沼</t>
  </si>
  <si>
    <t>日吉台</t>
  </si>
  <si>
    <t>広瀬</t>
  </si>
  <si>
    <t>福俵</t>
  </si>
  <si>
    <t>藤下飛地</t>
  </si>
  <si>
    <t>二又</t>
  </si>
  <si>
    <t>不動堂飛地</t>
  </si>
  <si>
    <t>細屋敷</t>
  </si>
  <si>
    <t>堀上</t>
  </si>
  <si>
    <t>堀之内</t>
  </si>
  <si>
    <t>前之内</t>
  </si>
  <si>
    <t>松之郷</t>
  </si>
  <si>
    <t>大豆谷</t>
  </si>
  <si>
    <t>三浦名</t>
  </si>
  <si>
    <t>三ケ尻</t>
  </si>
  <si>
    <t>御門</t>
  </si>
  <si>
    <t>南上宿</t>
  </si>
  <si>
    <t>宮</t>
  </si>
  <si>
    <t>柏市</t>
  </si>
  <si>
    <t>根戸</t>
  </si>
  <si>
    <t>根戸新田</t>
  </si>
  <si>
    <t>八幡町</t>
  </si>
  <si>
    <t>花野井</t>
  </si>
  <si>
    <t>光ケ丘</t>
  </si>
  <si>
    <t>光ケ丘団地</t>
  </si>
  <si>
    <t>東柏</t>
  </si>
  <si>
    <t>東逆井</t>
  </si>
  <si>
    <t>東中新宿</t>
  </si>
  <si>
    <t>東山</t>
  </si>
  <si>
    <t>日立台</t>
  </si>
  <si>
    <t>ひばりが丘</t>
  </si>
  <si>
    <t>藤ケ谷</t>
  </si>
  <si>
    <t>藤ケ谷新田</t>
  </si>
  <si>
    <t>藤心</t>
  </si>
  <si>
    <t>布施</t>
  </si>
  <si>
    <t>布瀬</t>
  </si>
  <si>
    <t>布施下</t>
  </si>
  <si>
    <t>布施新田</t>
  </si>
  <si>
    <t>布瀬新田</t>
  </si>
  <si>
    <t>布施新町</t>
  </si>
  <si>
    <t>船戸</t>
  </si>
  <si>
    <t>船戸山高野</t>
  </si>
  <si>
    <t>弁天下</t>
  </si>
  <si>
    <t>増尾</t>
  </si>
  <si>
    <t>増尾台</t>
  </si>
  <si>
    <t>松ケ崎</t>
  </si>
  <si>
    <t>松ケ崎新田</t>
  </si>
  <si>
    <t>松葉町</t>
  </si>
  <si>
    <t>緑ケ丘</t>
  </si>
  <si>
    <t>みどり台</t>
  </si>
  <si>
    <t>緑台</t>
  </si>
  <si>
    <t>南柏</t>
  </si>
  <si>
    <t>南柏中央</t>
  </si>
  <si>
    <t>南逆井</t>
  </si>
  <si>
    <t>南高柳</t>
  </si>
  <si>
    <t>南増尾</t>
  </si>
  <si>
    <t>箕輪</t>
  </si>
  <si>
    <t>箕輪新田</t>
  </si>
  <si>
    <t>向原町</t>
  </si>
  <si>
    <t>柳戸</t>
  </si>
  <si>
    <t>弥生町</t>
  </si>
  <si>
    <t>豊町</t>
  </si>
  <si>
    <t>吉野沢</t>
  </si>
  <si>
    <t>呼塚</t>
  </si>
  <si>
    <t>呼塚新田</t>
  </si>
  <si>
    <t>若柴</t>
  </si>
  <si>
    <t>若白毛</t>
  </si>
  <si>
    <t>鷲野谷</t>
  </si>
  <si>
    <t>鷲野谷新田</t>
  </si>
  <si>
    <t>勝浦市</t>
  </si>
  <si>
    <t>赤羽根</t>
  </si>
  <si>
    <t>荒川</t>
  </si>
  <si>
    <t>市野川</t>
  </si>
  <si>
    <t>市野郷</t>
  </si>
  <si>
    <t>出水</t>
  </si>
  <si>
    <t>上野</t>
  </si>
  <si>
    <t>植野</t>
  </si>
  <si>
    <t>鵜原</t>
  </si>
  <si>
    <t>大楠</t>
  </si>
  <si>
    <t>大沢</t>
  </si>
  <si>
    <t>大森</t>
  </si>
  <si>
    <t>大森上植野入会地</t>
  </si>
  <si>
    <t>興津</t>
  </si>
  <si>
    <t>興津久保山台</t>
  </si>
  <si>
    <t>貝掛</t>
  </si>
  <si>
    <t>勝浦</t>
  </si>
  <si>
    <t>蟹田</t>
  </si>
  <si>
    <t>上植野</t>
  </si>
  <si>
    <t>川津</t>
  </si>
  <si>
    <t>串浜</t>
  </si>
  <si>
    <t>小羽戸</t>
  </si>
  <si>
    <t>小松野</t>
  </si>
  <si>
    <t>沢倉</t>
  </si>
  <si>
    <t>宿戸</t>
  </si>
  <si>
    <t>白井久保</t>
  </si>
  <si>
    <t>白木</t>
  </si>
  <si>
    <t>新官</t>
  </si>
  <si>
    <t>新戸</t>
  </si>
  <si>
    <t>杉戸</t>
  </si>
  <si>
    <t>関谷</t>
  </si>
  <si>
    <t>台宿</t>
  </si>
  <si>
    <t>墨名</t>
  </si>
  <si>
    <t>中倉</t>
  </si>
  <si>
    <t>中谷</t>
  </si>
  <si>
    <t>名木</t>
  </si>
  <si>
    <t>芳賀</t>
  </si>
  <si>
    <t>花里</t>
  </si>
  <si>
    <t>浜勝浦</t>
  </si>
  <si>
    <t>浜行川</t>
  </si>
  <si>
    <t>平田</t>
  </si>
  <si>
    <t>部原</t>
  </si>
  <si>
    <t>法花</t>
  </si>
  <si>
    <t>松野</t>
  </si>
  <si>
    <t>松部</t>
  </si>
  <si>
    <t>南山田</t>
  </si>
  <si>
    <t>守谷</t>
  </si>
  <si>
    <t>吉尾</t>
  </si>
  <si>
    <t>市原市</t>
  </si>
  <si>
    <t>相川</t>
  </si>
  <si>
    <t>青葉台</t>
  </si>
  <si>
    <t>青柳</t>
  </si>
  <si>
    <t>青柳海岸</t>
  </si>
  <si>
    <t>青柳北</t>
  </si>
  <si>
    <t>安久谷</t>
  </si>
  <si>
    <t>浅井小向</t>
  </si>
  <si>
    <t>旭五所</t>
  </si>
  <si>
    <t>安須</t>
  </si>
  <si>
    <t>朝生原</t>
  </si>
  <si>
    <t>姉崎</t>
  </si>
  <si>
    <t>姉崎海岸</t>
  </si>
  <si>
    <t>海士有木</t>
  </si>
  <si>
    <t>天羽田</t>
  </si>
  <si>
    <t>新井</t>
  </si>
  <si>
    <t>新生</t>
  </si>
  <si>
    <t>新巻</t>
  </si>
  <si>
    <t>飯沼</t>
  </si>
  <si>
    <t>池和田</t>
  </si>
  <si>
    <t>石神</t>
  </si>
  <si>
    <t>石塚</t>
  </si>
  <si>
    <t>泉台</t>
  </si>
  <si>
    <t>磯ケ谷</t>
  </si>
  <si>
    <t>飯給</t>
  </si>
  <si>
    <t>市原</t>
  </si>
  <si>
    <t>市場</t>
  </si>
  <si>
    <t>糸久</t>
  </si>
  <si>
    <t>犬成</t>
  </si>
  <si>
    <t>今津朝山</t>
  </si>
  <si>
    <t>今富</t>
  </si>
  <si>
    <t>不入斗</t>
  </si>
  <si>
    <t>岩</t>
  </si>
  <si>
    <t>岩崎</t>
  </si>
  <si>
    <t>岩崎西</t>
  </si>
  <si>
    <t>岩野見</t>
  </si>
  <si>
    <t>上原</t>
  </si>
  <si>
    <t>牛久</t>
  </si>
  <si>
    <t>馬立</t>
  </si>
  <si>
    <t>潤井戸</t>
  </si>
  <si>
    <t>江子田</t>
  </si>
  <si>
    <t>大桶</t>
  </si>
  <si>
    <t>大蔵</t>
  </si>
  <si>
    <t>大坪</t>
  </si>
  <si>
    <t>大戸</t>
  </si>
  <si>
    <t>大厩</t>
  </si>
  <si>
    <t>大和田</t>
  </si>
  <si>
    <t>荻作</t>
  </si>
  <si>
    <t>奥野</t>
  </si>
  <si>
    <t>押沼</t>
  </si>
  <si>
    <t>小田部</t>
  </si>
  <si>
    <t>折津</t>
  </si>
  <si>
    <t>海保</t>
  </si>
  <si>
    <t>柿木台</t>
  </si>
  <si>
    <t>風戸</t>
  </si>
  <si>
    <t>柏原</t>
  </si>
  <si>
    <t>神代</t>
  </si>
  <si>
    <t>片又木</t>
  </si>
  <si>
    <t>勝間</t>
  </si>
  <si>
    <t>金沢</t>
  </si>
  <si>
    <t>上高根</t>
  </si>
  <si>
    <t>加茂</t>
  </si>
  <si>
    <t>栢橋</t>
  </si>
  <si>
    <t>川在</t>
  </si>
  <si>
    <t>神崎</t>
  </si>
  <si>
    <t>菊間</t>
  </si>
  <si>
    <t>喜多</t>
  </si>
  <si>
    <t>北国分寺台</t>
  </si>
  <si>
    <t>吉沢</t>
  </si>
  <si>
    <t>君塚</t>
  </si>
  <si>
    <t>久々津</t>
  </si>
  <si>
    <t>草刈（１６５６～１９９９）</t>
  </si>
  <si>
    <t>草刈（その他）</t>
  </si>
  <si>
    <t>久保</t>
  </si>
  <si>
    <t>五井</t>
  </si>
  <si>
    <t>流山市</t>
  </si>
  <si>
    <t>深井新田</t>
  </si>
  <si>
    <t>富士見台</t>
  </si>
  <si>
    <t>古間木</t>
  </si>
  <si>
    <t>平和台</t>
  </si>
  <si>
    <t>前ケ崎</t>
  </si>
  <si>
    <t>前平井</t>
  </si>
  <si>
    <t>松ケ丘</t>
  </si>
  <si>
    <t>美田</t>
  </si>
  <si>
    <t>南</t>
  </si>
  <si>
    <t>南流山</t>
  </si>
  <si>
    <t>美原</t>
  </si>
  <si>
    <t>宮園</t>
  </si>
  <si>
    <t>三輪野山</t>
  </si>
  <si>
    <t>向小金</t>
  </si>
  <si>
    <t>若葉台</t>
  </si>
  <si>
    <t>八千代市</t>
  </si>
  <si>
    <t>神久保</t>
  </si>
  <si>
    <t>大和田新田</t>
  </si>
  <si>
    <t>尾崎</t>
  </si>
  <si>
    <t>勝田</t>
  </si>
  <si>
    <t>勝田台</t>
  </si>
  <si>
    <t>勝田台南</t>
  </si>
  <si>
    <t>神野</t>
  </si>
  <si>
    <t>上高野</t>
  </si>
  <si>
    <t>萱田</t>
  </si>
  <si>
    <t>萱田町</t>
  </si>
  <si>
    <t>桑納</t>
  </si>
  <si>
    <t>小池</t>
  </si>
  <si>
    <t>佐山</t>
  </si>
  <si>
    <t>島田</t>
  </si>
  <si>
    <t>島田台</t>
  </si>
  <si>
    <t>下市場</t>
  </si>
  <si>
    <t>下高野</t>
  </si>
  <si>
    <t>桑橋</t>
  </si>
  <si>
    <t>大学町</t>
  </si>
  <si>
    <t>高津</t>
  </si>
  <si>
    <t>高津団地</t>
  </si>
  <si>
    <t>高津東</t>
  </si>
  <si>
    <t>平戸</t>
  </si>
  <si>
    <t>保品</t>
  </si>
  <si>
    <t>堀の内</t>
  </si>
  <si>
    <t>真木野</t>
  </si>
  <si>
    <t>緑が丘</t>
  </si>
  <si>
    <t>麦丸</t>
  </si>
  <si>
    <t>村上</t>
  </si>
  <si>
    <t>村上団地</t>
  </si>
  <si>
    <t>村上南</t>
  </si>
  <si>
    <t>八千代台東</t>
  </si>
  <si>
    <t>八千代台西</t>
  </si>
  <si>
    <t>八千代台南</t>
  </si>
  <si>
    <t>八千代台北</t>
  </si>
  <si>
    <t>ゆりのき台</t>
  </si>
  <si>
    <t>吉橋</t>
  </si>
  <si>
    <t>米本</t>
  </si>
  <si>
    <t>米本団地</t>
  </si>
  <si>
    <t>我孫子市</t>
  </si>
  <si>
    <t>相島新田</t>
  </si>
  <si>
    <t>青山</t>
  </si>
  <si>
    <t>青山台</t>
  </si>
  <si>
    <t>我孫子</t>
  </si>
  <si>
    <t>我孫子新田</t>
  </si>
  <si>
    <t>新木</t>
  </si>
  <si>
    <t>新木野</t>
  </si>
  <si>
    <t>新木村下</t>
  </si>
  <si>
    <t>泉</t>
  </si>
  <si>
    <t>都部</t>
  </si>
  <si>
    <t>都部新田</t>
  </si>
  <si>
    <t>都部村新田</t>
  </si>
  <si>
    <t>江蔵地</t>
  </si>
  <si>
    <t>大作新田</t>
  </si>
  <si>
    <t>岡発戸</t>
  </si>
  <si>
    <t>岡発戸新田</t>
  </si>
  <si>
    <t>上沼田</t>
  </si>
  <si>
    <t>北新田</t>
  </si>
  <si>
    <t>久寺家</t>
  </si>
  <si>
    <t>高野山</t>
  </si>
  <si>
    <t>高野山新田</t>
  </si>
  <si>
    <t>寿</t>
  </si>
  <si>
    <t>湖北台</t>
  </si>
  <si>
    <t>栄</t>
  </si>
  <si>
    <t>下ケ戸</t>
  </si>
  <si>
    <t>柴崎</t>
  </si>
  <si>
    <t>柴崎台</t>
  </si>
  <si>
    <t>下沼田</t>
  </si>
  <si>
    <t>新々田</t>
  </si>
  <si>
    <t>浅間前新田</t>
  </si>
  <si>
    <t>台田</t>
  </si>
  <si>
    <t>つくし野</t>
  </si>
  <si>
    <t>天王台</t>
  </si>
  <si>
    <t>中里新田</t>
  </si>
  <si>
    <t>中沼田</t>
  </si>
  <si>
    <t>中峠</t>
  </si>
  <si>
    <t>中峠台</t>
  </si>
  <si>
    <t>中峠村下</t>
  </si>
  <si>
    <t>並木</t>
  </si>
  <si>
    <t>白山</t>
  </si>
  <si>
    <t>東我孫子</t>
  </si>
  <si>
    <t>日の出</t>
  </si>
  <si>
    <t>日秀</t>
  </si>
  <si>
    <t>日秀新田</t>
  </si>
  <si>
    <t>布佐</t>
  </si>
  <si>
    <t>布佐下新田</t>
  </si>
  <si>
    <t>布佐酉町</t>
  </si>
  <si>
    <t>布佐平和台</t>
  </si>
  <si>
    <t>古戸</t>
  </si>
  <si>
    <t>三河屋新田</t>
  </si>
  <si>
    <t>緑</t>
  </si>
  <si>
    <t>南青山</t>
  </si>
  <si>
    <t>南新木</t>
  </si>
  <si>
    <t>都</t>
  </si>
  <si>
    <t>若松</t>
  </si>
  <si>
    <t>鴨川市</t>
  </si>
  <si>
    <t>天津</t>
  </si>
  <si>
    <t>天面</t>
  </si>
  <si>
    <t>粟斗</t>
  </si>
  <si>
    <t>池田</t>
  </si>
  <si>
    <t>和泉</t>
  </si>
  <si>
    <t>磯村</t>
  </si>
  <si>
    <t>内浦</t>
  </si>
  <si>
    <t>打墨</t>
  </si>
  <si>
    <t>江見青木</t>
  </si>
  <si>
    <t>江見内遠野</t>
  </si>
  <si>
    <t>江見外堀</t>
  </si>
  <si>
    <t>江見太夫崎</t>
  </si>
  <si>
    <t>江見東真門</t>
  </si>
  <si>
    <t>江見西真門</t>
  </si>
  <si>
    <t>江見吉浦</t>
  </si>
  <si>
    <t>大川面</t>
  </si>
  <si>
    <t>大幡</t>
  </si>
  <si>
    <t>大山平塚</t>
  </si>
  <si>
    <t>押切</t>
  </si>
  <si>
    <t>太田学</t>
  </si>
  <si>
    <t>貝渚</t>
  </si>
  <si>
    <t>釜沼</t>
  </si>
  <si>
    <t>上</t>
  </si>
  <si>
    <t>上小原</t>
  </si>
  <si>
    <t>川代</t>
  </si>
  <si>
    <t>北小町</t>
  </si>
  <si>
    <t>京田</t>
  </si>
  <si>
    <t>清澄</t>
  </si>
  <si>
    <t>金束</t>
  </si>
  <si>
    <t>古畑</t>
  </si>
  <si>
    <t>小湊</t>
  </si>
  <si>
    <t>下小原</t>
  </si>
  <si>
    <t>主基西</t>
  </si>
  <si>
    <t>代</t>
  </si>
  <si>
    <t>大里</t>
  </si>
  <si>
    <t>竹平</t>
  </si>
  <si>
    <t>田原西</t>
  </si>
  <si>
    <t>寺門</t>
  </si>
  <si>
    <t>仲</t>
  </si>
  <si>
    <t>仲町</t>
  </si>
  <si>
    <t>北風原</t>
  </si>
  <si>
    <t>奈良林</t>
  </si>
  <si>
    <t>成川</t>
  </si>
  <si>
    <t>西</t>
  </si>
  <si>
    <t>西江見</t>
  </si>
  <si>
    <t>西町</t>
  </si>
  <si>
    <t>西山</t>
  </si>
  <si>
    <t>滑谷</t>
  </si>
  <si>
    <t>畑</t>
  </si>
  <si>
    <t>君津市</t>
  </si>
  <si>
    <t>二入</t>
  </si>
  <si>
    <t>袖ケ浦市</t>
  </si>
  <si>
    <t>東京都</t>
  </si>
  <si>
    <t>千代田区</t>
  </si>
  <si>
    <t>丸の内丸の内ビルディング（２６階）</t>
  </si>
  <si>
    <t>港区</t>
  </si>
  <si>
    <t>東新橋汐留メディアタワー（１３階）</t>
  </si>
  <si>
    <t>新宿区</t>
  </si>
  <si>
    <t>西新宿新宿センタービル（４７階）</t>
  </si>
  <si>
    <t>文京区</t>
  </si>
  <si>
    <t>目白台</t>
  </si>
  <si>
    <t>弥生</t>
  </si>
  <si>
    <t>湯島</t>
  </si>
  <si>
    <t>台東区</t>
  </si>
  <si>
    <t>秋葉原</t>
  </si>
  <si>
    <t>浅草</t>
  </si>
  <si>
    <t>浅草橋</t>
  </si>
  <si>
    <t>池之端</t>
  </si>
  <si>
    <t>今戸</t>
  </si>
  <si>
    <t>入谷</t>
  </si>
  <si>
    <t>上野公園</t>
  </si>
  <si>
    <t>上野桜木</t>
  </si>
  <si>
    <t>雷門</t>
  </si>
  <si>
    <t>北上野</t>
  </si>
  <si>
    <t>蔵前</t>
  </si>
  <si>
    <t>小島</t>
  </si>
  <si>
    <t>駒形</t>
  </si>
  <si>
    <t>千束</t>
  </si>
  <si>
    <t>台東</t>
  </si>
  <si>
    <t>鳥越</t>
  </si>
  <si>
    <t>西浅草</t>
  </si>
  <si>
    <t>日本堤</t>
  </si>
  <si>
    <t>橋場</t>
  </si>
  <si>
    <t>花川戸</t>
  </si>
  <si>
    <t>東浅草</t>
  </si>
  <si>
    <t>東上野</t>
  </si>
  <si>
    <t>松が谷</t>
  </si>
  <si>
    <t>三筋</t>
  </si>
  <si>
    <t>三ノ輪</t>
  </si>
  <si>
    <t>元浅草</t>
  </si>
  <si>
    <t>谷中</t>
  </si>
  <si>
    <t>柳橋</t>
  </si>
  <si>
    <t>竜泉</t>
  </si>
  <si>
    <t>墨田区</t>
  </si>
  <si>
    <t>吾妻橋</t>
  </si>
  <si>
    <t>石原</t>
  </si>
  <si>
    <t>押上</t>
  </si>
  <si>
    <t>亀沢</t>
  </si>
  <si>
    <t>菊川</t>
  </si>
  <si>
    <t>京島</t>
  </si>
  <si>
    <t>錦糸</t>
  </si>
  <si>
    <t>江東橋</t>
  </si>
  <si>
    <t>墨田</t>
  </si>
  <si>
    <t>太平</t>
  </si>
  <si>
    <t>立花</t>
  </si>
  <si>
    <t>立川</t>
  </si>
  <si>
    <t>千歳</t>
  </si>
  <si>
    <t>堤通</t>
  </si>
  <si>
    <t>業平</t>
  </si>
  <si>
    <t>東駒形</t>
  </si>
  <si>
    <t>東墨田</t>
  </si>
  <si>
    <t>東向島</t>
  </si>
  <si>
    <t>文花</t>
  </si>
  <si>
    <t>本所</t>
  </si>
  <si>
    <t>向島</t>
  </si>
  <si>
    <t>八広</t>
  </si>
  <si>
    <t>横網</t>
  </si>
  <si>
    <t>横川</t>
  </si>
  <si>
    <t>両国</t>
  </si>
  <si>
    <t>江東区</t>
  </si>
  <si>
    <t>青海</t>
  </si>
  <si>
    <t>有明</t>
  </si>
  <si>
    <t>石島</t>
  </si>
  <si>
    <t>海辺</t>
  </si>
  <si>
    <t>永代</t>
  </si>
  <si>
    <t>枝川</t>
  </si>
  <si>
    <t>越中島</t>
  </si>
  <si>
    <t>扇橋</t>
  </si>
  <si>
    <t>大島</t>
  </si>
  <si>
    <t>亀戸</t>
  </si>
  <si>
    <t>北砂</t>
  </si>
  <si>
    <t>木場</t>
  </si>
  <si>
    <t>佐賀</t>
  </si>
  <si>
    <t>猿江</t>
  </si>
  <si>
    <t>塩浜</t>
  </si>
  <si>
    <t>東雲</t>
  </si>
  <si>
    <t>白河</t>
  </si>
  <si>
    <t>新大橋</t>
  </si>
  <si>
    <t>新木場</t>
  </si>
  <si>
    <t>新砂</t>
  </si>
  <si>
    <t>住吉</t>
  </si>
  <si>
    <t>千石</t>
  </si>
  <si>
    <t>千田</t>
  </si>
  <si>
    <t>高橋</t>
  </si>
  <si>
    <t>辰巳</t>
  </si>
  <si>
    <t>中央防波堤</t>
  </si>
  <si>
    <t>東陽</t>
  </si>
  <si>
    <t>常盤</t>
  </si>
  <si>
    <t>富岡</t>
  </si>
  <si>
    <t>豊洲（次のビルを除く）</t>
  </si>
  <si>
    <t>豊洲豊洲センタービル（地階・階層不明）</t>
  </si>
  <si>
    <t>豊洲豊洲センタービル（１階）</t>
  </si>
  <si>
    <t>豊洲豊洲センタービル（２階）</t>
  </si>
  <si>
    <t>豊洲豊洲センタービル（３階）</t>
  </si>
  <si>
    <t>豊洲豊洲センタービル（４階）</t>
  </si>
  <si>
    <t>豊洲豊洲センタービル（５階）</t>
  </si>
  <si>
    <t>豊洲豊洲センタービル（６階）</t>
  </si>
  <si>
    <t>豊洲豊洲センタービル（７階）</t>
  </si>
  <si>
    <t>豊洲豊洲センタービル（８階）</t>
  </si>
  <si>
    <t>豊洲豊洲センタービル（９階）</t>
  </si>
  <si>
    <t>豊洲豊洲センタービル（１０階）</t>
  </si>
  <si>
    <t>豊洲豊洲センタービル（１１階）</t>
  </si>
  <si>
    <t>豊洲豊洲センタービル（１２階）</t>
  </si>
  <si>
    <t>豊洲豊洲センタービル（１３階）</t>
  </si>
  <si>
    <t>豊洲豊洲センタービル（１４階）</t>
  </si>
  <si>
    <t>豊洲豊洲センタービル（１５階）</t>
  </si>
  <si>
    <t>豊洲豊洲センタービル（１６階）</t>
  </si>
  <si>
    <t>豊洲豊洲センタービル（１７階）</t>
  </si>
  <si>
    <t>豊洲豊洲センタービル（１８階）</t>
  </si>
  <si>
    <t>豊洲豊洲センタービル（１９階）</t>
  </si>
  <si>
    <t>豊洲豊洲センタービル（２０階）</t>
  </si>
  <si>
    <t>豊洲豊洲センタービル（２１階）</t>
  </si>
  <si>
    <t>豊洲豊洲センタービル（２２階）</t>
  </si>
  <si>
    <t>豊洲豊洲センタービル（２３階）</t>
  </si>
  <si>
    <t>豊洲豊洲センタービル（２４階）</t>
  </si>
  <si>
    <t>豊洲豊洲センタービル（２５階）</t>
  </si>
  <si>
    <t>豊洲豊洲センタービル（２６階）</t>
  </si>
  <si>
    <t>豊洲豊洲センタービル（２７階）</t>
  </si>
  <si>
    <t>豊洲豊洲センタービル（２８階）</t>
  </si>
  <si>
    <t>豊洲豊洲センタービル（２９階）</t>
  </si>
  <si>
    <t>豊洲豊洲センタービル（３０階）</t>
  </si>
  <si>
    <t>豊洲豊洲センタービル（３１階）</t>
  </si>
  <si>
    <t>豊洲豊洲センタービル（３２階）</t>
  </si>
  <si>
    <t>豊洲豊洲センタービル（３３階）</t>
  </si>
  <si>
    <t>豊洲豊洲センタービル（３４階）</t>
  </si>
  <si>
    <t>豊洲豊洲センタービル（３５階）</t>
  </si>
  <si>
    <t>豊洲豊洲センタービル（３６階）</t>
  </si>
  <si>
    <t>豊洲豊洲センタービル（３７階）</t>
  </si>
  <si>
    <t>東砂</t>
  </si>
  <si>
    <t>平野</t>
  </si>
  <si>
    <t>深川</t>
  </si>
  <si>
    <t>福住</t>
  </si>
  <si>
    <t>冬木</t>
  </si>
  <si>
    <t>古石場</t>
  </si>
  <si>
    <t>牡丹</t>
  </si>
  <si>
    <t>南砂</t>
  </si>
  <si>
    <t>三好</t>
  </si>
  <si>
    <t>毛利</t>
  </si>
  <si>
    <t>森下</t>
  </si>
  <si>
    <t>門前仲町</t>
  </si>
  <si>
    <t>夢の島</t>
  </si>
  <si>
    <t>若洲</t>
  </si>
  <si>
    <t>品川区</t>
  </si>
  <si>
    <t>南房総市</t>
  </si>
  <si>
    <t>西新宿新宿センタービル（４８階）</t>
  </si>
  <si>
    <t>西新宿新宿センタービル（４９階）</t>
  </si>
  <si>
    <t>西新宿新宿センタービル（５０階）</t>
  </si>
  <si>
    <t>西新宿新宿センタービル（５１階）</t>
  </si>
  <si>
    <t>西新宿新宿センタービル（５２階）</t>
  </si>
  <si>
    <t>西新宿新宿センタービル（５３階）</t>
  </si>
  <si>
    <t>西新宿新宿センタービル（５４階）</t>
  </si>
  <si>
    <t>西新宿新宿第一生命ビル（地階・階層不明）</t>
  </si>
  <si>
    <t>西新宿新宿第一生命ビル（１階）</t>
  </si>
  <si>
    <t>西新宿新宿第一生命ビル（２階）</t>
  </si>
  <si>
    <t>西新宿新宿第一生命ビル（３階）</t>
  </si>
  <si>
    <t>西新宿新宿第一生命ビル（４階）</t>
  </si>
  <si>
    <t>西新宿新宿第一生命ビル（５階）</t>
  </si>
  <si>
    <t>西新宿新宿第一生命ビル（６階）</t>
  </si>
  <si>
    <t>西新宿新宿第一生命ビル（７階）</t>
  </si>
  <si>
    <t>西新宿新宿第一生命ビル（８階）</t>
  </si>
  <si>
    <t>西新宿新宿第一生命ビル（９階）</t>
  </si>
  <si>
    <t>西新宿新宿第一生命ビル（１０階）</t>
  </si>
  <si>
    <t>西新宿新宿第一生命ビル（１１階）</t>
  </si>
  <si>
    <t>西新宿新宿第一生命ビル（１２階）</t>
  </si>
  <si>
    <t>西新宿新宿第一生命ビル（１３階）</t>
  </si>
  <si>
    <t>西新宿新宿第一生命ビル（１４階）</t>
  </si>
  <si>
    <t>西新宿新宿第一生命ビル（１５階）</t>
  </si>
  <si>
    <t>西新宿新宿第一生命ビル（１６階）</t>
  </si>
  <si>
    <t>西新宿新宿第一生命ビル（１７階）</t>
  </si>
  <si>
    <t>西新宿新宿第一生命ビル（１８階）</t>
  </si>
  <si>
    <t>西新宿新宿第一生命ビル（１９階）</t>
  </si>
  <si>
    <t>西新宿新宿第一生命ビル（２０階）</t>
  </si>
  <si>
    <t>西新宿新宿第一生命ビル（２１階）</t>
  </si>
  <si>
    <t>西新宿新宿第一生命ビル（２２階）</t>
  </si>
  <si>
    <t>西新宿新宿第一生命ビル（２３階）</t>
  </si>
  <si>
    <t>西新宿新宿第一生命ビル（２４階）</t>
  </si>
  <si>
    <t>西新宿新宿第一生命ビル（２５階）</t>
  </si>
  <si>
    <t>西新宿新宿第一生命ビル（２６階）</t>
  </si>
  <si>
    <t>西新宿新宿野村ビル（地階・階層不明）</t>
  </si>
  <si>
    <t>西新宿新宿野村ビル（１階）</t>
  </si>
  <si>
    <t>西新宿新宿野村ビル（２階）</t>
  </si>
  <si>
    <t>西新宿新宿野村ビル（３階）</t>
  </si>
  <si>
    <t>西新宿新宿野村ビル（４階）</t>
  </si>
  <si>
    <t>西新宿新宿野村ビル（５階）</t>
  </si>
  <si>
    <t>西新宿新宿野村ビル（６階）</t>
  </si>
  <si>
    <t>西新宿新宿野村ビル（７階）</t>
  </si>
  <si>
    <t>西新宿新宿野村ビル（８階）</t>
  </si>
  <si>
    <t>西新宿新宿野村ビル（９階）</t>
  </si>
  <si>
    <t>西新宿新宿野村ビル（１０階）</t>
  </si>
  <si>
    <t>西新宿新宿野村ビル（１１階）</t>
  </si>
  <si>
    <t>西新宿新宿野村ビル（１２階）</t>
  </si>
  <si>
    <t>西新宿新宿野村ビル（１３階）</t>
  </si>
  <si>
    <t>西新宿新宿野村ビル（１４階）</t>
  </si>
  <si>
    <t>西新宿新宿野村ビル（１５階）</t>
  </si>
  <si>
    <t>西新宿新宿野村ビル（１６階）</t>
  </si>
  <si>
    <t>西新宿新宿野村ビル（１７階）</t>
  </si>
  <si>
    <t>西新宿新宿野村ビル（１８階）</t>
  </si>
  <si>
    <t>西新宿新宿野村ビル（１９階）</t>
  </si>
  <si>
    <t>西新宿新宿野村ビル（２０階）</t>
  </si>
  <si>
    <t>西新宿新宿野村ビル（２１階）</t>
  </si>
  <si>
    <t>西新宿新宿野村ビル（２２階）</t>
  </si>
  <si>
    <t>西新宿新宿野村ビル（２３階）</t>
  </si>
  <si>
    <t>西新宿新宿野村ビル（２４階）</t>
  </si>
  <si>
    <t>西新宿新宿野村ビル（２５階）</t>
  </si>
  <si>
    <t>西新宿新宿野村ビル（２６階）</t>
  </si>
  <si>
    <t>西新宿新宿野村ビル（２７階）</t>
  </si>
  <si>
    <t>西新宿新宿野村ビル（２８階）</t>
  </si>
  <si>
    <t>西新宿新宿野村ビル（２９階）</t>
  </si>
  <si>
    <t>西新宿新宿野村ビル（３０階）</t>
  </si>
  <si>
    <t>西新宿新宿野村ビル（３１階）</t>
  </si>
  <si>
    <t>西新宿新宿野村ビル（３２階）</t>
  </si>
  <si>
    <t>西新宿新宿野村ビル（３３階）</t>
  </si>
  <si>
    <t>西新宿新宿野村ビル（３４階）</t>
  </si>
  <si>
    <t>西新宿新宿野村ビル（３５階）</t>
  </si>
  <si>
    <t>西新宿新宿野村ビル（３６階）</t>
  </si>
  <si>
    <t>西新宿新宿野村ビル（３７階）</t>
  </si>
  <si>
    <t>西新宿新宿野村ビル（３８階）</t>
  </si>
  <si>
    <t>西新宿新宿野村ビル（３９階）</t>
  </si>
  <si>
    <t>西新宿新宿野村ビル（４０階）</t>
  </si>
  <si>
    <t>西新宿新宿野村ビル（４１階）</t>
  </si>
  <si>
    <t>西新宿新宿野村ビル（４２階）</t>
  </si>
  <si>
    <t>西新宿新宿野村ビル（４３階）</t>
  </si>
  <si>
    <t>西新宿新宿野村ビル（４４階）</t>
  </si>
  <si>
    <t>西新宿新宿野村ビル（４５階）</t>
  </si>
  <si>
    <t>西新宿新宿野村ビル（４６階）</t>
  </si>
  <si>
    <t>西新宿新宿野村ビル（４７階）</t>
  </si>
  <si>
    <t>西新宿新宿野村ビル（４８階）</t>
  </si>
  <si>
    <t>西新宿新宿野村ビル（４９階）</t>
  </si>
  <si>
    <t>西新宿新宿野村ビル（５０階）</t>
  </si>
  <si>
    <t>西新宿新宿パークタワー（地階・階層不明）</t>
  </si>
  <si>
    <t>西新宿新宿パークタワー（１階）</t>
  </si>
  <si>
    <t>西新宿新宿パークタワー（２階）</t>
  </si>
  <si>
    <t>西新宿新宿パークタワー（３階）</t>
  </si>
  <si>
    <t>西新宿新宿パークタワー（４階）</t>
  </si>
  <si>
    <t>西新宿新宿パークタワー（５階）</t>
  </si>
  <si>
    <t>西新宿新宿パークタワー（６階）</t>
  </si>
  <si>
    <t>西新宿新宿パークタワー（７階）</t>
  </si>
  <si>
    <t>西新宿新宿パークタワー（８階）</t>
  </si>
  <si>
    <t>西新宿新宿パークタワー（９階）</t>
  </si>
  <si>
    <t>西新宿新宿パークタワー（１０階）</t>
  </si>
  <si>
    <t>西新宿新宿パークタワー（１１階）</t>
  </si>
  <si>
    <t>西新宿新宿パークタワー（１２階）</t>
  </si>
  <si>
    <t>西新宿新宿パークタワー（１３階）</t>
  </si>
  <si>
    <t>西新宿新宿パークタワー（１４階）</t>
  </si>
  <si>
    <t>西新宿新宿パークタワー（１５階）</t>
  </si>
  <si>
    <t>西新宿新宿パークタワー（１６階）</t>
  </si>
  <si>
    <t>西新宿新宿パークタワー（１７階）</t>
  </si>
  <si>
    <t>西新宿新宿パークタワー（１８階）</t>
  </si>
  <si>
    <t>西新宿新宿パークタワー（１９階）</t>
  </si>
  <si>
    <t>西新宿新宿パークタワー（２０階）</t>
  </si>
  <si>
    <t>西新宿新宿パークタワー（２１階）</t>
  </si>
  <si>
    <t>西新宿新宿パークタワー（２２階）</t>
  </si>
  <si>
    <t>西新宿新宿パークタワー（２３階）</t>
  </si>
  <si>
    <t>西新宿新宿パークタワー（２４階）</t>
  </si>
  <si>
    <t>西新宿新宿パークタワー（２５階）</t>
  </si>
  <si>
    <t>西新宿新宿パークタワー（２６階）</t>
  </si>
  <si>
    <t>西新宿新宿パークタワー（２７階）</t>
  </si>
  <si>
    <t>丸の内丸の内ビルディング（２７階）</t>
  </si>
  <si>
    <t>丸の内丸の内ビルディング（２８階）</t>
  </si>
  <si>
    <t>丸の内丸の内ビルディング（２９階）</t>
  </si>
  <si>
    <t>丸の内丸の内ビルディング（３０階）</t>
  </si>
  <si>
    <t>丸の内丸の内ビルディング（３１階）</t>
  </si>
  <si>
    <t>丸の内丸の内ビルディング（３２階）</t>
  </si>
  <si>
    <t>丸の内丸の内ビルディング（３３階）</t>
  </si>
  <si>
    <t>丸の内丸の内ビルディング（３４階）</t>
  </si>
  <si>
    <t>丸の内丸の内ビルディング（３５階）</t>
  </si>
  <si>
    <t>丸の内丸の内ビルディング（３６階）</t>
  </si>
  <si>
    <t>丸の内丸の内ビルディング（３７階）</t>
  </si>
  <si>
    <t>三崎町</t>
  </si>
  <si>
    <t>有楽町</t>
  </si>
  <si>
    <t>四番町</t>
  </si>
  <si>
    <t>六番町</t>
  </si>
  <si>
    <t>中央区</t>
  </si>
  <si>
    <t>明石町</t>
  </si>
  <si>
    <t>入船</t>
  </si>
  <si>
    <t>勝どき</t>
  </si>
  <si>
    <t>京橋</t>
  </si>
  <si>
    <t>銀座</t>
  </si>
  <si>
    <t>新川</t>
  </si>
  <si>
    <t>新富</t>
  </si>
  <si>
    <t>月島</t>
  </si>
  <si>
    <t>佃</t>
  </si>
  <si>
    <t>豊海町</t>
  </si>
  <si>
    <t>日本橋</t>
  </si>
  <si>
    <t>日本橋大伝馬町</t>
  </si>
  <si>
    <t>日本橋蛎殻町</t>
  </si>
  <si>
    <t>日本橋兜町</t>
  </si>
  <si>
    <t>日本橋茅場町</t>
  </si>
  <si>
    <t>日本橋小網町</t>
  </si>
  <si>
    <t>日本橋小伝馬町</t>
  </si>
  <si>
    <t>日本橋小舟町</t>
  </si>
  <si>
    <t>日本橋富沢町</t>
  </si>
  <si>
    <t>日本橋中洲</t>
  </si>
  <si>
    <t>日本橋人形町</t>
  </si>
  <si>
    <t>日本橋箱崎町</t>
  </si>
  <si>
    <t>日本橋浜町</t>
  </si>
  <si>
    <t>日本橋馬喰町</t>
  </si>
  <si>
    <t>日本橋久松町</t>
  </si>
  <si>
    <t>日本橋堀留町</t>
  </si>
  <si>
    <t>日本橋本石町</t>
  </si>
  <si>
    <t>日本橋本町</t>
  </si>
  <si>
    <t>日本橋室町</t>
  </si>
  <si>
    <t>日本橋横山町</t>
  </si>
  <si>
    <t>八丁堀</t>
  </si>
  <si>
    <t>浜離宮庭園</t>
  </si>
  <si>
    <t>晴海（次のビルを除く）</t>
  </si>
  <si>
    <t>晴海オフィスタワーＸ（地階・階層不明）</t>
  </si>
  <si>
    <t>晴海オフィスタワーＸ（１階）</t>
  </si>
  <si>
    <t>晴海オフィスタワーＸ（２階）</t>
  </si>
  <si>
    <t>晴海オフィスタワーＸ（３階）</t>
  </si>
  <si>
    <t>晴海オフィスタワーＸ（４階）</t>
  </si>
  <si>
    <t>晴海オフィスタワーＸ（５階）</t>
  </si>
  <si>
    <t>晴海オフィスタワーＸ（６階）</t>
  </si>
  <si>
    <t>晴海オフィスタワーＸ（７階）</t>
  </si>
  <si>
    <t>晴海オフィスタワーＸ（８階）</t>
  </si>
  <si>
    <t>晴海オフィスタワーＸ（９階）</t>
  </si>
  <si>
    <t>晴海オフィスタワーＸ（１０階）</t>
  </si>
  <si>
    <t>晴海オフィスタワーＸ（１１階）</t>
  </si>
  <si>
    <t>晴海オフィスタワーＸ（１２階）</t>
  </si>
  <si>
    <t>晴海オフィスタワーＸ（１３階）</t>
  </si>
  <si>
    <t>晴海オフィスタワーＸ（１４階）</t>
  </si>
  <si>
    <t>晴海オフィスタワーＸ（１５階）</t>
  </si>
  <si>
    <t>晴海オフィスタワーＸ（１６階）</t>
  </si>
  <si>
    <t>晴海オフィスタワーＸ（１７階）</t>
  </si>
  <si>
    <t>晴海オフィスタワーＸ（１８階）</t>
  </si>
  <si>
    <t>晴海オフィスタワーＸ（１９階）</t>
  </si>
  <si>
    <t>晴海オフィスタワーＸ（２０階）</t>
  </si>
  <si>
    <t>晴海オフィスタワーＸ（２１階）</t>
  </si>
  <si>
    <t>晴海オフィスタワーＸ（２２階）</t>
  </si>
  <si>
    <t>晴海オフィスタワーＸ（２３階）</t>
  </si>
  <si>
    <t>晴海オフィスタワーＸ（２４階）</t>
  </si>
  <si>
    <t>晴海オフィスタワーＸ（２５階）</t>
  </si>
  <si>
    <t>晴海オフィスタワーＸ（２６階）</t>
  </si>
  <si>
    <t>晴海オフィスタワーＸ（２７階）</t>
  </si>
  <si>
    <t>晴海オフィスタワーＸ（２８階）</t>
  </si>
  <si>
    <t>晴海オフィスタワーＸ（２９階）</t>
  </si>
  <si>
    <t>晴海オフィスタワーＸ（３０階）</t>
  </si>
  <si>
    <t>晴海オフィスタワーＸ（３１階）</t>
  </si>
  <si>
    <t>晴海オフィスタワーＸ（３２階）</t>
  </si>
  <si>
    <t>晴海オフィスタワーＸ（３３階）</t>
  </si>
  <si>
    <t>晴海オフィスタワーＸ（３４階）</t>
  </si>
  <si>
    <t>晴海オフィスタワーＸ（３５階）</t>
  </si>
  <si>
    <t>晴海オフィスタワーＸ（３６階）</t>
  </si>
  <si>
    <t>晴海オフィスタワーＸ（３７階）</t>
  </si>
  <si>
    <t>晴海オフィスタワーＸ（３８階）</t>
  </si>
  <si>
    <t>晴海オフィスタワーＸ（３９階）</t>
  </si>
  <si>
    <t>晴海オフィスタワーＸ（４０階）</t>
  </si>
  <si>
    <t>晴海オフィスタワーＸ（４１階）</t>
  </si>
  <si>
    <t>晴海オフィスタワーＸ（４２階）</t>
  </si>
  <si>
    <t>晴海オフィスタワーＸ（４３階）</t>
  </si>
  <si>
    <t>晴海オフィスタワーＸ（４４階）</t>
  </si>
  <si>
    <t>晴海オフィスタワーＹ（地階・階層不明）</t>
  </si>
  <si>
    <t>晴海オフィスタワーＹ（１階）</t>
  </si>
  <si>
    <t>晴海オフィスタワーＹ（２階）</t>
  </si>
  <si>
    <t>晴海オフィスタワーＹ（３階）</t>
  </si>
  <si>
    <t>晴海オフィスタワーＹ（４階）</t>
  </si>
  <si>
    <t>晴海オフィスタワーＹ（５階）</t>
  </si>
  <si>
    <t>晴海オフィスタワーＹ（６階）</t>
  </si>
  <si>
    <t>晴海オフィスタワーＹ（７階）</t>
  </si>
  <si>
    <t>晴海オフィスタワーＹ（８階）</t>
  </si>
  <si>
    <t>晴海オフィスタワーＹ（９階）</t>
  </si>
  <si>
    <t>晴海オフィスタワーＹ（１０階）</t>
  </si>
  <si>
    <t>晴海オフィスタワーＹ（１１階）</t>
  </si>
  <si>
    <t>晴海オフィスタワーＹ（１２階）</t>
  </si>
  <si>
    <t>晴海オフィスタワーＹ（１３階）</t>
  </si>
  <si>
    <t>晴海オフィスタワーＹ（１４階）</t>
  </si>
  <si>
    <t>晴海オフィスタワーＹ（１５階）</t>
  </si>
  <si>
    <t>晴海オフィスタワーＹ（１６階）</t>
  </si>
  <si>
    <t>晴海オフィスタワーＹ（１７階）</t>
  </si>
  <si>
    <t>晴海オフィスタワーＹ（１８階）</t>
  </si>
  <si>
    <t>晴海オフィスタワーＹ（１９階）</t>
  </si>
  <si>
    <t>晴海オフィスタワーＹ（２０階）</t>
  </si>
  <si>
    <t>晴海オフィスタワーＹ（２１階）</t>
  </si>
  <si>
    <t>晴海オフィスタワーＹ（２２階）</t>
  </si>
  <si>
    <t>晴海オフィスタワーＹ（２３階）</t>
  </si>
  <si>
    <t>晴海オフィスタワーＹ（２４階）</t>
  </si>
  <si>
    <t>晴海オフィスタワーＹ（２５階）</t>
  </si>
  <si>
    <t>晴海オフィスタワーＹ（２６階）</t>
  </si>
  <si>
    <t>晴海オフィスタワーＹ（２７階）</t>
  </si>
  <si>
    <t>晴海オフィスタワーＹ（２８階）</t>
  </si>
  <si>
    <t>晴海オフィスタワーＹ（２９階）</t>
  </si>
  <si>
    <t>東新橋汐留メディアタワー（１４階）</t>
  </si>
  <si>
    <t>東新橋汐留メディアタワー（１５階）</t>
  </si>
  <si>
    <t>東新橋汐留メディアタワー（１６階）</t>
  </si>
  <si>
    <t>東新橋汐留メディアタワー（１７階）</t>
  </si>
  <si>
    <t>東新橋汐留メディアタワー（１８階）</t>
  </si>
  <si>
    <t>東新橋汐留メディアタワー（１９階）</t>
  </si>
  <si>
    <t>東新橋汐留メディアタワー（２０階）</t>
  </si>
  <si>
    <t>東新橋汐留メディアタワー（２１階）</t>
  </si>
  <si>
    <t>東新橋汐留メディアタワー（２２階）</t>
  </si>
  <si>
    <t>東新橋汐留メディアタワー（２３階）</t>
  </si>
  <si>
    <t>東新橋汐留メディアタワー（２４階）</t>
  </si>
  <si>
    <t>東新橋汐留メディアタワー（２５階）</t>
  </si>
  <si>
    <t>東新橋汐留メディアタワー（２６階）</t>
  </si>
  <si>
    <t>東新橋汐留メディアタワー（２７階）</t>
  </si>
  <si>
    <t>東新橋汐留メディアタワー（２８階）</t>
  </si>
  <si>
    <t>東新橋汐留メディアタワー（２９階）</t>
  </si>
  <si>
    <t>東新橋汐留メディアタワー（３０階）</t>
  </si>
  <si>
    <t>東新橋汐留メディアタワー（３１階）</t>
  </si>
  <si>
    <t>東新橋汐留メディアタワー（３２階）</t>
  </si>
  <si>
    <t>東新橋汐留メディアタワー（３３階）</t>
  </si>
  <si>
    <t>東新橋汐留メディアタワー（３４階）</t>
  </si>
  <si>
    <t>東新橋電通本社ビル（地階・階層不明）</t>
  </si>
  <si>
    <t>東新橋電通本社ビル（１階）</t>
  </si>
  <si>
    <t>東新橋電通本社ビル（２階）</t>
  </si>
  <si>
    <t>東新橋電通本社ビル（３階）</t>
  </si>
  <si>
    <t>東新橋電通本社ビル（４階）</t>
  </si>
  <si>
    <t>東新橋電通本社ビル（５階）</t>
  </si>
  <si>
    <t>東新橋電通本社ビル（６階）</t>
  </si>
  <si>
    <t>東新橋電通本社ビル（７階）</t>
  </si>
  <si>
    <t>東新橋電通本社ビル（８階）</t>
  </si>
  <si>
    <t>東新橋電通本社ビル（９階）</t>
  </si>
  <si>
    <t>東新橋電通本社ビル（１０階）</t>
  </si>
  <si>
    <t>東新橋電通本社ビル（１１階）</t>
  </si>
  <si>
    <t>東新橋電通本社ビル（１２階）</t>
  </si>
  <si>
    <t>東新橋電通本社ビル（１３階）</t>
  </si>
  <si>
    <t>東新橋電通本社ビル（１４階）</t>
  </si>
  <si>
    <t>東新橋電通本社ビル（１５階）</t>
  </si>
  <si>
    <t>東新橋電通本社ビル（１６階）</t>
  </si>
  <si>
    <t>東新橋電通本社ビル（１７階）</t>
  </si>
  <si>
    <t>東新橋電通本社ビル（１８階）</t>
  </si>
  <si>
    <t>東新橋電通本社ビル（１９階）</t>
  </si>
  <si>
    <t>東新橋電通本社ビル（２０階）</t>
  </si>
  <si>
    <t>東新橋電通本社ビル（２１階）</t>
  </si>
  <si>
    <t>東新橋電通本社ビル（２２階）</t>
  </si>
  <si>
    <t>東新橋電通本社ビル（２３階）</t>
  </si>
  <si>
    <t>東新橋電通本社ビル（２４階）</t>
  </si>
  <si>
    <t>東新橋電通本社ビル（２５階）</t>
  </si>
  <si>
    <t>東新橋電通本社ビル（２６階）</t>
  </si>
  <si>
    <t>東新橋電通本社ビル（２７階）</t>
  </si>
  <si>
    <t>東新橋電通本社ビル（２８階）</t>
  </si>
  <si>
    <t>東新橋電通本社ビル（２９階）</t>
  </si>
  <si>
    <t>東新橋電通本社ビル（３０階）</t>
  </si>
  <si>
    <t>東新橋電通本社ビル（３１階）</t>
  </si>
  <si>
    <t>東新橋電通本社ビル（３２階）</t>
  </si>
  <si>
    <t>東新橋電通本社ビル（３３階）</t>
  </si>
  <si>
    <t>東新橋電通本社ビル（３４階）</t>
  </si>
  <si>
    <t>東新橋電通本社ビル（３５階）</t>
  </si>
  <si>
    <t>東新橋電通本社ビル（３６階）</t>
  </si>
  <si>
    <t>東新橋電通本社ビル（３７階）</t>
  </si>
  <si>
    <t>東新橋電通本社ビル（３８階）</t>
  </si>
  <si>
    <t>東新橋電通本社ビル（３９階）</t>
  </si>
  <si>
    <t>東新橋電通本社ビル（４０階）</t>
  </si>
  <si>
    <t>東新橋電通本社ビル（４１階）</t>
  </si>
  <si>
    <t>東新橋電通本社ビル（４２階）</t>
  </si>
  <si>
    <t>東新橋電通本社ビル（４３階）</t>
  </si>
  <si>
    <t>東新橋電通本社ビル（４４階）</t>
  </si>
  <si>
    <t>東新橋電通本社ビル（４５階）</t>
  </si>
  <si>
    <t>東新橋電通本社ビル（４６階）</t>
  </si>
  <si>
    <t>東新橋電通本社ビル（４７階）</t>
  </si>
  <si>
    <t>東新橋東京汐留ビルディング（地階・階層不明）</t>
  </si>
  <si>
    <t>東新橋東京汐留ビルディング（１階）</t>
  </si>
  <si>
    <t>東新橋東京汐留ビルディング（２階）</t>
  </si>
  <si>
    <t>東新橋東京汐留ビルディング（３階）</t>
  </si>
  <si>
    <t>東新橋東京汐留ビルディング（４階）</t>
  </si>
  <si>
    <t>東新橋東京汐留ビルディング（５階）</t>
  </si>
  <si>
    <t>東新橋東京汐留ビルディング（６階）</t>
  </si>
  <si>
    <t>東新橋東京汐留ビルディング（７階）</t>
  </si>
  <si>
    <t>東新橋東京汐留ビルディング（８階）</t>
  </si>
  <si>
    <t>東新橋東京汐留ビルディング（９階）</t>
  </si>
  <si>
    <t>東新橋東京汐留ビルディング（１０階）</t>
  </si>
  <si>
    <t>東新橋東京汐留ビルディング（１１階）</t>
  </si>
  <si>
    <t>東新橋東京汐留ビルディング（１２階）</t>
  </si>
  <si>
    <t>東新橋東京汐留ビルディング（１３階）</t>
  </si>
  <si>
    <t>東新橋東京汐留ビルディング（１４階）</t>
  </si>
  <si>
    <t>東新橋東京汐留ビルディング（１５階）</t>
  </si>
  <si>
    <t>東新橋東京汐留ビルディング（１６階）</t>
  </si>
  <si>
    <t>東新橋東京汐留ビルディング（１７階）</t>
  </si>
  <si>
    <t>東新橋東京汐留ビルディング（１８階）</t>
  </si>
  <si>
    <t>東新橋東京汐留ビルディング（１９階）</t>
  </si>
  <si>
    <t>東新橋東京汐留ビルディング（２０階）</t>
  </si>
  <si>
    <t>東新橋東京汐留ビルディング（２１階）</t>
  </si>
  <si>
    <t>東新橋東京汐留ビルディング（２２階）</t>
  </si>
  <si>
    <t>東新橋東京汐留ビルディング（２３階）</t>
  </si>
  <si>
    <t>東新橋東京汐留ビルディング（２４階）</t>
  </si>
  <si>
    <t>東新橋東京汐留ビルディング（２５階）</t>
  </si>
  <si>
    <t>東新橋東京汐留ビルディング（２６階）</t>
  </si>
  <si>
    <t>東新橋東京汐留ビルディング（２７階）</t>
  </si>
  <si>
    <t>東新橋東京汐留ビルディング（２８階）</t>
  </si>
  <si>
    <t>東新橋東京汐留ビルディング（２９階）</t>
  </si>
  <si>
    <t>東新橋東京汐留ビルディング（３０階）</t>
  </si>
  <si>
    <t>東新橋東京汐留ビルディング（３１階）</t>
  </si>
  <si>
    <t>東新橋東京汐留ビルディング（３２階）</t>
  </si>
  <si>
    <t>東新橋東京汐留ビルディング（３３階）</t>
  </si>
  <si>
    <t>東新橋東京汐留ビルディング（３４階）</t>
  </si>
  <si>
    <t>東新橋東京汐留ビルディング（３５階）</t>
  </si>
  <si>
    <t>東新橋東京汐留ビルディング（３６階）</t>
  </si>
  <si>
    <t>東新橋東京汐留ビルディング（３７階）</t>
  </si>
  <si>
    <t>東新橋日本テレビタワー（地階・階層不明）</t>
  </si>
  <si>
    <t>東新橋日本テレビタワー（１階）</t>
  </si>
  <si>
    <t>東新橋日本テレビタワー（２階）</t>
  </si>
  <si>
    <t>東新橋日本テレビタワー（３階）</t>
  </si>
  <si>
    <t>東新橋日本テレビタワー（４階）</t>
  </si>
  <si>
    <t>東新橋日本テレビタワー（５階）</t>
  </si>
  <si>
    <t>東新橋日本テレビタワー（６階）</t>
  </si>
  <si>
    <t>中野区</t>
  </si>
  <si>
    <t>豊島区</t>
  </si>
  <si>
    <t>西池袋</t>
  </si>
  <si>
    <t>東池袋（次のビルを除く）</t>
  </si>
  <si>
    <t>東池袋サンシャイン６０（１５階）</t>
  </si>
  <si>
    <t>東池袋サンシャイン６０（１７階）</t>
  </si>
  <si>
    <t>東池袋サンシャイン６０（１９階）</t>
  </si>
  <si>
    <t>東池袋サンシャイン６０（２０階）</t>
  </si>
  <si>
    <t>練馬区</t>
  </si>
  <si>
    <t>石神井台</t>
  </si>
  <si>
    <t>石神井町</t>
  </si>
  <si>
    <t>関町東</t>
  </si>
  <si>
    <t>関町南</t>
  </si>
  <si>
    <t>関町北</t>
  </si>
  <si>
    <t>高野台</t>
  </si>
  <si>
    <t>高松</t>
  </si>
  <si>
    <t>田柄</t>
  </si>
  <si>
    <t>立野町</t>
  </si>
  <si>
    <t>土支田</t>
  </si>
  <si>
    <t>豊玉上</t>
  </si>
  <si>
    <t>豊玉中</t>
  </si>
  <si>
    <t>豊玉南</t>
  </si>
  <si>
    <t>豊玉北</t>
  </si>
  <si>
    <t>中村</t>
  </si>
  <si>
    <t>中村南</t>
  </si>
  <si>
    <t>中村北</t>
  </si>
  <si>
    <t>西大泉</t>
  </si>
  <si>
    <t>西大泉町</t>
  </si>
  <si>
    <t>錦</t>
  </si>
  <si>
    <t>貫井</t>
  </si>
  <si>
    <t>練馬</t>
  </si>
  <si>
    <t>羽沢</t>
  </si>
  <si>
    <t>早宮</t>
  </si>
  <si>
    <t>光が丘</t>
  </si>
  <si>
    <t>氷川台</t>
  </si>
  <si>
    <t>東大泉</t>
  </si>
  <si>
    <t>南大泉</t>
  </si>
  <si>
    <t>南田中</t>
  </si>
  <si>
    <t>三原台</t>
  </si>
  <si>
    <t>谷原</t>
  </si>
  <si>
    <t>足立区</t>
  </si>
  <si>
    <t>青井（１～３丁目）</t>
  </si>
  <si>
    <t>青井（４～６丁目）</t>
  </si>
  <si>
    <t>足立</t>
  </si>
  <si>
    <t>綾瀬</t>
  </si>
  <si>
    <t>伊興</t>
  </si>
  <si>
    <t>伊興本町</t>
  </si>
  <si>
    <t>入谷町</t>
  </si>
  <si>
    <t>梅島</t>
  </si>
  <si>
    <t>梅田</t>
  </si>
  <si>
    <t>扇</t>
  </si>
  <si>
    <t>大谷田</t>
  </si>
  <si>
    <t>興野</t>
  </si>
  <si>
    <t>小台</t>
  </si>
  <si>
    <t>加賀</t>
  </si>
  <si>
    <t>加平</t>
  </si>
  <si>
    <t>北加平町</t>
  </si>
  <si>
    <t>栗原</t>
  </si>
  <si>
    <t>弘道</t>
  </si>
  <si>
    <t>江北</t>
  </si>
  <si>
    <t>古千谷</t>
  </si>
  <si>
    <t>古千谷本町</t>
  </si>
  <si>
    <t>皿沼</t>
  </si>
  <si>
    <t>鹿浜</t>
  </si>
  <si>
    <t>島根</t>
  </si>
  <si>
    <t>神明</t>
  </si>
  <si>
    <t>神明南</t>
  </si>
  <si>
    <t>関原</t>
  </si>
  <si>
    <t>千住</t>
  </si>
  <si>
    <t>千住曙町</t>
  </si>
  <si>
    <t>千住旭町</t>
  </si>
  <si>
    <t>千住東</t>
  </si>
  <si>
    <t>千住大川町</t>
  </si>
  <si>
    <t>千住河原町</t>
  </si>
  <si>
    <t>千住寿町</t>
  </si>
  <si>
    <t>千住桜木</t>
  </si>
  <si>
    <t>千住関屋町</t>
  </si>
  <si>
    <t>千住龍田町</t>
  </si>
  <si>
    <t>千住中居町</t>
  </si>
  <si>
    <t>千住仲町</t>
  </si>
  <si>
    <t>千住橋戸町</t>
  </si>
  <si>
    <t>千住緑町</t>
  </si>
  <si>
    <t>千住宮元町</t>
  </si>
  <si>
    <t>千住元町</t>
  </si>
  <si>
    <t>千住柳町</t>
  </si>
  <si>
    <t>竹の塚</t>
  </si>
  <si>
    <t>辰沼</t>
  </si>
  <si>
    <t>中央本町（１、２丁目）</t>
  </si>
  <si>
    <t>中央本町（３～５丁目）</t>
  </si>
  <si>
    <t>東和</t>
  </si>
  <si>
    <t>舎人</t>
  </si>
  <si>
    <t>舎人公園</t>
  </si>
  <si>
    <t>舎人町</t>
  </si>
  <si>
    <t>中川</t>
  </si>
  <si>
    <t>西綾瀬</t>
  </si>
  <si>
    <t>西新井</t>
  </si>
  <si>
    <t>西新井栄町</t>
  </si>
  <si>
    <t>西新井本町</t>
  </si>
  <si>
    <t>西伊興</t>
  </si>
  <si>
    <t>西伊興町</t>
  </si>
  <si>
    <t>西加平</t>
  </si>
  <si>
    <t>西竹の塚</t>
  </si>
  <si>
    <t>西保木間</t>
  </si>
  <si>
    <t>花畑</t>
  </si>
  <si>
    <t>東綾瀬</t>
  </si>
  <si>
    <t>東伊興</t>
  </si>
  <si>
    <t>東保木間</t>
  </si>
  <si>
    <t>東六月町</t>
  </si>
  <si>
    <t>一ツ家</t>
  </si>
  <si>
    <t>日ノ出町</t>
  </si>
  <si>
    <t>保木間</t>
  </si>
  <si>
    <t>保塚町</t>
  </si>
  <si>
    <t>南花畑</t>
  </si>
  <si>
    <t>宮城</t>
  </si>
  <si>
    <t>六木</t>
  </si>
  <si>
    <t>本木</t>
  </si>
  <si>
    <t>本木東町</t>
  </si>
  <si>
    <t>本木西町</t>
  </si>
  <si>
    <t>本木南町</t>
  </si>
  <si>
    <t>本木北町</t>
  </si>
  <si>
    <t>谷在家</t>
  </si>
  <si>
    <t>柳原</t>
  </si>
  <si>
    <t>六月</t>
  </si>
  <si>
    <t>六町</t>
  </si>
  <si>
    <t>葛飾区</t>
  </si>
  <si>
    <t>青戸</t>
  </si>
  <si>
    <t>奥戸</t>
  </si>
  <si>
    <t>お花茶屋</t>
  </si>
  <si>
    <t>金町</t>
  </si>
  <si>
    <t>金町浄水場</t>
  </si>
  <si>
    <t>鎌倉</t>
  </si>
  <si>
    <t>亀有</t>
  </si>
  <si>
    <t>小菅</t>
  </si>
  <si>
    <t>柴又</t>
  </si>
  <si>
    <t>白鳥</t>
  </si>
  <si>
    <t>新小岩</t>
  </si>
  <si>
    <t>宝町</t>
  </si>
  <si>
    <t>立石</t>
  </si>
  <si>
    <t>西亀有（１、２丁目）</t>
  </si>
  <si>
    <t>西亀有（３、４丁目）</t>
  </si>
  <si>
    <t>西新小岩</t>
  </si>
  <si>
    <t>西水元</t>
  </si>
  <si>
    <t>東金町</t>
  </si>
  <si>
    <t>東新小岩</t>
  </si>
  <si>
    <t>東立石</t>
  </si>
  <si>
    <t>東堀切</t>
  </si>
  <si>
    <t>東水元</t>
  </si>
  <si>
    <t>東四つ木</t>
  </si>
  <si>
    <t>細田</t>
  </si>
  <si>
    <t>堀切</t>
  </si>
  <si>
    <t>水元</t>
  </si>
  <si>
    <t>水元公園</t>
  </si>
  <si>
    <t>南水元</t>
  </si>
  <si>
    <t>四つ木</t>
  </si>
  <si>
    <t>江戸川区</t>
  </si>
  <si>
    <t>一之江</t>
  </si>
  <si>
    <t>一之江町</t>
  </si>
  <si>
    <t>宇喜田町</t>
  </si>
  <si>
    <t>江戸川（１～３丁目、４丁目１～１４番）</t>
  </si>
  <si>
    <t>江戸川（その他）</t>
  </si>
  <si>
    <t>大杉</t>
  </si>
  <si>
    <t>東池袋サンシャイン６０（２１階）</t>
  </si>
  <si>
    <t>興宮町</t>
  </si>
  <si>
    <t>上一色</t>
  </si>
  <si>
    <t>上篠崎</t>
  </si>
  <si>
    <t>北葛西</t>
  </si>
  <si>
    <t>北小岩</t>
  </si>
  <si>
    <t>北篠崎</t>
  </si>
  <si>
    <t>小松川</t>
  </si>
  <si>
    <t>鹿骨</t>
  </si>
  <si>
    <t>鹿骨町</t>
  </si>
  <si>
    <t>篠崎町</t>
  </si>
  <si>
    <t>下篠崎町</t>
  </si>
  <si>
    <t>清新町</t>
  </si>
  <si>
    <t>中葛西</t>
  </si>
  <si>
    <t>新堀</t>
  </si>
  <si>
    <t>西一之江</t>
  </si>
  <si>
    <t>西葛西</t>
  </si>
  <si>
    <t>西小岩</t>
  </si>
  <si>
    <t>西小松川町</t>
  </si>
  <si>
    <t>西篠崎</t>
  </si>
  <si>
    <t>西瑞江（２～３丁目、４丁目３～９番）</t>
  </si>
  <si>
    <t>西瑞江（４丁目１～２番・１０～２７番、５丁目）</t>
  </si>
  <si>
    <t>二之江町</t>
  </si>
  <si>
    <t>春江町（１～３丁目）</t>
  </si>
  <si>
    <t>春江町（４、５丁目）</t>
  </si>
  <si>
    <t>東葛西</t>
  </si>
  <si>
    <t>東小岩</t>
  </si>
  <si>
    <t>東小松川</t>
  </si>
  <si>
    <t>東篠崎</t>
  </si>
  <si>
    <t>東篠崎町</t>
  </si>
  <si>
    <t>東松本</t>
  </si>
  <si>
    <t>東瑞江</t>
  </si>
  <si>
    <t>平井</t>
  </si>
  <si>
    <t>船堀</t>
  </si>
  <si>
    <t>本一色</t>
  </si>
  <si>
    <t>松江</t>
  </si>
  <si>
    <t>松島</t>
  </si>
  <si>
    <t>松本</t>
  </si>
  <si>
    <t>瑞江</t>
  </si>
  <si>
    <t>南葛西</t>
  </si>
  <si>
    <t>南小岩</t>
  </si>
  <si>
    <t>南篠崎町</t>
  </si>
  <si>
    <t>谷河内（１丁目）</t>
  </si>
  <si>
    <t>谷河内（２丁目）</t>
  </si>
  <si>
    <t>臨海町</t>
  </si>
  <si>
    <t>八王子市</t>
  </si>
  <si>
    <t>暁町</t>
  </si>
  <si>
    <t>東町</t>
  </si>
  <si>
    <t>石川町</t>
  </si>
  <si>
    <t>泉町</t>
  </si>
  <si>
    <t>犬目町</t>
  </si>
  <si>
    <t>打越町</t>
  </si>
  <si>
    <t>宇津木町</t>
  </si>
  <si>
    <t>宇津貫町</t>
  </si>
  <si>
    <t>梅坪町</t>
  </si>
  <si>
    <t>裏高尾町</t>
  </si>
  <si>
    <t>追分町</t>
  </si>
  <si>
    <t>大塚</t>
  </si>
  <si>
    <t>大船町</t>
  </si>
  <si>
    <t>大谷町</t>
  </si>
  <si>
    <t>大横町</t>
  </si>
  <si>
    <t>大和田町</t>
  </si>
  <si>
    <t>小門町</t>
  </si>
  <si>
    <t>尾崎町</t>
  </si>
  <si>
    <t>小津町</t>
  </si>
  <si>
    <t>鹿島</t>
  </si>
  <si>
    <t>加住町</t>
  </si>
  <si>
    <t>片倉町</t>
  </si>
  <si>
    <t>叶谷町</t>
  </si>
  <si>
    <t>上壱分方町</t>
  </si>
  <si>
    <t>上恩方町</t>
  </si>
  <si>
    <t>上川町</t>
  </si>
  <si>
    <t>上柚木</t>
  </si>
  <si>
    <t>川口町</t>
  </si>
  <si>
    <t>川町</t>
  </si>
  <si>
    <t>北野台</t>
  </si>
  <si>
    <t>北野町</t>
  </si>
  <si>
    <t>絹ケ丘</t>
  </si>
  <si>
    <t>清川町</t>
  </si>
  <si>
    <t>椚田町</t>
  </si>
  <si>
    <t>久保山町</t>
  </si>
  <si>
    <t>越野</t>
  </si>
  <si>
    <t>小比企町</t>
  </si>
  <si>
    <t>小宮町</t>
  </si>
  <si>
    <t>子安町</t>
  </si>
  <si>
    <t>左入町</t>
  </si>
  <si>
    <t>散田町</t>
  </si>
  <si>
    <t>下恩方町</t>
  </si>
  <si>
    <t>下柚木</t>
  </si>
  <si>
    <t>城山手</t>
  </si>
  <si>
    <t>諏訪町</t>
  </si>
  <si>
    <t>千人町</t>
  </si>
  <si>
    <t>台町</t>
  </si>
  <si>
    <t>大楽寺町</t>
  </si>
  <si>
    <t>平町</t>
  </si>
  <si>
    <t>高尾町</t>
  </si>
  <si>
    <t>高倉町</t>
  </si>
  <si>
    <t>高月町</t>
  </si>
  <si>
    <t>滝山町</t>
  </si>
  <si>
    <t>館町</t>
  </si>
  <si>
    <t>丹木町</t>
  </si>
  <si>
    <t>寺田町</t>
  </si>
  <si>
    <t>寺町</t>
  </si>
  <si>
    <t>天神町</t>
  </si>
  <si>
    <t>廿里町</t>
  </si>
  <si>
    <t>戸吹町</t>
  </si>
  <si>
    <t>中町</t>
  </si>
  <si>
    <t>中野上町</t>
  </si>
  <si>
    <t>中野山王</t>
  </si>
  <si>
    <t>中山</t>
  </si>
  <si>
    <t>長沼町</t>
  </si>
  <si>
    <t>長房町</t>
  </si>
  <si>
    <t>七国</t>
  </si>
  <si>
    <t>楢原町</t>
  </si>
  <si>
    <t>南陽台</t>
  </si>
  <si>
    <t>西浅川町</t>
  </si>
  <si>
    <t>西片倉</t>
  </si>
  <si>
    <t>西寺方町</t>
  </si>
  <si>
    <t>弐分方町</t>
  </si>
  <si>
    <t>狭間町</t>
  </si>
  <si>
    <t>初沢町</t>
  </si>
  <si>
    <t>東浅川町</t>
  </si>
  <si>
    <t>東中野</t>
  </si>
  <si>
    <t>兵衛</t>
  </si>
  <si>
    <t>日吉町</t>
  </si>
  <si>
    <t>平岡町</t>
  </si>
  <si>
    <t>富士見町</t>
  </si>
  <si>
    <t>別所</t>
  </si>
  <si>
    <t>本郷町</t>
  </si>
  <si>
    <t>松木</t>
  </si>
  <si>
    <t>丸山町</t>
  </si>
  <si>
    <t>みつい台</t>
  </si>
  <si>
    <t>緑町</t>
  </si>
  <si>
    <t>南浅川町</t>
  </si>
  <si>
    <t>南大沢</t>
  </si>
  <si>
    <t>南新町</t>
  </si>
  <si>
    <t>南町</t>
  </si>
  <si>
    <t>みなみ野</t>
  </si>
  <si>
    <t>宮下町</t>
  </si>
  <si>
    <t>美山町</t>
  </si>
  <si>
    <t>明神町</t>
  </si>
  <si>
    <t>めじろ台</t>
  </si>
  <si>
    <t>元八王子町</t>
  </si>
  <si>
    <t>元本郷町</t>
  </si>
  <si>
    <t>元横山町</t>
  </si>
  <si>
    <t>八木町</t>
  </si>
  <si>
    <t>谷野町</t>
  </si>
  <si>
    <t>山田町</t>
  </si>
  <si>
    <t>鑓水</t>
  </si>
  <si>
    <t>八日町</t>
  </si>
  <si>
    <t>横川町</t>
  </si>
  <si>
    <t>横山町</t>
  </si>
  <si>
    <t>四谷町</t>
  </si>
  <si>
    <t>晴海オフィスタワーＹ（３０階）</t>
  </si>
  <si>
    <t>東新橋日本テレビタワー（７階）</t>
  </si>
  <si>
    <t>西新宿新宿パークタワー（２８階）</t>
  </si>
  <si>
    <t>荏原</t>
  </si>
  <si>
    <t>埼玉県</t>
  </si>
  <si>
    <t>さいたま市中央区</t>
  </si>
  <si>
    <t>新都心明治安田生命さいたま新都心ビル（１８階）</t>
  </si>
  <si>
    <t>川口市</t>
  </si>
  <si>
    <t>道合</t>
  </si>
  <si>
    <t>羽生市</t>
  </si>
  <si>
    <t>三田ケ谷</t>
  </si>
  <si>
    <t>南羽生</t>
  </si>
  <si>
    <t>名</t>
  </si>
  <si>
    <t>弥勒</t>
  </si>
  <si>
    <t>与兵エ新田</t>
  </si>
  <si>
    <t>鴻巣市</t>
  </si>
  <si>
    <t>赤城</t>
  </si>
  <si>
    <t>赤城台</t>
  </si>
  <si>
    <t>赤見台</t>
  </si>
  <si>
    <t>安養寺</t>
  </si>
  <si>
    <t>市ノ縄</t>
  </si>
  <si>
    <t>稲荷町</t>
  </si>
  <si>
    <t>榎戸</t>
  </si>
  <si>
    <t>生出塚</t>
  </si>
  <si>
    <t>大芦</t>
  </si>
  <si>
    <t>大間</t>
  </si>
  <si>
    <t>笠原</t>
  </si>
  <si>
    <t>鎌塚</t>
  </si>
  <si>
    <t>加美</t>
  </si>
  <si>
    <t>上会下</t>
  </si>
  <si>
    <t>上生出塚</t>
  </si>
  <si>
    <t>川面</t>
  </si>
  <si>
    <t>北新宿</t>
  </si>
  <si>
    <t>北中野</t>
  </si>
  <si>
    <t>北根</t>
  </si>
  <si>
    <t>屈巣</t>
  </si>
  <si>
    <t>郷地</t>
  </si>
  <si>
    <t>鴻巣</t>
  </si>
  <si>
    <t>小松</t>
  </si>
  <si>
    <t>小谷</t>
  </si>
  <si>
    <t>境</t>
  </si>
  <si>
    <t>逆川</t>
  </si>
  <si>
    <t>三町免</t>
  </si>
  <si>
    <t>下生出塚</t>
  </si>
  <si>
    <t>下忍</t>
  </si>
  <si>
    <t>常光</t>
  </si>
  <si>
    <t>関新田</t>
  </si>
  <si>
    <t>滝馬室</t>
  </si>
  <si>
    <t>筑波</t>
  </si>
  <si>
    <t>堤町</t>
  </si>
  <si>
    <t>寺谷</t>
  </si>
  <si>
    <t>天神</t>
  </si>
  <si>
    <t>中井</t>
  </si>
  <si>
    <t>西中曽根</t>
  </si>
  <si>
    <t>人形</t>
  </si>
  <si>
    <t>糠田</t>
  </si>
  <si>
    <t>登戸</t>
  </si>
  <si>
    <t>八幡田</t>
  </si>
  <si>
    <t>荊原</t>
  </si>
  <si>
    <t>原馬室</t>
  </si>
  <si>
    <t>氷川町</t>
  </si>
  <si>
    <t>東</t>
  </si>
  <si>
    <t>ひばり野</t>
  </si>
  <si>
    <t>広田</t>
  </si>
  <si>
    <t>吹上</t>
  </si>
  <si>
    <t>吹上富士見</t>
  </si>
  <si>
    <t>吹上本町</t>
  </si>
  <si>
    <t>袋</t>
  </si>
  <si>
    <t>本宮町</t>
  </si>
  <si>
    <t>前砂</t>
  </si>
  <si>
    <t>松原</t>
  </si>
  <si>
    <t>箕田</t>
  </si>
  <si>
    <t>三ツ木</t>
  </si>
  <si>
    <t>宮地</t>
  </si>
  <si>
    <t>明用</t>
  </si>
  <si>
    <t>雷電</t>
  </si>
  <si>
    <t>深谷市</t>
  </si>
  <si>
    <t>秋元町</t>
  </si>
  <si>
    <t>明戸</t>
  </si>
  <si>
    <t>伊勢方</t>
  </si>
  <si>
    <t>稲荷町北</t>
  </si>
  <si>
    <t>今泉</t>
  </si>
  <si>
    <t>後榛沢</t>
  </si>
  <si>
    <t>内ケ島</t>
  </si>
  <si>
    <t>上野台</t>
  </si>
  <si>
    <t>大塚島</t>
  </si>
  <si>
    <t>大谷</t>
  </si>
  <si>
    <t>岡</t>
  </si>
  <si>
    <t>岡里</t>
  </si>
  <si>
    <t>岡部</t>
  </si>
  <si>
    <t>起会</t>
  </si>
  <si>
    <t>小前田</t>
  </si>
  <si>
    <t>折之口</t>
  </si>
  <si>
    <t>樫合</t>
  </si>
  <si>
    <t>柏合</t>
  </si>
  <si>
    <t>上柴町東</t>
  </si>
  <si>
    <t>上柴町西</t>
  </si>
  <si>
    <t>上手計</t>
  </si>
  <si>
    <t>上増田</t>
  </si>
  <si>
    <t>萱場</t>
  </si>
  <si>
    <t>川本明戸</t>
  </si>
  <si>
    <t>北阿賀野</t>
  </si>
  <si>
    <t>櫛引</t>
  </si>
  <si>
    <t>櫛挽</t>
  </si>
  <si>
    <t>沓掛</t>
  </si>
  <si>
    <t>黒田</t>
  </si>
  <si>
    <t>国済寺</t>
  </si>
  <si>
    <t>国済寺町</t>
  </si>
  <si>
    <t>寿町</t>
  </si>
  <si>
    <t>桜ケ丘</t>
  </si>
  <si>
    <t>下手計</t>
  </si>
  <si>
    <t>宿根</t>
  </si>
  <si>
    <t>上敷免</t>
  </si>
  <si>
    <t>白草台</t>
  </si>
  <si>
    <t>新戒</t>
  </si>
  <si>
    <t>菅沼</t>
  </si>
  <si>
    <t>瀬山</t>
  </si>
  <si>
    <t>高島</t>
  </si>
  <si>
    <t>高畑</t>
  </si>
  <si>
    <t>田所町</t>
  </si>
  <si>
    <t>田谷</t>
  </si>
  <si>
    <t>血洗島</t>
  </si>
  <si>
    <t>常盤町</t>
  </si>
  <si>
    <t>戸森</t>
  </si>
  <si>
    <t>長在家</t>
  </si>
  <si>
    <t>中瀬</t>
  </si>
  <si>
    <t>永田</t>
  </si>
  <si>
    <t>成塚</t>
  </si>
  <si>
    <t>西大沼</t>
  </si>
  <si>
    <t>西島町（西島）</t>
  </si>
  <si>
    <t>西田</t>
  </si>
  <si>
    <t>沼尻</t>
  </si>
  <si>
    <t>蓮沼</t>
  </si>
  <si>
    <t>畠山</t>
  </si>
  <si>
    <t>幡羅町</t>
  </si>
  <si>
    <t>原郷</t>
  </si>
  <si>
    <t>針ケ谷</t>
  </si>
  <si>
    <t>榛沢</t>
  </si>
  <si>
    <t>榛沢新田</t>
  </si>
  <si>
    <t>東大沼</t>
  </si>
  <si>
    <t>東方</t>
  </si>
  <si>
    <t>東方町</t>
  </si>
  <si>
    <t>人見</t>
  </si>
  <si>
    <t>深谷町</t>
  </si>
  <si>
    <t>普済寺</t>
  </si>
  <si>
    <t>藤野木</t>
  </si>
  <si>
    <t>堀米</t>
  </si>
  <si>
    <t>本田</t>
  </si>
  <si>
    <t>本田ケ谷</t>
  </si>
  <si>
    <t>曲田（錦町）</t>
  </si>
  <si>
    <t>町田</t>
  </si>
  <si>
    <t>東池袋サンシャイン６０（１８階）</t>
  </si>
  <si>
    <t>東池袋サンシャイン６０（１６階）</t>
  </si>
  <si>
    <t>新都心明治安田生命さいたま新都心ビル（１９階）</t>
  </si>
  <si>
    <t>新都心明治安田生命さいたま新都心ビル（２０階）</t>
  </si>
  <si>
    <t>新都心明治安田生命さいたま新都心ビル（２１階）</t>
  </si>
  <si>
    <t>新都心明治安田生命さいたま新都心ビル（２２階）</t>
  </si>
  <si>
    <t>新都心明治安田生命さいたま新都心ビル（２３階）</t>
  </si>
  <si>
    <t>新都心明治安田生命さいたま新都心ビル（２４階）</t>
  </si>
  <si>
    <t>新都心明治安田生命さいたま新都心ビル（２５階）</t>
  </si>
  <si>
    <t>新都心明治安田生命さいたま新都心ビル（２６階）</t>
  </si>
  <si>
    <t>新都心明治安田生命さいたま新都心ビル（２７階）</t>
  </si>
  <si>
    <t>新都心明治安田生命さいたま新都心ビル（２８階）</t>
  </si>
  <si>
    <t>新都心明治安田生命さいたま新都心ビル（２９階）</t>
  </si>
  <si>
    <t>新都心明治安田生命さいたま新都心ビル（３０階）</t>
  </si>
  <si>
    <t>新都心明治安田生命さいたま新都心ビル（３１階）</t>
  </si>
  <si>
    <t>新都心明治安田生命さいたま新都心ビル（３２階）</t>
  </si>
  <si>
    <t>新都心明治安田生命さいたま新都心ビル（３３階）</t>
  </si>
  <si>
    <t>新都心明治安田生命さいたま新都心ビル（３４階）</t>
  </si>
  <si>
    <t>新都心明治安田生命さいたま新都心ビル（３５階）</t>
  </si>
  <si>
    <t>新中里</t>
  </si>
  <si>
    <t>鈴谷</t>
  </si>
  <si>
    <t>八王子</t>
  </si>
  <si>
    <t>本町西</t>
  </si>
  <si>
    <t>本町東</t>
  </si>
  <si>
    <t>さいたま市桜区</t>
  </si>
  <si>
    <t>大久保領家</t>
  </si>
  <si>
    <t>上大久保</t>
  </si>
  <si>
    <t>五関</t>
  </si>
  <si>
    <t>在家</t>
  </si>
  <si>
    <t>栄和</t>
  </si>
  <si>
    <t>桜田</t>
  </si>
  <si>
    <t>新開</t>
  </si>
  <si>
    <t>下大久保</t>
  </si>
  <si>
    <t>昭和</t>
  </si>
  <si>
    <t>白鍬</t>
  </si>
  <si>
    <t>神田</t>
  </si>
  <si>
    <t>田島</t>
  </si>
  <si>
    <t>塚本</t>
  </si>
  <si>
    <t>道場</t>
  </si>
  <si>
    <t>西堀</t>
  </si>
  <si>
    <t>町谷</t>
  </si>
  <si>
    <t>南元宿</t>
  </si>
  <si>
    <t>山久保</t>
  </si>
  <si>
    <t>さいたま市浦和区</t>
  </si>
  <si>
    <t>大原</t>
  </si>
  <si>
    <t>上木崎</t>
  </si>
  <si>
    <t>木崎</t>
  </si>
  <si>
    <t>岸町</t>
  </si>
  <si>
    <t>北浦和</t>
  </si>
  <si>
    <t>皇山町</t>
  </si>
  <si>
    <t>駒場</t>
  </si>
  <si>
    <t>瀬ケ崎</t>
  </si>
  <si>
    <t>大東</t>
  </si>
  <si>
    <t>東岸町</t>
  </si>
  <si>
    <t>東高砂町</t>
  </si>
  <si>
    <t>東仲町</t>
  </si>
  <si>
    <t>前地</t>
  </si>
  <si>
    <t>三崎</t>
  </si>
  <si>
    <t>元町</t>
  </si>
  <si>
    <t>本太</t>
  </si>
  <si>
    <t>領家</t>
  </si>
  <si>
    <t>さいたま市南区</t>
  </si>
  <si>
    <t>内谷</t>
  </si>
  <si>
    <t>円正寺</t>
  </si>
  <si>
    <t>大谷場</t>
  </si>
  <si>
    <t>鹿手袋</t>
  </si>
  <si>
    <t>白幡</t>
  </si>
  <si>
    <t>関</t>
  </si>
  <si>
    <t>太田窪</t>
  </si>
  <si>
    <t>辻</t>
  </si>
  <si>
    <t>堤外</t>
  </si>
  <si>
    <t>沼影</t>
  </si>
  <si>
    <t>広ケ谷戸</t>
  </si>
  <si>
    <t>文蔵</t>
  </si>
  <si>
    <t>曲本</t>
  </si>
  <si>
    <t>南浦和</t>
  </si>
  <si>
    <t>南本町</t>
  </si>
  <si>
    <t>四谷</t>
  </si>
  <si>
    <t>さいたま市緑区</t>
  </si>
  <si>
    <t>井沼方</t>
  </si>
  <si>
    <t>大崎</t>
  </si>
  <si>
    <t>大牧</t>
  </si>
  <si>
    <t>大間木</t>
  </si>
  <si>
    <t>上野田</t>
  </si>
  <si>
    <t>北原</t>
  </si>
  <si>
    <t>玄蕃新田</t>
  </si>
  <si>
    <t>道祖土</t>
  </si>
  <si>
    <t>芝原</t>
  </si>
  <si>
    <t>下野田</t>
  </si>
  <si>
    <t>下山口新田</t>
  </si>
  <si>
    <t>大道</t>
  </si>
  <si>
    <t>大門</t>
  </si>
  <si>
    <t>代山</t>
  </si>
  <si>
    <t>寺山</t>
  </si>
  <si>
    <t>中野田</t>
  </si>
  <si>
    <t>南部領辻</t>
  </si>
  <si>
    <t>蓮見新田</t>
  </si>
  <si>
    <t>原山</t>
  </si>
  <si>
    <t>馬場</t>
  </si>
  <si>
    <t>東浦和</t>
  </si>
  <si>
    <t>東大門</t>
  </si>
  <si>
    <t>間宮</t>
  </si>
  <si>
    <t>三浦</t>
  </si>
  <si>
    <t>見沼</t>
  </si>
  <si>
    <t>三室</t>
  </si>
  <si>
    <t>宮後</t>
  </si>
  <si>
    <t>さいたま市岩槻区</t>
  </si>
  <si>
    <t>相野原</t>
  </si>
  <si>
    <t>岩槻</t>
  </si>
  <si>
    <t>浮谷</t>
  </si>
  <si>
    <t>裏慈恩寺</t>
  </si>
  <si>
    <t>大口</t>
  </si>
  <si>
    <t>東池袋サンシャイン６０（地階・階層不明）</t>
  </si>
  <si>
    <t>東池袋サンシャイン６０（１階）</t>
  </si>
  <si>
    <t>東池袋サンシャイン６０（２階）</t>
  </si>
  <si>
    <t>東池袋サンシャイン６０（３階）</t>
  </si>
  <si>
    <t>東池袋サンシャイン６０（４階）</t>
  </si>
  <si>
    <t>東池袋サンシャイン６０（５階）</t>
  </si>
  <si>
    <t>東池袋サンシャイン６０（６階）</t>
  </si>
  <si>
    <t>東池袋サンシャイン６０（７階）</t>
  </si>
  <si>
    <t>東池袋サンシャイン６０（８階）</t>
  </si>
  <si>
    <t>東池袋サンシャイン６０（９階）</t>
  </si>
  <si>
    <t>東池袋サンシャイン６０（１０階）</t>
  </si>
  <si>
    <t>東池袋サンシャイン６０（１１階）</t>
  </si>
  <si>
    <t>東池袋サンシャイン６０（１２階）</t>
  </si>
  <si>
    <t>東池袋サンシャイン６０（１３階）</t>
  </si>
  <si>
    <t>東池袋サンシャイン６０（１４階）</t>
  </si>
  <si>
    <t>小浜町</t>
  </si>
  <si>
    <t>樋野口</t>
  </si>
  <si>
    <t>八坂台</t>
  </si>
  <si>
    <t>五井金杉</t>
  </si>
  <si>
    <t>花房</t>
  </si>
  <si>
    <t>代宿</t>
  </si>
  <si>
    <t>高谷</t>
  </si>
  <si>
    <t>滝の口</t>
  </si>
  <si>
    <t>玉野</t>
  </si>
  <si>
    <t>百目木</t>
  </si>
  <si>
    <t>堂谷</t>
  </si>
  <si>
    <t>中袖</t>
  </si>
  <si>
    <t>長浦</t>
  </si>
  <si>
    <t>長浦駅前</t>
  </si>
  <si>
    <t>永吉</t>
  </si>
  <si>
    <t>奈良輪</t>
  </si>
  <si>
    <t>野里</t>
  </si>
  <si>
    <t>のぞみ野</t>
  </si>
  <si>
    <t>野田</t>
  </si>
  <si>
    <t>林</t>
  </si>
  <si>
    <t>福王台</t>
  </si>
  <si>
    <t>三黒</t>
  </si>
  <si>
    <t>三ツ作</t>
  </si>
  <si>
    <t>南袖</t>
  </si>
  <si>
    <t>横田</t>
  </si>
  <si>
    <t>吉野田</t>
  </si>
  <si>
    <t>八街市</t>
  </si>
  <si>
    <t>朝日</t>
  </si>
  <si>
    <t>砂</t>
  </si>
  <si>
    <t>大木</t>
  </si>
  <si>
    <t>大関</t>
  </si>
  <si>
    <t>大谷流</t>
  </si>
  <si>
    <t>岡田</t>
  </si>
  <si>
    <t>沖</t>
  </si>
  <si>
    <t>沖渡</t>
  </si>
  <si>
    <t>上砂</t>
  </si>
  <si>
    <t>雁丸</t>
  </si>
  <si>
    <t>木原</t>
  </si>
  <si>
    <t>希望ケ丘</t>
  </si>
  <si>
    <t>小谷流</t>
  </si>
  <si>
    <t>四木</t>
  </si>
  <si>
    <t>勢田</t>
  </si>
  <si>
    <t>滝台</t>
  </si>
  <si>
    <t>富山</t>
  </si>
  <si>
    <t>根古谷</t>
  </si>
  <si>
    <t>東吉田</t>
  </si>
  <si>
    <t>文違</t>
  </si>
  <si>
    <t>用草</t>
  </si>
  <si>
    <t>八街い</t>
  </si>
  <si>
    <t>八街ろ</t>
  </si>
  <si>
    <t>八街は</t>
  </si>
  <si>
    <t>八街に</t>
  </si>
  <si>
    <t>八街ほ</t>
  </si>
  <si>
    <t>八街へ</t>
  </si>
  <si>
    <t>山田台</t>
  </si>
  <si>
    <t>吉倉</t>
  </si>
  <si>
    <t>印西市</t>
  </si>
  <si>
    <t>相嶋</t>
  </si>
  <si>
    <t>内野</t>
  </si>
  <si>
    <t>浦幡新田</t>
  </si>
  <si>
    <t>浦部</t>
  </si>
  <si>
    <t>浦部村新田</t>
  </si>
  <si>
    <t>小倉</t>
  </si>
  <si>
    <t>小倉台</t>
  </si>
  <si>
    <t>鹿黒</t>
  </si>
  <si>
    <t>亀成</t>
  </si>
  <si>
    <t>木下</t>
  </si>
  <si>
    <t>木下東</t>
  </si>
  <si>
    <t>木下南</t>
  </si>
  <si>
    <t>木刈</t>
  </si>
  <si>
    <t>結縁寺</t>
  </si>
  <si>
    <t>高西新田</t>
  </si>
  <si>
    <t>小林</t>
  </si>
  <si>
    <t>小林浅間</t>
  </si>
  <si>
    <t>小林大門下</t>
  </si>
  <si>
    <t>小林北</t>
  </si>
  <si>
    <t>浅間前</t>
  </si>
  <si>
    <t>草深</t>
  </si>
  <si>
    <t>宗甫</t>
  </si>
  <si>
    <t>高花</t>
  </si>
  <si>
    <t>竹袋</t>
  </si>
  <si>
    <t>多々羅田</t>
  </si>
  <si>
    <t>中央北</t>
  </si>
  <si>
    <t>中央南</t>
  </si>
  <si>
    <t>戸神</t>
  </si>
  <si>
    <t>戸神台</t>
  </si>
  <si>
    <t>西の原</t>
  </si>
  <si>
    <t>原</t>
  </si>
  <si>
    <t>東の原</t>
  </si>
  <si>
    <t>平岡</t>
  </si>
  <si>
    <t>船尾</t>
  </si>
  <si>
    <t>発作</t>
  </si>
  <si>
    <t>牧の木戸</t>
  </si>
  <si>
    <t>松崎</t>
  </si>
  <si>
    <t>松崎台</t>
  </si>
  <si>
    <t>武西</t>
  </si>
  <si>
    <t>武西学園台</t>
  </si>
  <si>
    <t>白井市</t>
  </si>
  <si>
    <t>池の上</t>
  </si>
  <si>
    <t>今井</t>
  </si>
  <si>
    <t>大山口</t>
  </si>
  <si>
    <t>折立</t>
  </si>
  <si>
    <t>河原子</t>
  </si>
  <si>
    <t>木</t>
  </si>
  <si>
    <t>清戸</t>
  </si>
  <si>
    <t>けやき台</t>
  </si>
  <si>
    <t>桜台</t>
  </si>
  <si>
    <t>笹塚</t>
  </si>
  <si>
    <t>神々廻</t>
  </si>
  <si>
    <t>清水口</t>
  </si>
  <si>
    <t>白井</t>
  </si>
  <si>
    <t>大松</t>
  </si>
  <si>
    <t>富塚</t>
  </si>
  <si>
    <t>十余一</t>
  </si>
  <si>
    <t>名内</t>
  </si>
  <si>
    <t>中</t>
  </si>
  <si>
    <t>七次台</t>
  </si>
  <si>
    <t>西白井</t>
  </si>
  <si>
    <t>根</t>
  </si>
  <si>
    <t>野口</t>
  </si>
  <si>
    <t>平塚</t>
  </si>
  <si>
    <t>復</t>
  </si>
  <si>
    <t>冨士</t>
  </si>
  <si>
    <t>堀込</t>
  </si>
  <si>
    <t>南山</t>
  </si>
  <si>
    <t>谷田</t>
  </si>
  <si>
    <t>富里市</t>
  </si>
  <si>
    <t>久能</t>
  </si>
  <si>
    <t>高野</t>
  </si>
  <si>
    <t>御料</t>
  </si>
  <si>
    <t>新中沢</t>
  </si>
  <si>
    <t>立沢</t>
  </si>
  <si>
    <t>立沢新田</t>
  </si>
  <si>
    <t>十倉</t>
  </si>
  <si>
    <t>中沢</t>
  </si>
  <si>
    <t>七栄</t>
  </si>
  <si>
    <t>新橋</t>
  </si>
  <si>
    <t>根木名</t>
  </si>
  <si>
    <t>日吉倉</t>
  </si>
  <si>
    <t>美沢</t>
  </si>
  <si>
    <t>西巣鴨</t>
  </si>
  <si>
    <t>法木</t>
  </si>
  <si>
    <t>法木作</t>
  </si>
  <si>
    <t>正木</t>
  </si>
  <si>
    <t>馬登</t>
  </si>
  <si>
    <t>南久保</t>
  </si>
  <si>
    <t>南子安</t>
  </si>
  <si>
    <t>三直</t>
  </si>
  <si>
    <t>宮下</t>
  </si>
  <si>
    <t>向郷</t>
  </si>
  <si>
    <t>六手</t>
  </si>
  <si>
    <t>杢師</t>
  </si>
  <si>
    <t>八重原</t>
  </si>
  <si>
    <t>柳城</t>
  </si>
  <si>
    <t>山高原</t>
  </si>
  <si>
    <t>山滝野</t>
  </si>
  <si>
    <t>山本</t>
  </si>
  <si>
    <t>八幡</t>
  </si>
  <si>
    <t>陽光台</t>
  </si>
  <si>
    <t>吉野</t>
  </si>
  <si>
    <t>富津市</t>
  </si>
  <si>
    <t>相野谷</t>
  </si>
  <si>
    <t>青木</t>
  </si>
  <si>
    <t>一色</t>
  </si>
  <si>
    <t>岩坂</t>
  </si>
  <si>
    <t>岩本</t>
  </si>
  <si>
    <t>上後</t>
  </si>
  <si>
    <t>宇藤原</t>
  </si>
  <si>
    <t>売津</t>
  </si>
  <si>
    <t>大川崎</t>
  </si>
  <si>
    <t>大田和</t>
  </si>
  <si>
    <t>大堀</t>
  </si>
  <si>
    <t>恩田</t>
  </si>
  <si>
    <t>海良</t>
  </si>
  <si>
    <t>数馬</t>
  </si>
  <si>
    <t>加藤</t>
  </si>
  <si>
    <t>金谷</t>
  </si>
  <si>
    <t>上飯野</t>
  </si>
  <si>
    <t>亀田</t>
  </si>
  <si>
    <t>川名</t>
  </si>
  <si>
    <t>絹</t>
  </si>
  <si>
    <t>小久保</t>
  </si>
  <si>
    <t>小志駒</t>
  </si>
  <si>
    <t>近藤</t>
  </si>
  <si>
    <t>桜井総稱鬼泪山</t>
  </si>
  <si>
    <t>笹毛</t>
  </si>
  <si>
    <t>佐貫</t>
  </si>
  <si>
    <t>更和</t>
  </si>
  <si>
    <t>志駒</t>
  </si>
  <si>
    <t>篠部</t>
  </si>
  <si>
    <t>下飯野</t>
  </si>
  <si>
    <t>障子谷</t>
  </si>
  <si>
    <t>関尻</t>
  </si>
  <si>
    <t>台原</t>
  </si>
  <si>
    <t>高溝</t>
  </si>
  <si>
    <t>田倉</t>
  </si>
  <si>
    <t>竹岡</t>
  </si>
  <si>
    <t>田原</t>
  </si>
  <si>
    <t>千種新田</t>
  </si>
  <si>
    <t>鶴岡</t>
  </si>
  <si>
    <t>寺尾</t>
  </si>
  <si>
    <t>豊岡</t>
  </si>
  <si>
    <t>長崎</t>
  </si>
  <si>
    <t>梨沢（東井戸堀）</t>
  </si>
  <si>
    <t>梨沢（その他）</t>
  </si>
  <si>
    <t>西大和田</t>
  </si>
  <si>
    <t>西川</t>
  </si>
  <si>
    <t>萩生</t>
  </si>
  <si>
    <t>花香谷</t>
  </si>
  <si>
    <t>花輪</t>
  </si>
  <si>
    <t>東大和田</t>
  </si>
  <si>
    <t>二間塚</t>
  </si>
  <si>
    <t>富津</t>
  </si>
  <si>
    <t>宝竜寺</t>
  </si>
  <si>
    <t>前久保</t>
  </si>
  <si>
    <t>湊</t>
  </si>
  <si>
    <t>御代原</t>
  </si>
  <si>
    <t>六野</t>
  </si>
  <si>
    <t>望井</t>
  </si>
  <si>
    <t>八田沼</t>
  </si>
  <si>
    <t>山中</t>
  </si>
  <si>
    <t>山脇</t>
  </si>
  <si>
    <t>横山</t>
  </si>
  <si>
    <t>浦安市</t>
  </si>
  <si>
    <t>明海</t>
  </si>
  <si>
    <t>今川</t>
  </si>
  <si>
    <t>海楽</t>
  </si>
  <si>
    <t>北栄</t>
  </si>
  <si>
    <t>千鳥</t>
  </si>
  <si>
    <t>鉄鋼通り</t>
  </si>
  <si>
    <t>当代島</t>
  </si>
  <si>
    <t>猫実</t>
  </si>
  <si>
    <t>東野</t>
  </si>
  <si>
    <t>弁天</t>
  </si>
  <si>
    <t>堀江</t>
  </si>
  <si>
    <t>舞浜</t>
  </si>
  <si>
    <t>港</t>
  </si>
  <si>
    <t>四街道市</t>
  </si>
  <si>
    <t>旭ケ丘</t>
  </si>
  <si>
    <t>池花</t>
  </si>
  <si>
    <t>内黒田</t>
  </si>
  <si>
    <t>美しが丘</t>
  </si>
  <si>
    <t>小名木</t>
  </si>
  <si>
    <t>亀崎</t>
  </si>
  <si>
    <t>萱橋</t>
  </si>
  <si>
    <t>さちが丘</t>
  </si>
  <si>
    <t>さつきケ丘</t>
  </si>
  <si>
    <t>鹿渡</t>
  </si>
  <si>
    <t>下志津新田</t>
  </si>
  <si>
    <t>大日</t>
  </si>
  <si>
    <t>鷹の台</t>
  </si>
  <si>
    <t>千代田</t>
  </si>
  <si>
    <t>つくし座</t>
  </si>
  <si>
    <t>中台</t>
  </si>
  <si>
    <t>長岡</t>
  </si>
  <si>
    <t>南波佐間</t>
  </si>
  <si>
    <t>成山</t>
  </si>
  <si>
    <t>みそら</t>
  </si>
  <si>
    <t>みのり町</t>
  </si>
  <si>
    <t>めいわ</t>
  </si>
  <si>
    <t>もねの里</t>
  </si>
  <si>
    <t>物井</t>
  </si>
  <si>
    <t>山梨</t>
  </si>
  <si>
    <t>吉岡</t>
  </si>
  <si>
    <t>四街道</t>
  </si>
  <si>
    <t>鹿放ケ丘</t>
  </si>
  <si>
    <t>和田</t>
  </si>
  <si>
    <t>和良比</t>
  </si>
  <si>
    <t>阿部</t>
  </si>
  <si>
    <t>飯富</t>
  </si>
  <si>
    <t>岩井</t>
  </si>
  <si>
    <t>打越</t>
  </si>
  <si>
    <t>永地</t>
  </si>
  <si>
    <t>大竹</t>
  </si>
  <si>
    <t>大鳥居</t>
  </si>
  <si>
    <t>大曽根</t>
  </si>
  <si>
    <t>勝</t>
  </si>
  <si>
    <t>上泉</t>
  </si>
  <si>
    <t>上宮田</t>
  </si>
  <si>
    <t>川原井</t>
  </si>
  <si>
    <t>神納</t>
  </si>
  <si>
    <t>北袖</t>
  </si>
  <si>
    <t>久保田</t>
  </si>
  <si>
    <t>蔵波</t>
  </si>
  <si>
    <t>蔵波台</t>
  </si>
  <si>
    <t>三箇</t>
  </si>
  <si>
    <t>椎の森</t>
  </si>
  <si>
    <t>下泉</t>
  </si>
  <si>
    <t>下新田</t>
  </si>
  <si>
    <t>下根岸</t>
  </si>
  <si>
    <t>神奈川県</t>
  </si>
  <si>
    <t>横浜市鶴見区</t>
  </si>
  <si>
    <t>横浜市西区</t>
  </si>
  <si>
    <t>みなとみらいクイーンズタワーＣ（５階）</t>
  </si>
  <si>
    <t>横浜市保土ケ谷区</t>
  </si>
  <si>
    <t>西久保町</t>
  </si>
  <si>
    <t>横浜市栄区</t>
  </si>
  <si>
    <t>東上郷町</t>
  </si>
  <si>
    <t>川崎市多摩区</t>
  </si>
  <si>
    <t>寺尾台</t>
  </si>
  <si>
    <t>中野島</t>
  </si>
  <si>
    <t>長尾</t>
  </si>
  <si>
    <t>長沢</t>
  </si>
  <si>
    <t>西生田</t>
  </si>
  <si>
    <t>登戸新町</t>
  </si>
  <si>
    <t>東生田</t>
  </si>
  <si>
    <t>東三田</t>
  </si>
  <si>
    <t>布田</t>
  </si>
  <si>
    <t>枡形</t>
  </si>
  <si>
    <t>三田</t>
  </si>
  <si>
    <t>南生田</t>
  </si>
  <si>
    <t>川崎市宮前区</t>
  </si>
  <si>
    <t>有馬</t>
  </si>
  <si>
    <t>犬蔵</t>
  </si>
  <si>
    <t>梶ケ谷</t>
  </si>
  <si>
    <t>けやき平</t>
  </si>
  <si>
    <t>五所塚</t>
  </si>
  <si>
    <t>鷺沼</t>
  </si>
  <si>
    <t>潮見台</t>
  </si>
  <si>
    <t>神木</t>
  </si>
  <si>
    <t>神木本町</t>
  </si>
  <si>
    <t>白幡台</t>
  </si>
  <si>
    <t>菅生ケ丘</t>
  </si>
  <si>
    <t>平</t>
  </si>
  <si>
    <t>土橋</t>
  </si>
  <si>
    <t>南平台</t>
  </si>
  <si>
    <t>野川</t>
  </si>
  <si>
    <t>初山</t>
  </si>
  <si>
    <t>東有馬</t>
  </si>
  <si>
    <t>馬絹</t>
  </si>
  <si>
    <t>水沢</t>
  </si>
  <si>
    <t>宮崎</t>
  </si>
  <si>
    <t>宮前平</t>
  </si>
  <si>
    <t>川崎市麻生区</t>
  </si>
  <si>
    <t>王禅寺</t>
  </si>
  <si>
    <t>王禅寺西</t>
  </si>
  <si>
    <t>王禅寺東</t>
  </si>
  <si>
    <t>岡上</t>
  </si>
  <si>
    <t>片平</t>
  </si>
  <si>
    <t>金程</t>
  </si>
  <si>
    <t>上麻生</t>
  </si>
  <si>
    <t>栗木</t>
  </si>
  <si>
    <t>栗木台</t>
  </si>
  <si>
    <t>栗平</t>
  </si>
  <si>
    <t>黒川</t>
  </si>
  <si>
    <t>五力田</t>
  </si>
  <si>
    <t>下麻生</t>
  </si>
  <si>
    <t>高石</t>
  </si>
  <si>
    <t>多摩美</t>
  </si>
  <si>
    <t>千代ケ丘</t>
  </si>
  <si>
    <t>虹ケ丘</t>
  </si>
  <si>
    <t>早野</t>
  </si>
  <si>
    <t>はるひ野</t>
  </si>
  <si>
    <t>東百合丘</t>
  </si>
  <si>
    <t>古沢</t>
  </si>
  <si>
    <t>細山</t>
  </si>
  <si>
    <t>万福寺</t>
  </si>
  <si>
    <t>南黒川</t>
  </si>
  <si>
    <t>向原</t>
  </si>
  <si>
    <t>百合丘</t>
  </si>
  <si>
    <t>横須賀市</t>
  </si>
  <si>
    <t>秋谷</t>
  </si>
  <si>
    <t>芦名</t>
  </si>
  <si>
    <t>阿部倉</t>
  </si>
  <si>
    <t>粟田</t>
  </si>
  <si>
    <t>安針台</t>
  </si>
  <si>
    <t>池上</t>
  </si>
  <si>
    <t>池田町</t>
  </si>
  <si>
    <t>稲岡町</t>
  </si>
  <si>
    <t>不入斗町</t>
  </si>
  <si>
    <t>岩戸</t>
  </si>
  <si>
    <t>内川</t>
  </si>
  <si>
    <t>内川新田</t>
  </si>
  <si>
    <t>浦賀</t>
  </si>
  <si>
    <t>浦賀丘</t>
  </si>
  <si>
    <t>浦上台</t>
  </si>
  <si>
    <t>浦郷町</t>
  </si>
  <si>
    <t>上町</t>
  </si>
  <si>
    <t>太田和</t>
  </si>
  <si>
    <t>大滝町</t>
  </si>
  <si>
    <t>大津町</t>
  </si>
  <si>
    <t>大矢部</t>
  </si>
  <si>
    <t>小川町</t>
  </si>
  <si>
    <t>荻野</t>
  </si>
  <si>
    <t>追浜東町</t>
  </si>
  <si>
    <t>追浜南町</t>
  </si>
  <si>
    <t>追浜本町</t>
  </si>
  <si>
    <t>追浜町</t>
  </si>
  <si>
    <t>小原台</t>
  </si>
  <si>
    <t>鴨居</t>
  </si>
  <si>
    <t>衣笠栄町</t>
  </si>
  <si>
    <t>衣笠町</t>
  </si>
  <si>
    <t>公郷町</t>
  </si>
  <si>
    <t>楠ケ浦町</t>
  </si>
  <si>
    <t>久比里</t>
  </si>
  <si>
    <t>久村</t>
  </si>
  <si>
    <t>久里浜</t>
  </si>
  <si>
    <t>久里浜台</t>
  </si>
  <si>
    <t>グリーンハイツ</t>
  </si>
  <si>
    <t>光風台</t>
  </si>
  <si>
    <t>子安</t>
  </si>
  <si>
    <t>小矢部</t>
  </si>
  <si>
    <t>坂本町</t>
  </si>
  <si>
    <t>桜が丘</t>
  </si>
  <si>
    <t>佐島</t>
  </si>
  <si>
    <t>佐島の丘</t>
  </si>
  <si>
    <t>佐野町</t>
  </si>
  <si>
    <t>佐原</t>
  </si>
  <si>
    <t>猿島</t>
  </si>
  <si>
    <t>汐入町</t>
  </si>
  <si>
    <t>汐見台</t>
  </si>
  <si>
    <t>湘南国際村</t>
  </si>
  <si>
    <t>湘南鷹取</t>
  </si>
  <si>
    <t>新港町</t>
  </si>
  <si>
    <t>神明町</t>
  </si>
  <si>
    <t>須軽谷</t>
  </si>
  <si>
    <t>田浦泉町</t>
  </si>
  <si>
    <t>田浦大作町</t>
  </si>
  <si>
    <t>田浦港町</t>
  </si>
  <si>
    <t>田浦町</t>
  </si>
  <si>
    <t>鷹取</t>
  </si>
  <si>
    <t>武</t>
  </si>
  <si>
    <t>田戸台</t>
  </si>
  <si>
    <t>津久井</t>
  </si>
  <si>
    <t>鶴が丘</t>
  </si>
  <si>
    <t>泊町</t>
  </si>
  <si>
    <t>長井</t>
  </si>
  <si>
    <t>長浦町</t>
  </si>
  <si>
    <t>長坂</t>
  </si>
  <si>
    <t>長瀬</t>
  </si>
  <si>
    <t>夏島町</t>
  </si>
  <si>
    <t>西浦賀</t>
  </si>
  <si>
    <t>西逸見町</t>
  </si>
  <si>
    <t>根岸町</t>
  </si>
  <si>
    <t>野比</t>
  </si>
  <si>
    <t>ハイランド</t>
  </si>
  <si>
    <t>箱崎町</t>
  </si>
  <si>
    <t>走水</t>
  </si>
  <si>
    <t>浜見台</t>
  </si>
  <si>
    <t>東浦賀</t>
  </si>
  <si>
    <t>東逸見町</t>
  </si>
  <si>
    <t>光の丘</t>
  </si>
  <si>
    <t>みなとみらいクイーンズタワーＣ（６階）</t>
  </si>
  <si>
    <t>みなとみらいクイーンズタワーＣ（７階）</t>
  </si>
  <si>
    <t>みなとみらいクイーンズタワーＣ（８階）</t>
  </si>
  <si>
    <t>みなとみらいクイーンズタワーＣ（９階）</t>
  </si>
  <si>
    <t>みなとみらいクイーンズタワーＣ（１０階）</t>
  </si>
  <si>
    <t>みなとみらいクイーンズタワーＣ（１１階）</t>
  </si>
  <si>
    <t>みなとみらいクイーンズタワーＣ（１２階）</t>
  </si>
  <si>
    <t>みなとみらいクイーンズタワーＣ（１３階）</t>
  </si>
  <si>
    <t>みなとみらいクイーンズタワーＣ（１４階）</t>
  </si>
  <si>
    <t>みなとみらいクイーンズタワーＣ（１５階）</t>
  </si>
  <si>
    <t>みなとみらいクイーンズタワーＣ（１６階）</t>
  </si>
  <si>
    <t>みなとみらいクイーンズタワーＣ（１７階）</t>
  </si>
  <si>
    <t>みなとみらいクイーンズタワーＣ（１８階）</t>
  </si>
  <si>
    <t>みなとみらいクイーンズタワーＣ（１９階）</t>
  </si>
  <si>
    <t>みなとみらいクイーンズタワーＣ（２０階）</t>
  </si>
  <si>
    <t>みなとみらいクイーンズタワーＣ（２１階）</t>
  </si>
  <si>
    <t>みなとみらいランドマークタワー（地階・階層不明）</t>
  </si>
  <si>
    <t>みなとみらいランドマークタワー（１階）</t>
  </si>
  <si>
    <t>みなとみらいランドマークタワー（２階）</t>
  </si>
  <si>
    <t>みなとみらいランドマークタワー（３階）</t>
  </si>
  <si>
    <t>みなとみらいランドマークタワー（４階）</t>
  </si>
  <si>
    <t>みなとみらいランドマークタワー（５階）</t>
  </si>
  <si>
    <t>みなとみらいランドマークタワー（６階）</t>
  </si>
  <si>
    <t>みなとみらいランドマークタワー（７階）</t>
  </si>
  <si>
    <t>みなとみらいランドマークタワー（８階）</t>
  </si>
  <si>
    <t>みなとみらいランドマークタワー（９階）</t>
  </si>
  <si>
    <t>みなとみらいランドマークタワー（１０階）</t>
  </si>
  <si>
    <t>みなとみらいランドマークタワー（１１階）</t>
  </si>
  <si>
    <t>みなとみらいランドマークタワー（１２階）</t>
  </si>
  <si>
    <t>みなとみらいランドマークタワー（１３階）</t>
  </si>
  <si>
    <t>みなとみらいランドマークタワー（１４階）</t>
  </si>
  <si>
    <t>みなとみらいランドマークタワー（１５階）</t>
  </si>
  <si>
    <t>みなとみらいランドマークタワー（１６階）</t>
  </si>
  <si>
    <t>みなとみらいランドマークタワー（１７階）</t>
  </si>
  <si>
    <t>みなとみらいランドマークタワー（１８階）</t>
  </si>
  <si>
    <t>みなとみらいランドマークタワー（１９階）</t>
  </si>
  <si>
    <t>みなとみらいランドマークタワー（２０階）</t>
  </si>
  <si>
    <t>みなとみらいランドマークタワー（２１階）</t>
  </si>
  <si>
    <t>みなとみらいランドマークタワー（２２階）</t>
  </si>
  <si>
    <t>みなとみらいランドマークタワー（２３階）</t>
  </si>
  <si>
    <t>みなとみらいランドマークタワー（２４階）</t>
  </si>
  <si>
    <t>みなとみらいランドマークタワー（２５階）</t>
  </si>
  <si>
    <t>みなとみらいランドマークタワー（２６階）</t>
  </si>
  <si>
    <t>みなとみらいランドマークタワー（２７階）</t>
  </si>
  <si>
    <t>みなとみらいランドマークタワー（２８階）</t>
  </si>
  <si>
    <t>みなとみらいランドマークタワー（２９階）</t>
  </si>
  <si>
    <t>みなとみらいランドマークタワー（３０階）</t>
  </si>
  <si>
    <t>みなとみらいランドマークタワー（３１階）</t>
  </si>
  <si>
    <t>みなとみらいランドマークタワー（３２階）</t>
  </si>
  <si>
    <t>みなとみらいランドマークタワー（３３階）</t>
  </si>
  <si>
    <t>みなとみらいランドマークタワー（３４階）</t>
  </si>
  <si>
    <t>みなとみらいランドマークタワー（３５階）</t>
  </si>
  <si>
    <t>みなとみらいランドマークタワー（３６階）</t>
  </si>
  <si>
    <t>みなとみらいランドマークタワー（３７階）</t>
  </si>
  <si>
    <t>みなとみらいランドマークタワー（３８階）</t>
  </si>
  <si>
    <t>みなとみらいランドマークタワー（３９階）</t>
  </si>
  <si>
    <t>みなとみらいランドマークタワー（４０階）</t>
  </si>
  <si>
    <t>みなとみらいランドマークタワー（４１階）</t>
  </si>
  <si>
    <t>みなとみらいランドマークタワー（４２階）</t>
  </si>
  <si>
    <t>みなとみらいランドマークタワー（４３階）</t>
  </si>
  <si>
    <t>みなとみらいランドマークタワー（４４階）</t>
  </si>
  <si>
    <t>みなとみらいランドマークタワー（４５階）</t>
  </si>
  <si>
    <t>みなとみらいランドマークタワー（４６階）</t>
  </si>
  <si>
    <t>みなとみらいランドマークタワー（４７階）</t>
  </si>
  <si>
    <t>みなとみらいランドマークタワー（４８階）</t>
  </si>
  <si>
    <t>みなとみらいランドマークタワー（４９階）</t>
  </si>
  <si>
    <t>みなとみらいランドマークタワー（５０階）</t>
  </si>
  <si>
    <t>みなとみらいランドマークタワー（５１階）</t>
  </si>
  <si>
    <t>みなとみらいランドマークタワー（５２階）</t>
  </si>
  <si>
    <t>みなとみらいランドマークタワー（５３階）</t>
  </si>
  <si>
    <t>みなとみらいランドマークタワー（５４階）</t>
  </si>
  <si>
    <t>みなとみらいランドマークタワー（５５階）</t>
  </si>
  <si>
    <t>みなとみらいランドマークタワー（５６階）</t>
  </si>
  <si>
    <t>みなとみらいランドマークタワー（５７階）</t>
  </si>
  <si>
    <t>みなとみらいランドマークタワー（５８階）</t>
  </si>
  <si>
    <t>みなとみらいランドマークタワー（５９階）</t>
  </si>
  <si>
    <t>みなとみらいランドマークタワー（６０階）</t>
  </si>
  <si>
    <t>みなとみらいランドマークタワー（６１階）</t>
  </si>
  <si>
    <t>みなとみらいランドマークタワー（６２階）</t>
  </si>
  <si>
    <t>みなとみらいランドマークタワー（６３階）</t>
  </si>
  <si>
    <t>みなとみらいランドマークタワー（６４階）</t>
  </si>
  <si>
    <t>みなとみらいランドマークタワー（６５階）</t>
  </si>
  <si>
    <t>みなとみらいランドマークタワー（６６階）</t>
  </si>
  <si>
    <t>みなとみらいランドマークタワー（６７階）</t>
  </si>
  <si>
    <t>みなとみらいランドマークタワー（６８階）</t>
  </si>
  <si>
    <t>みなとみらいランドマークタワー（６９階）</t>
  </si>
  <si>
    <t>みなとみらいランドマークタワー（７０階）</t>
  </si>
  <si>
    <t>南軽井沢</t>
  </si>
  <si>
    <t>南幸</t>
  </si>
  <si>
    <t>南浅間町</t>
  </si>
  <si>
    <t>宮ケ谷</t>
  </si>
  <si>
    <t>宮崎町</t>
  </si>
  <si>
    <t>元久保町</t>
  </si>
  <si>
    <t>紅葉ケ丘</t>
  </si>
  <si>
    <t>横浜市中区</t>
  </si>
  <si>
    <t>相生町</t>
  </si>
  <si>
    <t>西谷町</t>
  </si>
  <si>
    <t>初音ケ丘</t>
  </si>
  <si>
    <t>花見台</t>
  </si>
  <si>
    <t>東川島町</t>
  </si>
  <si>
    <t>藤塚町</t>
  </si>
  <si>
    <t>仏向町</t>
  </si>
  <si>
    <t>法泉</t>
  </si>
  <si>
    <t>星川</t>
  </si>
  <si>
    <t>保土ケ谷町</t>
  </si>
  <si>
    <t>峰岡町</t>
  </si>
  <si>
    <t>峰沢町</t>
  </si>
  <si>
    <t>宮田町</t>
  </si>
  <si>
    <t>明神台</t>
  </si>
  <si>
    <t>横浜市磯子区</t>
  </si>
  <si>
    <t>磯子</t>
  </si>
  <si>
    <t>磯子台</t>
  </si>
  <si>
    <t>鳳町</t>
  </si>
  <si>
    <t>岡村</t>
  </si>
  <si>
    <t>上中里町</t>
  </si>
  <si>
    <t>坂下町</t>
  </si>
  <si>
    <t>下町</t>
  </si>
  <si>
    <t>新磯子町</t>
  </si>
  <si>
    <t>新杉田町</t>
  </si>
  <si>
    <t>新中原町</t>
  </si>
  <si>
    <t>新森町</t>
  </si>
  <si>
    <t>杉田</t>
  </si>
  <si>
    <t>杉田坪呑</t>
  </si>
  <si>
    <t>滝頭</t>
  </si>
  <si>
    <t>中浜町</t>
  </si>
  <si>
    <t>中原</t>
  </si>
  <si>
    <t>馬場町</t>
  </si>
  <si>
    <t>久木町</t>
  </si>
  <si>
    <t>氷取沢町</t>
  </si>
  <si>
    <t>広地町</t>
  </si>
  <si>
    <t>丸山</t>
  </si>
  <si>
    <t>峰町</t>
  </si>
  <si>
    <t>森</t>
  </si>
  <si>
    <t>森が丘</t>
  </si>
  <si>
    <t>洋光台</t>
  </si>
  <si>
    <t>横浜市金沢区</t>
  </si>
  <si>
    <t>朝比奈町</t>
  </si>
  <si>
    <t>海の公園</t>
  </si>
  <si>
    <t>大川</t>
  </si>
  <si>
    <t>乙舳町</t>
  </si>
  <si>
    <t>片吹</t>
  </si>
  <si>
    <t>金沢町</t>
  </si>
  <si>
    <t>釜利谷町</t>
  </si>
  <si>
    <t>釜利谷東</t>
  </si>
  <si>
    <t>釜利谷西</t>
  </si>
  <si>
    <t>釜利谷南</t>
  </si>
  <si>
    <t>幸浦</t>
  </si>
  <si>
    <t>柴町</t>
  </si>
  <si>
    <t>昭和町</t>
  </si>
  <si>
    <t>白帆</t>
  </si>
  <si>
    <t>洲崎町</t>
  </si>
  <si>
    <t>瀬戸</t>
  </si>
  <si>
    <t>高舟台</t>
  </si>
  <si>
    <t>泥亀</t>
  </si>
  <si>
    <t>寺前</t>
  </si>
  <si>
    <t>富岡東</t>
  </si>
  <si>
    <t>富岡西</t>
  </si>
  <si>
    <t>鳥浜町</t>
  </si>
  <si>
    <t>長浜</t>
  </si>
  <si>
    <t>西柴</t>
  </si>
  <si>
    <t>能見台</t>
  </si>
  <si>
    <t>能見台通</t>
  </si>
  <si>
    <t>能見台東</t>
  </si>
  <si>
    <t>能見台森</t>
  </si>
  <si>
    <t>野島町</t>
  </si>
  <si>
    <t>八景島</t>
  </si>
  <si>
    <t>東朝比奈</t>
  </si>
  <si>
    <t>平潟町</t>
  </si>
  <si>
    <t>福浦</t>
  </si>
  <si>
    <t>堀口</t>
  </si>
  <si>
    <t>町屋町</t>
  </si>
  <si>
    <t>みず木町</t>
  </si>
  <si>
    <t>六浦</t>
  </si>
  <si>
    <t>六浦町</t>
  </si>
  <si>
    <t>六浦東</t>
  </si>
  <si>
    <t>六浦南</t>
  </si>
  <si>
    <t>谷津町</t>
  </si>
  <si>
    <t>柳町</t>
  </si>
  <si>
    <t>横浜市港北区</t>
  </si>
  <si>
    <t>大倉山</t>
  </si>
  <si>
    <t>大曽根台</t>
  </si>
  <si>
    <t>菊名</t>
  </si>
  <si>
    <t>岸根町</t>
  </si>
  <si>
    <t>北新横浜</t>
  </si>
  <si>
    <t>小机町</t>
  </si>
  <si>
    <t>篠原台町</t>
  </si>
  <si>
    <t>篠原町</t>
  </si>
  <si>
    <t>篠原西町</t>
  </si>
  <si>
    <t>篠原東</t>
  </si>
  <si>
    <t>篠原北</t>
  </si>
  <si>
    <t>新横浜</t>
  </si>
  <si>
    <t>新吉田町</t>
  </si>
  <si>
    <t>新吉田東</t>
  </si>
  <si>
    <t>高田西</t>
  </si>
  <si>
    <t>高田東</t>
  </si>
  <si>
    <t>樽町</t>
  </si>
  <si>
    <t>綱島上町</t>
  </si>
  <si>
    <t>綱島台</t>
  </si>
  <si>
    <t>綱島東</t>
  </si>
  <si>
    <t>綱島西</t>
  </si>
  <si>
    <t>鳥山町</t>
  </si>
  <si>
    <t>仲手原</t>
  </si>
  <si>
    <t>錦が丘</t>
  </si>
  <si>
    <t>新羽町</t>
  </si>
  <si>
    <t>日吉</t>
  </si>
  <si>
    <t>日吉本町</t>
  </si>
  <si>
    <t>富士塚</t>
  </si>
  <si>
    <t>太尾町</t>
  </si>
  <si>
    <t>大豆戸町</t>
  </si>
  <si>
    <t>箕輪町</t>
  </si>
  <si>
    <t>師岡町</t>
  </si>
  <si>
    <t>横浜市戸塚区</t>
  </si>
  <si>
    <t>秋葉町</t>
  </si>
  <si>
    <t>影取町</t>
  </si>
  <si>
    <t>柏尾町</t>
  </si>
  <si>
    <t>上柏尾町</t>
  </si>
  <si>
    <t>上倉田町</t>
  </si>
  <si>
    <t>上品濃</t>
  </si>
  <si>
    <t>上矢部町</t>
  </si>
  <si>
    <t>川上町</t>
  </si>
  <si>
    <t>汲沢</t>
  </si>
  <si>
    <t>汲沢町</t>
  </si>
  <si>
    <t>小雀町</t>
  </si>
  <si>
    <t>品濃町</t>
  </si>
  <si>
    <t>下倉田町</t>
  </si>
  <si>
    <t>戸塚町</t>
  </si>
  <si>
    <t>鳥が丘</t>
  </si>
  <si>
    <t>名瀬町</t>
  </si>
  <si>
    <t>原宿</t>
  </si>
  <si>
    <t>東俣野町</t>
  </si>
  <si>
    <t>本郷台</t>
  </si>
  <si>
    <t>元大橋</t>
  </si>
  <si>
    <t>若竹町</t>
  </si>
  <si>
    <t>横浜市泉区</t>
  </si>
  <si>
    <t>池の谷</t>
  </si>
  <si>
    <t>和泉町</t>
  </si>
  <si>
    <t>岡津町</t>
  </si>
  <si>
    <t>桂坂</t>
  </si>
  <si>
    <t>上飯田町</t>
  </si>
  <si>
    <t>下飯田町</t>
  </si>
  <si>
    <t>白百合</t>
  </si>
  <si>
    <t>新橋町</t>
  </si>
  <si>
    <t>中田東</t>
  </si>
  <si>
    <t>中田西</t>
  </si>
  <si>
    <t>中田南</t>
  </si>
  <si>
    <t>中田北</t>
  </si>
  <si>
    <t>西が岡</t>
  </si>
  <si>
    <t>弥生台</t>
  </si>
  <si>
    <t>緑園</t>
  </si>
  <si>
    <t>横浜市青葉区</t>
  </si>
  <si>
    <t>あかね台</t>
  </si>
  <si>
    <t>あざみ野</t>
  </si>
  <si>
    <t>あざみ野南</t>
  </si>
  <si>
    <t>市ケ尾町</t>
  </si>
  <si>
    <t>美しが丘西</t>
  </si>
  <si>
    <t>梅が丘</t>
  </si>
  <si>
    <t>荏子田</t>
  </si>
  <si>
    <t>荏田町</t>
  </si>
  <si>
    <t>荏田西</t>
  </si>
  <si>
    <t>荏田北</t>
  </si>
  <si>
    <t>榎が丘</t>
  </si>
  <si>
    <t>大場町</t>
  </si>
  <si>
    <t>恩田町</t>
  </si>
  <si>
    <t>柿の木台</t>
  </si>
  <si>
    <t>桂台</t>
  </si>
  <si>
    <t>上谷本町</t>
  </si>
  <si>
    <t>鴨志田町</t>
  </si>
  <si>
    <t>鉄町</t>
  </si>
  <si>
    <t>黒須田</t>
  </si>
  <si>
    <t>さつきが丘</t>
  </si>
  <si>
    <t>寺家町</t>
  </si>
  <si>
    <t>下谷本町</t>
  </si>
  <si>
    <t>しらとり台</t>
  </si>
  <si>
    <t>新石川</t>
  </si>
  <si>
    <t>すすき野</t>
  </si>
  <si>
    <t>すみよし台</t>
  </si>
  <si>
    <t>たちばな台</t>
  </si>
  <si>
    <t>田奈町</t>
  </si>
  <si>
    <t>千草台</t>
  </si>
  <si>
    <t>つつじが丘</t>
  </si>
  <si>
    <t>奈良</t>
  </si>
  <si>
    <t>奈良町</t>
  </si>
  <si>
    <t>成合町</t>
  </si>
  <si>
    <t>藤が丘</t>
  </si>
  <si>
    <t>松風台</t>
  </si>
  <si>
    <t>みすずが丘</t>
  </si>
  <si>
    <t>みたけ台</t>
  </si>
  <si>
    <t>緑山</t>
  </si>
  <si>
    <t>もえぎ野</t>
  </si>
  <si>
    <t>元石川町</t>
  </si>
  <si>
    <t>もみの木台</t>
  </si>
  <si>
    <t>若草台</t>
  </si>
  <si>
    <t>横浜市都筑区</t>
  </si>
  <si>
    <t>あゆみが丘</t>
  </si>
  <si>
    <t>池辺町</t>
  </si>
  <si>
    <t>牛久保</t>
  </si>
  <si>
    <t>牛久保町</t>
  </si>
  <si>
    <t>牛久保東</t>
  </si>
  <si>
    <t>牛久保西</t>
  </si>
  <si>
    <t>荏田東町</t>
  </si>
  <si>
    <t>荏田南町</t>
  </si>
  <si>
    <t>荏田東</t>
  </si>
  <si>
    <t>荏田南</t>
  </si>
  <si>
    <t>大熊町</t>
  </si>
  <si>
    <t>大棚西</t>
  </si>
  <si>
    <t>大棚町</t>
  </si>
  <si>
    <t>大丸</t>
  </si>
  <si>
    <t>折本町</t>
  </si>
  <si>
    <t>加賀原</t>
  </si>
  <si>
    <t>勝田町</t>
  </si>
  <si>
    <t>勝田南</t>
  </si>
  <si>
    <t>川向町</t>
  </si>
  <si>
    <t>川和台</t>
  </si>
  <si>
    <t>川和町</t>
  </si>
  <si>
    <t>北山田</t>
  </si>
  <si>
    <t>葛が谷</t>
  </si>
  <si>
    <t>佐江戸町</t>
  </si>
  <si>
    <t>桜並木</t>
  </si>
  <si>
    <t>新栄町</t>
  </si>
  <si>
    <t>すみれが丘</t>
  </si>
  <si>
    <t>高山</t>
  </si>
  <si>
    <t>茅ケ崎中央</t>
  </si>
  <si>
    <t>茅ケ崎町</t>
  </si>
  <si>
    <t>茅ケ崎東</t>
  </si>
  <si>
    <t>茅ケ崎南</t>
  </si>
  <si>
    <t>中川中央</t>
  </si>
  <si>
    <t>仲町台</t>
  </si>
  <si>
    <t>二の丸</t>
  </si>
  <si>
    <t>早渕</t>
  </si>
  <si>
    <t>東山田</t>
  </si>
  <si>
    <t>東山田町</t>
  </si>
  <si>
    <t>平台</t>
  </si>
  <si>
    <t>富士見が丘</t>
  </si>
  <si>
    <t>南山田町</t>
  </si>
  <si>
    <t>見花山</t>
  </si>
  <si>
    <t>川崎市川崎区</t>
  </si>
  <si>
    <t>浅田</t>
  </si>
  <si>
    <t>浅野町</t>
  </si>
  <si>
    <t>池上新町</t>
  </si>
  <si>
    <t>池上町</t>
  </si>
  <si>
    <t>砂子</t>
  </si>
  <si>
    <t>伊勢町</t>
  </si>
  <si>
    <t>浮島町</t>
  </si>
  <si>
    <t>駅前本町</t>
  </si>
  <si>
    <t>榎町</t>
  </si>
  <si>
    <t>扇町</t>
  </si>
  <si>
    <t>大川町</t>
  </si>
  <si>
    <t>扇島</t>
  </si>
  <si>
    <t>大島上町</t>
  </si>
  <si>
    <t>小田</t>
  </si>
  <si>
    <t>小田栄</t>
  </si>
  <si>
    <t>貝塚</t>
  </si>
  <si>
    <t>川中島</t>
  </si>
  <si>
    <t>観音</t>
  </si>
  <si>
    <t>京町</t>
  </si>
  <si>
    <t>鋼管通</t>
  </si>
  <si>
    <t>小島町</t>
  </si>
  <si>
    <t>境町</t>
  </si>
  <si>
    <t>桜本</t>
  </si>
  <si>
    <t>下並木</t>
  </si>
  <si>
    <t>白石町</t>
  </si>
  <si>
    <t>新川通</t>
  </si>
  <si>
    <t>平作</t>
  </si>
  <si>
    <t>深田台</t>
  </si>
  <si>
    <t>大井</t>
  </si>
  <si>
    <t>大崎（次のビルを除く）</t>
  </si>
  <si>
    <t>大崎ＴｈｉｎｋＰａｒｋＴｏｗｅｒ（地階・階層不明）</t>
  </si>
  <si>
    <t>大崎ＴｈｉｎｋＰａｒｋＴｏｗｅｒ（１階）</t>
  </si>
  <si>
    <t>大崎ＴｈｉｎｋＰａｒｋＴｏｗｅｒ（２階）</t>
  </si>
  <si>
    <t>大崎ＴｈｉｎｋＰａｒｋＴｏｗｅｒ（３階）</t>
  </si>
  <si>
    <t>大崎ＴｈｉｎｋＰａｒｋＴｏｗｅｒ（４階）</t>
  </si>
  <si>
    <t>大崎ＴｈｉｎｋＰａｒｋＴｏｗｅｒ（５階）</t>
  </si>
  <si>
    <t>大崎ＴｈｉｎｋＰａｒｋＴｏｗｅｒ（６階）</t>
  </si>
  <si>
    <t>大崎ＴｈｉｎｋＰａｒｋＴｏｗｅｒ（７階）</t>
  </si>
  <si>
    <t>大崎ＴｈｉｎｋＰａｒｋＴｏｗｅｒ（８階）</t>
  </si>
  <si>
    <t>大崎ＴｈｉｎｋＰａｒｋＴｏｗｅｒ（９階）</t>
  </si>
  <si>
    <t>大崎ＴｈｉｎｋＰａｒｋＴｏｗｅｒ（１０階）</t>
  </si>
  <si>
    <t>大崎ＴｈｉｎｋＰａｒｋＴｏｗｅｒ（１１階）</t>
  </si>
  <si>
    <t>大崎ＴｈｉｎｋＰａｒｋＴｏｗｅｒ（１２階）</t>
  </si>
  <si>
    <t>大崎ＴｈｉｎｋＰａｒｋＴｏｗｅｒ（１３階）</t>
  </si>
  <si>
    <t>大崎ＴｈｉｎｋＰａｒｋＴｏｗｅｒ（１４階）</t>
  </si>
  <si>
    <t>大崎ＴｈｉｎｋＰａｒｋＴｏｗｅｒ（１５階）</t>
  </si>
  <si>
    <t>大崎ＴｈｉｎｋＰａｒｋＴｏｗｅｒ（１６階）</t>
  </si>
  <si>
    <t>大崎ＴｈｉｎｋＰａｒｋＴｏｗｅｒ（１７階）</t>
  </si>
  <si>
    <t>大崎ＴｈｉｎｋＰａｒｋＴｏｗｅｒ（１８階）</t>
  </si>
  <si>
    <t>大崎ＴｈｉｎｋＰａｒｋＴｏｗｅｒ（１９階）</t>
  </si>
  <si>
    <t>大崎ＴｈｉｎｋＰａｒｋＴｏｗｅｒ（２０階）</t>
  </si>
  <si>
    <t>大崎ＴｈｉｎｋＰａｒｋＴｏｗｅｒ（２１階）</t>
  </si>
  <si>
    <t>大崎ＴｈｉｎｋＰａｒｋＴｏｗｅｒ（２２階）</t>
  </si>
  <si>
    <t>大崎ＴｈｉｎｋＰａｒｋＴｏｗｅｒ（２３階）</t>
  </si>
  <si>
    <t>大崎ＴｈｉｎｋＰａｒｋＴｏｗｅｒ（２４階）</t>
  </si>
  <si>
    <t>大崎ＴｈｉｎｋＰａｒｋＴｏｗｅｒ（２５階）</t>
  </si>
  <si>
    <t>大崎ＴｈｉｎｋＰａｒｋＴｏｗｅｒ（２６階）</t>
  </si>
  <si>
    <t>大崎ＴｈｉｎｋＰａｒｋＴｏｗｅｒ（２７階）</t>
  </si>
  <si>
    <t>大崎ＴｈｉｎｋＰａｒｋＴｏｗｅｒ（２８階）</t>
  </si>
  <si>
    <t>大崎ＴｈｉｎｋＰａｒｋＴｏｗｅｒ（２９階）</t>
  </si>
  <si>
    <t>大崎ＴｈｉｎｋＰａｒｋＴｏｗｅｒ（３０階）</t>
  </si>
  <si>
    <t>勝島</t>
  </si>
  <si>
    <t>上大崎</t>
  </si>
  <si>
    <t>北品川（１～４丁目）</t>
  </si>
  <si>
    <t>北品川（５、６丁目）</t>
  </si>
  <si>
    <t>小山台</t>
  </si>
  <si>
    <t>戸越</t>
  </si>
  <si>
    <t>中延</t>
  </si>
  <si>
    <t>西大井</t>
  </si>
  <si>
    <t>西五反田</t>
  </si>
  <si>
    <t>西品川</t>
  </si>
  <si>
    <t>西中延</t>
  </si>
  <si>
    <t>旗の台</t>
  </si>
  <si>
    <t>東大井</t>
  </si>
  <si>
    <t>東五反田</t>
  </si>
  <si>
    <t>東品川</t>
  </si>
  <si>
    <t>東中延</t>
  </si>
  <si>
    <t>東八潮</t>
  </si>
  <si>
    <t>広町</t>
  </si>
  <si>
    <t>二葉</t>
  </si>
  <si>
    <t>南大井</t>
  </si>
  <si>
    <t>南品川</t>
  </si>
  <si>
    <t>八潮</t>
  </si>
  <si>
    <t>目黒区</t>
  </si>
  <si>
    <t>大岡山</t>
  </si>
  <si>
    <t>柿の木坂</t>
  </si>
  <si>
    <t>上目黒</t>
  </si>
  <si>
    <t>五本木</t>
  </si>
  <si>
    <t>下目黒</t>
  </si>
  <si>
    <t>自由が丘</t>
  </si>
  <si>
    <t>洗足</t>
  </si>
  <si>
    <t>鷹番</t>
  </si>
  <si>
    <t>中央町</t>
  </si>
  <si>
    <t>中目黒</t>
  </si>
  <si>
    <t>東が丘</t>
  </si>
  <si>
    <t>碑文谷</t>
  </si>
  <si>
    <t>目黒</t>
  </si>
  <si>
    <t>目黒本町</t>
  </si>
  <si>
    <t>八雲</t>
  </si>
  <si>
    <t>祐天寺</t>
  </si>
  <si>
    <t>大田区</t>
  </si>
  <si>
    <t>鵜の木</t>
  </si>
  <si>
    <t>大森中</t>
  </si>
  <si>
    <t>大森本町</t>
  </si>
  <si>
    <t>大森東</t>
  </si>
  <si>
    <t>大森西</t>
  </si>
  <si>
    <t>大森南</t>
  </si>
  <si>
    <t>大森北</t>
  </si>
  <si>
    <t>蒲田</t>
  </si>
  <si>
    <t>蒲田本町</t>
  </si>
  <si>
    <t>上池台</t>
  </si>
  <si>
    <t>北糀谷</t>
  </si>
  <si>
    <t>北千束</t>
  </si>
  <si>
    <t>北馬込</t>
  </si>
  <si>
    <t>北嶺町</t>
  </si>
  <si>
    <t>久が原</t>
  </si>
  <si>
    <t>京浜島</t>
  </si>
  <si>
    <t>下丸子</t>
  </si>
  <si>
    <t>城南島</t>
  </si>
  <si>
    <t>昭和島</t>
  </si>
  <si>
    <t>新蒲田</t>
  </si>
  <si>
    <t>多摩川</t>
  </si>
  <si>
    <t>田園調布</t>
  </si>
  <si>
    <t>田園調布本町</t>
  </si>
  <si>
    <t>田園調布南</t>
  </si>
  <si>
    <t>東海</t>
  </si>
  <si>
    <t>仲池上</t>
  </si>
  <si>
    <t>中馬込</t>
  </si>
  <si>
    <t>仲六郷</t>
  </si>
  <si>
    <t>西蒲田</t>
  </si>
  <si>
    <t>西糀谷</t>
  </si>
  <si>
    <t>西馬込</t>
  </si>
  <si>
    <t>西嶺町</t>
  </si>
  <si>
    <t>西六郷</t>
  </si>
  <si>
    <t>萩中</t>
  </si>
  <si>
    <t>羽田</t>
  </si>
  <si>
    <t>羽田旭町</t>
  </si>
  <si>
    <t>羽田空港</t>
  </si>
  <si>
    <t>東蒲田</t>
  </si>
  <si>
    <t>東糀谷</t>
  </si>
  <si>
    <t>東馬込</t>
  </si>
  <si>
    <t>東嶺町</t>
  </si>
  <si>
    <t>東矢口</t>
  </si>
  <si>
    <t>東雪谷</t>
  </si>
  <si>
    <t>東六郷</t>
  </si>
  <si>
    <t>ふるさとの浜辺公園</t>
  </si>
  <si>
    <t>平和島</t>
  </si>
  <si>
    <t>平和の森公園</t>
  </si>
  <si>
    <t>本羽田</t>
  </si>
  <si>
    <t>南蒲田</t>
  </si>
  <si>
    <t>南久が原</t>
  </si>
  <si>
    <t>南千束</t>
  </si>
  <si>
    <t>南馬込</t>
  </si>
  <si>
    <t>南雪谷</t>
  </si>
  <si>
    <t>南六郷</t>
  </si>
  <si>
    <t>矢口</t>
  </si>
  <si>
    <t>雪谷大塚町</t>
  </si>
  <si>
    <t>西新宿新宿パークタワー（２９階）</t>
  </si>
  <si>
    <t>西新宿新宿パークタワー（３０階）</t>
  </si>
  <si>
    <t>西新宿新宿パークタワー（３１階）</t>
  </si>
  <si>
    <t>西新宿新宿パークタワー（３２階）</t>
  </si>
  <si>
    <t>西新宿新宿パークタワー（３３階）</t>
  </si>
  <si>
    <t>西新宿新宿パークタワー（３４階）</t>
  </si>
  <si>
    <t>西新宿新宿パークタワー（３５階）</t>
  </si>
  <si>
    <t>西新宿新宿パークタワー（３６階）</t>
  </si>
  <si>
    <t>西新宿新宿パークタワー（３７階）</t>
  </si>
  <si>
    <t>西新宿新宿パークタワー（３８階）</t>
  </si>
  <si>
    <t>西新宿新宿パークタワー（３９階）</t>
  </si>
  <si>
    <t>西新宿新宿パークタワー（４０階）</t>
  </si>
  <si>
    <t>西新宿新宿パークタワー（４１階）</t>
  </si>
  <si>
    <t>西新宿新宿パークタワー（４２階）</t>
  </si>
  <si>
    <t>西新宿新宿パークタワー（４３階）</t>
  </si>
  <si>
    <t>西新宿新宿パークタワー（４４階）</t>
  </si>
  <si>
    <t>西新宿新宿パークタワー（４５階）</t>
  </si>
  <si>
    <t>西新宿新宿パークタワー（４６階）</t>
  </si>
  <si>
    <t>西新宿新宿パークタワー（４７階）</t>
  </si>
  <si>
    <t>西新宿新宿パークタワー（４８階）</t>
  </si>
  <si>
    <t>西新宿新宿パークタワー（４９階）</t>
  </si>
  <si>
    <t>西新宿新宿パークタワー（５０階）</t>
  </si>
  <si>
    <t>西新宿新宿パークタワー（５１階）</t>
  </si>
  <si>
    <t>西新宿新宿パークタワー（５２階）</t>
  </si>
  <si>
    <t>西新宿新宿三井ビル（地階・階層不明）</t>
  </si>
  <si>
    <t>西新宿新宿三井ビル（１階）</t>
  </si>
  <si>
    <t>西新宿新宿三井ビル（２階）</t>
  </si>
  <si>
    <t>西新宿新宿三井ビル（３階）</t>
  </si>
  <si>
    <t>西新宿新宿三井ビル（４階）</t>
  </si>
  <si>
    <t>西新宿新宿三井ビル（５階）</t>
  </si>
  <si>
    <t>西新宿新宿三井ビル（６階）</t>
  </si>
  <si>
    <t>西新宿新宿三井ビル（７階）</t>
  </si>
  <si>
    <t>西新宿新宿三井ビル（８階）</t>
  </si>
  <si>
    <t>西新宿新宿三井ビル（９階）</t>
  </si>
  <si>
    <t>西新宿新宿三井ビル（１０階）</t>
  </si>
  <si>
    <t>西新宿新宿三井ビル（１１階）</t>
  </si>
  <si>
    <t>西新宿新宿三井ビル（１２階）</t>
  </si>
  <si>
    <t>西新宿新宿三井ビル（１３階）</t>
  </si>
  <si>
    <t>西新宿新宿三井ビル（１４階）</t>
  </si>
  <si>
    <t>西新宿新宿三井ビル（１５階）</t>
  </si>
  <si>
    <t>西新宿新宿三井ビル（１６階）</t>
  </si>
  <si>
    <t>西新宿新宿三井ビル（１７階）</t>
  </si>
  <si>
    <t>西新宿新宿三井ビル（１８階）</t>
  </si>
  <si>
    <t>西新宿新宿三井ビル（１９階）</t>
  </si>
  <si>
    <t>西新宿新宿三井ビル（２０階）</t>
  </si>
  <si>
    <t>西新宿新宿三井ビル（２１階）</t>
  </si>
  <si>
    <t>西新宿新宿三井ビル（２２階）</t>
  </si>
  <si>
    <t>西新宿新宿三井ビル（２３階）</t>
  </si>
  <si>
    <t>西新宿新宿三井ビル（２４階）</t>
  </si>
  <si>
    <t>西新宿新宿三井ビル（２５階）</t>
  </si>
  <si>
    <t>西新宿新宿三井ビル（２６階）</t>
  </si>
  <si>
    <t>西新宿新宿三井ビル（２７階）</t>
  </si>
  <si>
    <t>西新宿新宿三井ビル（２８階）</t>
  </si>
  <si>
    <t>西新宿新宿三井ビル（２９階）</t>
  </si>
  <si>
    <t>西新宿新宿三井ビル（３０階）</t>
  </si>
  <si>
    <t>西新宿新宿三井ビル（３１階）</t>
  </si>
  <si>
    <t>西新宿新宿三井ビル（３２階）</t>
  </si>
  <si>
    <t>西新宿新宿三井ビル（３３階）</t>
  </si>
  <si>
    <t>西新宿新宿三井ビル（３４階）</t>
  </si>
  <si>
    <t>西新宿新宿三井ビル（３５階）</t>
  </si>
  <si>
    <t>西新宿新宿三井ビル（３６階）</t>
  </si>
  <si>
    <t>西新宿新宿三井ビル（３７階）</t>
  </si>
  <si>
    <t>西新宿新宿三井ビル（３８階）</t>
  </si>
  <si>
    <t>西新宿新宿三井ビル（３９階）</t>
  </si>
  <si>
    <t>西新宿新宿三井ビル（４０階）</t>
  </si>
  <si>
    <t>西新宿新宿三井ビル（４１階）</t>
  </si>
  <si>
    <t>西新宿新宿三井ビル（４２階）</t>
  </si>
  <si>
    <t>西新宿新宿三井ビル（４３階）</t>
  </si>
  <si>
    <t>西新宿新宿三井ビル（４４階）</t>
  </si>
  <si>
    <t>西新宿新宿三井ビル（４５階）</t>
  </si>
  <si>
    <t>西新宿新宿三井ビル（４６階）</t>
  </si>
  <si>
    <t>西新宿新宿三井ビル（４７階）</t>
  </si>
  <si>
    <t>西新宿新宿三井ビル（４８階）</t>
  </si>
  <si>
    <t>西新宿新宿三井ビル（４９階）</t>
  </si>
  <si>
    <t>西新宿新宿三井ビル（５０階）</t>
  </si>
  <si>
    <t>西新宿新宿三井ビル（５１階）</t>
  </si>
  <si>
    <t>西新宿新宿三井ビル（５２階）</t>
  </si>
  <si>
    <t>西新宿新宿三井ビル（５３階）</t>
  </si>
  <si>
    <t>西新宿新宿三井ビル（５４階）</t>
  </si>
  <si>
    <t>西新宿新宿三井ビル（５５階）</t>
  </si>
  <si>
    <t>西新宿新宿モノリス（地階・階層不明）</t>
  </si>
  <si>
    <t>西新宿新宿モノリス（１階）</t>
  </si>
  <si>
    <t>西新宿新宿モノリス（２階）</t>
  </si>
  <si>
    <t>西新宿新宿モノリス（３階）</t>
  </si>
  <si>
    <t>西新宿新宿モノリス（４階）</t>
  </si>
  <si>
    <t>西新宿新宿モノリス（５階）</t>
  </si>
  <si>
    <t>西新宿新宿モノリス（６階）</t>
  </si>
  <si>
    <t>西新宿新宿モノリス（７階）</t>
  </si>
  <si>
    <t>西新宿新宿モノリス（８階）</t>
  </si>
  <si>
    <t>西新宿新宿モノリス（９階）</t>
  </si>
  <si>
    <t>西新宿新宿モノリス（１０階）</t>
  </si>
  <si>
    <t>西新宿新宿モノリス（１１階）</t>
  </si>
  <si>
    <t>西新宿新宿モノリス（１２階）</t>
  </si>
  <si>
    <t>西新宿新宿モノリス（１３階）</t>
  </si>
  <si>
    <t>西新宿新宿モノリス（１４階）</t>
  </si>
  <si>
    <t>西新宿新宿モノリス（１５階）</t>
  </si>
  <si>
    <t>西新宿新宿モノリス（１６階）</t>
  </si>
  <si>
    <t>西新宿新宿モノリス（１７階）</t>
  </si>
  <si>
    <t>西新宿新宿モノリス（１８階）</t>
  </si>
  <si>
    <t>西新宿新宿モノリス（１９階）</t>
  </si>
  <si>
    <t>西新宿新宿モノリス（２０階）</t>
  </si>
  <si>
    <t>西新宿新宿モノリス（２１階）</t>
  </si>
  <si>
    <t>西新宿新宿モノリス（２２階）</t>
  </si>
  <si>
    <t>西新宿新宿モノリス（２３階）</t>
  </si>
  <si>
    <t>西新宿新宿モノリス（２４階）</t>
  </si>
  <si>
    <t>西新宿新宿モノリス（２５階）</t>
  </si>
  <si>
    <t>西新宿新宿モノリス（２６階）</t>
  </si>
  <si>
    <t>西新宿新宿モノリス（２７階）</t>
  </si>
  <si>
    <t>西新宿新宿モノリス（２８階）</t>
  </si>
  <si>
    <t>西新宿新宿モノリス（２９階）</t>
  </si>
  <si>
    <t>西新宿新宿モノリス（３０階）</t>
  </si>
  <si>
    <t>西新宿住友不動産新宿オークタワー（地階・階層不明）</t>
  </si>
  <si>
    <t>西新宿住友不動産新宿オークタワー（１階）</t>
  </si>
  <si>
    <t>西新宿住友不動産新宿オークタワー（２階）</t>
  </si>
  <si>
    <t>晴海オフィスタワーＹ（３１階）</t>
  </si>
  <si>
    <t>晴海オフィスタワーＹ（３２階）</t>
  </si>
  <si>
    <t>晴海オフィスタワーＹ（３３階）</t>
  </si>
  <si>
    <t>晴海オフィスタワーＹ（３４階）</t>
  </si>
  <si>
    <t>晴海オフィスタワーＹ（３５階）</t>
  </si>
  <si>
    <t>晴海オフィスタワーＹ（３６階）</t>
  </si>
  <si>
    <t>晴海オフィスタワーＹ（３７階）</t>
  </si>
  <si>
    <t>晴海オフィスタワーＹ（３８階）</t>
  </si>
  <si>
    <t>晴海オフィスタワーＹ（３９階）</t>
  </si>
  <si>
    <t>晴海オフィスタワーＺ（地階・階層不明）</t>
  </si>
  <si>
    <t>晴海オフィスタワーＺ（１階）</t>
  </si>
  <si>
    <t>晴海オフィスタワーＺ（２階）</t>
  </si>
  <si>
    <t>晴海オフィスタワーＺ（３階）</t>
  </si>
  <si>
    <t>晴海オフィスタワーＺ（４階）</t>
  </si>
  <si>
    <t>晴海オフィスタワーＺ（５階）</t>
  </si>
  <si>
    <t>晴海オフィスタワーＺ（６階）</t>
  </si>
  <si>
    <t>晴海オフィスタワーＺ（７階）</t>
  </si>
  <si>
    <t>晴海オフィスタワーＺ（８階）</t>
  </si>
  <si>
    <t>晴海オフィスタワーＺ（９階）</t>
  </si>
  <si>
    <t>晴海オフィスタワーＺ（１０階）</t>
  </si>
  <si>
    <t>晴海オフィスタワーＺ（１１階）</t>
  </si>
  <si>
    <t>晴海オフィスタワーＺ（１２階）</t>
  </si>
  <si>
    <t>晴海オフィスタワーＺ（１３階）</t>
  </si>
  <si>
    <t>晴海オフィスタワーＺ（１４階）</t>
  </si>
  <si>
    <t>晴海オフィスタワーＺ（１５階）</t>
  </si>
  <si>
    <t>晴海オフィスタワーＺ（１６階）</t>
  </si>
  <si>
    <t>晴海オフィスタワーＺ（１７階）</t>
  </si>
  <si>
    <t>晴海オフィスタワーＺ（１８階）</t>
  </si>
  <si>
    <t>晴海オフィスタワーＺ（１９階）</t>
  </si>
  <si>
    <t>晴海オフィスタワーＺ（２０階）</t>
  </si>
  <si>
    <t>晴海オフィスタワーＺ（２１階）</t>
  </si>
  <si>
    <t>晴海オフィスタワーＺ（２２階）</t>
  </si>
  <si>
    <t>晴海オフィスタワーＺ（２３階）</t>
  </si>
  <si>
    <t>晴海オフィスタワーＺ（２４階）</t>
  </si>
  <si>
    <t>晴海オフィスタワーＺ（２５階）</t>
  </si>
  <si>
    <t>晴海オフィスタワーＺ（２６階）</t>
  </si>
  <si>
    <t>晴海オフィスタワーＺ（２７階）</t>
  </si>
  <si>
    <t>晴海オフィスタワーＺ（２８階）</t>
  </si>
  <si>
    <t>晴海オフィスタワーＺ（２９階）</t>
  </si>
  <si>
    <t>晴海オフィスタワーＺ（３０階）</t>
  </si>
  <si>
    <t>晴海オフィスタワーＺ（３１階）</t>
  </si>
  <si>
    <t>晴海オフィスタワーＺ（３２階）</t>
  </si>
  <si>
    <t>晴海オフィスタワーＺ（３３階）</t>
  </si>
  <si>
    <t>東日本橋</t>
  </si>
  <si>
    <t>八重洲（１丁目）</t>
  </si>
  <si>
    <t>八重洲（２丁目）</t>
  </si>
  <si>
    <t>赤坂（次のビルを除く）</t>
  </si>
  <si>
    <t>赤坂赤坂アークヒルズ・アーク森ビル（地階・階層不明）</t>
  </si>
  <si>
    <t>赤坂赤坂アークヒルズ・アーク森ビル（１階）</t>
  </si>
  <si>
    <t>赤坂赤坂アークヒルズ・アーク森ビル（２階）</t>
  </si>
  <si>
    <t>赤坂赤坂アークヒルズ・アーク森ビル（３階）</t>
  </si>
  <si>
    <t>赤坂赤坂アークヒルズ・アーク森ビル（４階）</t>
  </si>
  <si>
    <t>赤坂赤坂アークヒルズ・アーク森ビル（５階）</t>
  </si>
  <si>
    <t>赤坂赤坂アークヒルズ・アーク森ビル（６階）</t>
  </si>
  <si>
    <t>赤坂赤坂アークヒルズ・アーク森ビル（７階）</t>
  </si>
  <si>
    <t>赤坂赤坂アークヒルズ・アーク森ビル（８階）</t>
  </si>
  <si>
    <t>赤坂赤坂アークヒルズ・アーク森ビル（９階）</t>
  </si>
  <si>
    <t>赤坂赤坂アークヒルズ・アーク森ビル（１０階）</t>
  </si>
  <si>
    <t>赤坂赤坂アークヒルズ・アーク森ビル（１１階）</t>
  </si>
  <si>
    <t>赤坂赤坂アークヒルズ・アーク森ビル（１２階）</t>
  </si>
  <si>
    <t>赤坂赤坂アークヒルズ・アーク森ビル（１３階）</t>
  </si>
  <si>
    <t>赤坂赤坂アークヒルズ・アーク森ビル（１４階）</t>
  </si>
  <si>
    <t>赤坂赤坂アークヒルズ・アーク森ビル（１５階）</t>
  </si>
  <si>
    <t>赤坂赤坂アークヒルズ・アーク森ビル（１６階）</t>
  </si>
  <si>
    <t>赤坂赤坂アークヒルズ・アーク森ビル（１７階）</t>
  </si>
  <si>
    <t>赤坂赤坂アークヒルズ・アーク森ビル（１８階）</t>
  </si>
  <si>
    <t>赤坂赤坂アークヒルズ・アーク森ビル（１９階）</t>
  </si>
  <si>
    <t>赤坂赤坂アークヒルズ・アーク森ビル（２０階）</t>
  </si>
  <si>
    <t>赤坂赤坂アークヒルズ・アーク森ビル（２１階）</t>
  </si>
  <si>
    <t>赤坂赤坂アークヒルズ・アーク森ビル（２２階）</t>
  </si>
  <si>
    <t>赤坂赤坂アークヒルズ・アーク森ビル（２３階）</t>
  </si>
  <si>
    <t>赤坂赤坂アークヒルズ・アーク森ビル（２４階）</t>
  </si>
  <si>
    <t>赤坂赤坂アークヒルズ・アーク森ビル（２５階）</t>
  </si>
  <si>
    <t>赤坂赤坂アークヒルズ・アーク森ビル（２６階）</t>
  </si>
  <si>
    <t>赤坂赤坂アークヒルズ・アーク森ビル（２７階）</t>
  </si>
  <si>
    <t>赤坂赤坂アークヒルズ・アーク森ビル（２８階）</t>
  </si>
  <si>
    <t>赤坂赤坂アークヒルズ・アーク森ビル（２９階）</t>
  </si>
  <si>
    <t>赤坂赤坂アークヒルズ・アーク森ビル（３０階）</t>
  </si>
  <si>
    <t>赤坂赤坂アークヒルズ・アーク森ビル（３１階）</t>
  </si>
  <si>
    <t>赤坂赤坂アークヒルズ・アーク森ビル（３２階）</t>
  </si>
  <si>
    <t>赤坂赤坂アークヒルズ・アーク森ビル（３３階）</t>
  </si>
  <si>
    <t>赤坂赤坂アークヒルズ・アーク森ビル（３４階）</t>
  </si>
  <si>
    <t>赤坂赤坂アークヒルズ・アーク森ビル（３５階）</t>
  </si>
  <si>
    <t>赤坂赤坂アークヒルズ・アーク森ビル（３６階）</t>
  </si>
  <si>
    <t>赤坂赤坂アークヒルズ・アーク森ビル（３７階）</t>
  </si>
  <si>
    <t>赤坂赤坂パークビル（地階・階層不明）</t>
  </si>
  <si>
    <t>赤坂赤坂パークビル（１階）</t>
  </si>
  <si>
    <t>赤坂赤坂パークビル（２階）</t>
  </si>
  <si>
    <t>赤坂赤坂パークビル（３階）</t>
  </si>
  <si>
    <t>赤坂赤坂パークビル（４階）</t>
  </si>
  <si>
    <t>赤坂赤坂パークビル（５階）</t>
  </si>
  <si>
    <t>赤坂赤坂パークビル（６階）</t>
  </si>
  <si>
    <t>赤坂赤坂パークビル（７階）</t>
  </si>
  <si>
    <t>赤坂赤坂パークビル（８階）</t>
  </si>
  <si>
    <t>赤坂赤坂パークビル（９階）</t>
  </si>
  <si>
    <t>赤坂赤坂パークビル（１０階）</t>
  </si>
  <si>
    <t>赤坂赤坂パークビル（１１階）</t>
  </si>
  <si>
    <t>赤坂赤坂パークビル（１２階）</t>
  </si>
  <si>
    <t>赤坂赤坂パークビル（１３階）</t>
  </si>
  <si>
    <t>赤坂赤坂パークビル（１４階）</t>
  </si>
  <si>
    <t>赤坂赤坂パークビル（１５階）</t>
  </si>
  <si>
    <t>赤坂赤坂パークビル（１６階）</t>
  </si>
  <si>
    <t>赤坂赤坂パークビル（１７階）</t>
  </si>
  <si>
    <t>赤坂赤坂パークビル（１８階）</t>
  </si>
  <si>
    <t>赤坂赤坂パークビル（１９階）</t>
  </si>
  <si>
    <t>赤坂赤坂パークビル（２０階）</t>
  </si>
  <si>
    <t>赤坂赤坂パークビル（２１階）</t>
  </si>
  <si>
    <t>赤坂赤坂パークビル（２２階）</t>
  </si>
  <si>
    <t>赤坂赤坂パークビル（２３階）</t>
  </si>
  <si>
    <t>舟倉</t>
  </si>
  <si>
    <t>船越町</t>
  </si>
  <si>
    <t>平成町</t>
  </si>
  <si>
    <t>逸見が丘</t>
  </si>
  <si>
    <t>望洋台</t>
  </si>
  <si>
    <t>馬堀海岸</t>
  </si>
  <si>
    <t>馬堀町</t>
  </si>
  <si>
    <t>港が丘</t>
  </si>
  <si>
    <t>南浦賀</t>
  </si>
  <si>
    <t>三春町</t>
  </si>
  <si>
    <t>御幸浜</t>
  </si>
  <si>
    <t>森崎</t>
  </si>
  <si>
    <t>安浦町</t>
  </si>
  <si>
    <t>山科台</t>
  </si>
  <si>
    <t>山中町</t>
  </si>
  <si>
    <t>吉井</t>
  </si>
  <si>
    <t>吉倉町</t>
  </si>
  <si>
    <t>米が浜通</t>
  </si>
  <si>
    <t>若宮台</t>
  </si>
  <si>
    <t>平塚市</t>
  </si>
  <si>
    <t>天沼</t>
  </si>
  <si>
    <t>飯島</t>
  </si>
  <si>
    <t>出縄</t>
  </si>
  <si>
    <t>入野</t>
  </si>
  <si>
    <t>入部</t>
  </si>
  <si>
    <t>榎木町</t>
  </si>
  <si>
    <t>老松町</t>
  </si>
  <si>
    <t>追分</t>
  </si>
  <si>
    <t>大神</t>
  </si>
  <si>
    <t>岡崎</t>
  </si>
  <si>
    <t>片岡</t>
  </si>
  <si>
    <t>上吉沢</t>
  </si>
  <si>
    <t>上平塚</t>
  </si>
  <si>
    <t>北金目</t>
  </si>
  <si>
    <t>北豊田</t>
  </si>
  <si>
    <t>城所</t>
  </si>
  <si>
    <t>公所</t>
  </si>
  <si>
    <t>久領堤</t>
  </si>
  <si>
    <t>黒部丘</t>
  </si>
  <si>
    <t>河内</t>
  </si>
  <si>
    <t>御殿</t>
  </si>
  <si>
    <t>小鍋島</t>
  </si>
  <si>
    <t>真田</t>
  </si>
  <si>
    <t>四之宮</t>
  </si>
  <si>
    <t>下吉沢</t>
  </si>
  <si>
    <t>下島</t>
  </si>
  <si>
    <t>須賀</t>
  </si>
  <si>
    <t>菫平</t>
  </si>
  <si>
    <t>浅間町</t>
  </si>
  <si>
    <t>千石河岸</t>
  </si>
  <si>
    <t>千須谷</t>
  </si>
  <si>
    <t>袖ケ浜</t>
  </si>
  <si>
    <t>代官町</t>
  </si>
  <si>
    <t>高根</t>
  </si>
  <si>
    <t>高浜台</t>
  </si>
  <si>
    <t>高村</t>
  </si>
  <si>
    <t>田村</t>
  </si>
  <si>
    <t>達上ケ丘</t>
  </si>
  <si>
    <t>土屋</t>
  </si>
  <si>
    <t>寺田縄</t>
  </si>
  <si>
    <t>唐ケ原</t>
  </si>
  <si>
    <t>徳延</t>
  </si>
  <si>
    <t>豊田打間木</t>
  </si>
  <si>
    <t>豊田小嶺</t>
  </si>
  <si>
    <t>豊田平等寺</t>
  </si>
  <si>
    <t>豊田本郷</t>
  </si>
  <si>
    <t>豊田宮下</t>
  </si>
  <si>
    <t>豊原町</t>
  </si>
  <si>
    <t>中堂</t>
  </si>
  <si>
    <t>中原上宿</t>
  </si>
  <si>
    <t>中原下宿</t>
  </si>
  <si>
    <t>長瀞</t>
  </si>
  <si>
    <t>長持</t>
  </si>
  <si>
    <t>撫子原</t>
  </si>
  <si>
    <t>錦町</t>
  </si>
  <si>
    <t>西真土</t>
  </si>
  <si>
    <t>西八幡</t>
  </si>
  <si>
    <t>虹ケ浜</t>
  </si>
  <si>
    <t>根坂間</t>
  </si>
  <si>
    <t>花水台</t>
  </si>
  <si>
    <t>馬入</t>
  </si>
  <si>
    <t>馬入本町</t>
  </si>
  <si>
    <t>東真土</t>
  </si>
  <si>
    <t>東豊田</t>
  </si>
  <si>
    <t>東中原</t>
  </si>
  <si>
    <t>東八幡</t>
  </si>
  <si>
    <t>日向岡</t>
  </si>
  <si>
    <t>広川</t>
  </si>
  <si>
    <t>ふじみ野</t>
  </si>
  <si>
    <t>札場町</t>
  </si>
  <si>
    <t>紅谷町</t>
  </si>
  <si>
    <t>松風町</t>
  </si>
  <si>
    <t>纒</t>
  </si>
  <si>
    <t>万田</t>
  </si>
  <si>
    <t>見附町</t>
  </si>
  <si>
    <t>南金目</t>
  </si>
  <si>
    <t>南豊田</t>
  </si>
  <si>
    <t>南原</t>
  </si>
  <si>
    <t>宮の前</t>
  </si>
  <si>
    <t>宮松町</t>
  </si>
  <si>
    <t>めぐみが丘</t>
  </si>
  <si>
    <t>桃浜町</t>
  </si>
  <si>
    <t>八重咲町</t>
  </si>
  <si>
    <t>八千代町</t>
  </si>
  <si>
    <t>山下</t>
  </si>
  <si>
    <t>夕陽ケ丘</t>
  </si>
  <si>
    <t>横内</t>
  </si>
  <si>
    <t>吉際</t>
  </si>
  <si>
    <t>龍城ケ丘</t>
  </si>
  <si>
    <t>鎌倉市</t>
  </si>
  <si>
    <t>稲村ガ崎</t>
  </si>
  <si>
    <t>今泉台</t>
  </si>
  <si>
    <t>植木</t>
  </si>
  <si>
    <t>扇ガ谷</t>
  </si>
  <si>
    <t>大船</t>
  </si>
  <si>
    <t>大町</t>
  </si>
  <si>
    <t>岡本</t>
  </si>
  <si>
    <t>御成町</t>
  </si>
  <si>
    <t>梶原</t>
  </si>
  <si>
    <t>鎌倉山</t>
  </si>
  <si>
    <t>上町屋</t>
  </si>
  <si>
    <t>腰越</t>
  </si>
  <si>
    <t>小袋谷</t>
  </si>
  <si>
    <t>小町</t>
  </si>
  <si>
    <t>材木座</t>
  </si>
  <si>
    <t>坂ノ下</t>
  </si>
  <si>
    <t>笹目町</t>
  </si>
  <si>
    <t>佐助</t>
  </si>
  <si>
    <t>七里ガ浜</t>
  </si>
  <si>
    <t>七里ガ浜東</t>
  </si>
  <si>
    <t>十二所</t>
  </si>
  <si>
    <t>浄明寺</t>
  </si>
  <si>
    <t>城廻</t>
  </si>
  <si>
    <t>台</t>
  </si>
  <si>
    <t>玉縄</t>
  </si>
  <si>
    <t>津</t>
  </si>
  <si>
    <t>津西</t>
  </si>
  <si>
    <t>手広</t>
  </si>
  <si>
    <t>寺分</t>
  </si>
  <si>
    <t>二階堂</t>
  </si>
  <si>
    <t>西鎌倉</t>
  </si>
  <si>
    <t>長谷</t>
  </si>
  <si>
    <t>東新橋日本テレビタワー（８階）</t>
  </si>
  <si>
    <t>東新橋日本テレビタワー（９階）</t>
  </si>
  <si>
    <t>東新橋日本テレビタワー（１０階）</t>
  </si>
  <si>
    <t>東新橋日本テレビタワー（１１階）</t>
  </si>
  <si>
    <t>東新橋日本テレビタワー（１２階）</t>
  </si>
  <si>
    <t>東新橋日本テレビタワー（１３階）</t>
  </si>
  <si>
    <t>東新橋日本テレビタワー（１４階）</t>
  </si>
  <si>
    <t>東新橋日本テレビタワー（１５階）</t>
  </si>
  <si>
    <t>東新橋日本テレビタワー（１６階）</t>
  </si>
  <si>
    <t>東新橋日本テレビタワー（１７階）</t>
  </si>
  <si>
    <t>東新橋日本テレビタワー（１８階）</t>
  </si>
  <si>
    <t>東新橋日本テレビタワー（１９階）</t>
  </si>
  <si>
    <t>東新橋日本テレビタワー（２０階）</t>
  </si>
  <si>
    <t>東新橋日本テレビタワー（２１階）</t>
  </si>
  <si>
    <t>東新橋日本テレビタワー（２２階）</t>
  </si>
  <si>
    <t>東新橋日本テレビタワー（２３階）</t>
  </si>
  <si>
    <t>東新橋日本テレビタワー（２４階）</t>
  </si>
  <si>
    <t>東新橋日本テレビタワー（２５階）</t>
  </si>
  <si>
    <t>東新橋日本テレビタワー（２６階）</t>
  </si>
  <si>
    <t>東新橋日本テレビタワー（２７階）</t>
  </si>
  <si>
    <t>東新橋日本テレビタワー（２８階）</t>
  </si>
  <si>
    <t>東新橋日本テレビタワー（２９階）</t>
  </si>
  <si>
    <t>東新橋日本テレビタワー（３０階）</t>
  </si>
  <si>
    <t>東新橋日本テレビタワー（３１階）</t>
  </si>
  <si>
    <t>東新橋日本テレビタワー（３２階）</t>
  </si>
  <si>
    <t>三田（次のビルを除く）</t>
  </si>
  <si>
    <t>三田住友不動産三田ツインビル西館（地階・階層不明）</t>
  </si>
  <si>
    <t>三田住友不動産三田ツインビル西館（１階）</t>
  </si>
  <si>
    <t>三田住友不動産三田ツインビル西館（２階）</t>
  </si>
  <si>
    <t>三田住友不動産三田ツインビル西館（３階）</t>
  </si>
  <si>
    <t>三田住友不動産三田ツインビル西館（４階）</t>
  </si>
  <si>
    <t>三田住友不動産三田ツインビル西館（５階）</t>
  </si>
  <si>
    <t>三田住友不動産三田ツインビル西館（６階）</t>
  </si>
  <si>
    <t>三田住友不動産三田ツインビル西館（７階）</t>
  </si>
  <si>
    <t>三田住友不動産三田ツインビル西館（８階）</t>
  </si>
  <si>
    <t>三田住友不動産三田ツインビル西館（９階）</t>
  </si>
  <si>
    <t>三田住友不動産三田ツインビル西館（１０階）</t>
  </si>
  <si>
    <t>三田住友不動産三田ツインビル西館（１１階）</t>
  </si>
  <si>
    <t>三田住友不動産三田ツインビル西館（１２階）</t>
  </si>
  <si>
    <t>三田住友不動産三田ツインビル西館（１３階）</t>
  </si>
  <si>
    <t>三田住友不動産三田ツインビル西館（１４階）</t>
  </si>
  <si>
    <t>三田住友不動産三田ツインビル西館（１５階）</t>
  </si>
  <si>
    <t>三田住友不動産三田ツインビル西館（１６階）</t>
  </si>
  <si>
    <t>三田住友不動産三田ツインビル西館（１７階）</t>
  </si>
  <si>
    <t>三田住友不動産三田ツインビル西館（１８階）</t>
  </si>
  <si>
    <t>三田住友不動産三田ツインビル西館（１９階）</t>
  </si>
  <si>
    <t>三田住友不動産三田ツインビル西館（２０階）</t>
  </si>
  <si>
    <t>三田住友不動産三田ツインビル西館（２１階）</t>
  </si>
  <si>
    <t>三田住友不動産三田ツインビル西館（２２階）</t>
  </si>
  <si>
    <t>三田住友不動産三田ツインビル西館（２３階）</t>
  </si>
  <si>
    <t>三田住友不動産三田ツインビル西館（２４階）</t>
  </si>
  <si>
    <t>三田住友不動産三田ツインビル西館（２５階）</t>
  </si>
  <si>
    <t>三田住友不動産三田ツインビル西館（２６階）</t>
  </si>
  <si>
    <t>三田住友不動産三田ツインビル西館（２７階）</t>
  </si>
  <si>
    <t>三田住友不動産三田ツインビル西館（２８階）</t>
  </si>
  <si>
    <t>三田住友不動産三田ツインビル西館（２９階）</t>
  </si>
  <si>
    <t>三田住友不動産三田ツインビル西館（３０階）</t>
  </si>
  <si>
    <t>南麻布</t>
  </si>
  <si>
    <t>元赤坂</t>
  </si>
  <si>
    <t>元麻布</t>
  </si>
  <si>
    <t>六本木（次のビルを除く）</t>
  </si>
  <si>
    <t>六本木泉ガーデンタワー（地階・階層不明）</t>
  </si>
  <si>
    <t>六本木泉ガーデンタワー（１階）</t>
  </si>
  <si>
    <t>六本木泉ガーデンタワー（２階）</t>
  </si>
  <si>
    <t>六本木泉ガーデンタワー（３階）</t>
  </si>
  <si>
    <t>六本木泉ガーデンタワー（４階）</t>
  </si>
  <si>
    <t>六本木泉ガーデンタワー（５階）</t>
  </si>
  <si>
    <t>六本木泉ガーデンタワー（６階）</t>
  </si>
  <si>
    <t>六本木泉ガーデンタワー（７階）</t>
  </si>
  <si>
    <t>六本木泉ガーデンタワー（８階）</t>
  </si>
  <si>
    <t>六本木泉ガーデンタワー（９階）</t>
  </si>
  <si>
    <t>六本木泉ガーデンタワー（１０階）</t>
  </si>
  <si>
    <t>六本木泉ガーデンタワー（１１階）</t>
  </si>
  <si>
    <t>六本木泉ガーデンタワー（１２階）</t>
  </si>
  <si>
    <t>六本木泉ガーデンタワー（１３階）</t>
  </si>
  <si>
    <t>六本木泉ガーデンタワー（１４階）</t>
  </si>
  <si>
    <t>六本木泉ガーデンタワー（１５階）</t>
  </si>
  <si>
    <t>六本木泉ガーデンタワー（１６階）</t>
  </si>
  <si>
    <t>六本木泉ガーデンタワー（１７階）</t>
  </si>
  <si>
    <t>六本木泉ガーデンタワー（１８階）</t>
  </si>
  <si>
    <t>六本木泉ガーデンタワー（１９階）</t>
  </si>
  <si>
    <t>六本木泉ガーデンタワー（２０階）</t>
  </si>
  <si>
    <t>六本木泉ガーデンタワー（２１階）</t>
  </si>
  <si>
    <t>六本木泉ガーデンタワー（２２階）</t>
  </si>
  <si>
    <t>六本木泉ガーデンタワー（２３階）</t>
  </si>
  <si>
    <t>六本木泉ガーデンタワー（２４階）</t>
  </si>
  <si>
    <t>六本木泉ガーデンタワー（２５階）</t>
  </si>
  <si>
    <t>六本木泉ガーデンタワー（２６階）</t>
  </si>
  <si>
    <t>六本木泉ガーデンタワー（２７階）</t>
  </si>
  <si>
    <t>六本木泉ガーデンタワー（２８階）</t>
  </si>
  <si>
    <t>六本木泉ガーデンタワー（２９階）</t>
  </si>
  <si>
    <t>六本木泉ガーデンタワー（３０階）</t>
  </si>
  <si>
    <t>六本木泉ガーデンタワー（３１階）</t>
  </si>
  <si>
    <t>六本木泉ガーデンタワー（３２階）</t>
  </si>
  <si>
    <t>六本木泉ガーデンタワー（３３階）</t>
  </si>
  <si>
    <t>六本木泉ガーデンタワー（３４階）</t>
  </si>
  <si>
    <t>六本木泉ガーデンタワー（３５階）</t>
  </si>
  <si>
    <t>六本木泉ガーデンタワー（３６階）</t>
  </si>
  <si>
    <t>六本木泉ガーデンタワー（３７階）</t>
  </si>
  <si>
    <t>六本木泉ガーデンタワー（３８階）</t>
  </si>
  <si>
    <t>六本木泉ガーデンタワー（３９階）</t>
  </si>
  <si>
    <t>六本木泉ガーデンタワー（４０階）</t>
  </si>
  <si>
    <t>六本木泉ガーデンタワー（４１階）</t>
  </si>
  <si>
    <t>六本木泉ガーデンタワー（４２階）</t>
  </si>
  <si>
    <t>六本木泉ガーデンタワー（４３階）</t>
  </si>
  <si>
    <t>六本木泉ガーデンタワー（４４階）</t>
  </si>
  <si>
    <t>六本木泉ガーデンタワー（４５階）</t>
  </si>
  <si>
    <t>六本木六本木ヒルズ森タワー（地階・階層不明）</t>
  </si>
  <si>
    <t>六本木六本木ヒルズ森タワー（１階）</t>
  </si>
  <si>
    <t>六本木六本木ヒルズ森タワー（２階）</t>
  </si>
  <si>
    <t>万町</t>
  </si>
  <si>
    <t>立川市</t>
  </si>
  <si>
    <t>曙町</t>
  </si>
  <si>
    <t>一番町</t>
  </si>
  <si>
    <t>柏町</t>
  </si>
  <si>
    <t>上砂町</t>
  </si>
  <si>
    <t>柴崎町</t>
  </si>
  <si>
    <t>砂川町</t>
  </si>
  <si>
    <t>高松町</t>
  </si>
  <si>
    <t>西砂町</t>
  </si>
  <si>
    <t>羽衣町</t>
  </si>
  <si>
    <t>武蔵野市</t>
  </si>
  <si>
    <t>吉祥寺本町</t>
  </si>
  <si>
    <t>吉祥寺東町</t>
  </si>
  <si>
    <t>吉祥寺南町</t>
  </si>
  <si>
    <t>吉祥寺北町</t>
  </si>
  <si>
    <t>境南町</t>
  </si>
  <si>
    <t>御殿山</t>
  </si>
  <si>
    <t>桜堤</t>
  </si>
  <si>
    <t>関前</t>
  </si>
  <si>
    <t>西久保</t>
  </si>
  <si>
    <t>三鷹市</t>
  </si>
  <si>
    <t>井口</t>
  </si>
  <si>
    <t>井の頭</t>
  </si>
  <si>
    <t>上連雀</t>
  </si>
  <si>
    <t>北野</t>
  </si>
  <si>
    <t>下連雀</t>
  </si>
  <si>
    <t>深大寺</t>
  </si>
  <si>
    <t>野崎</t>
  </si>
  <si>
    <t>牟礼</t>
  </si>
  <si>
    <t>青梅市</t>
  </si>
  <si>
    <t>天ケ瀬町</t>
  </si>
  <si>
    <t>今寺</t>
  </si>
  <si>
    <t>裏宿町</t>
  </si>
  <si>
    <t>大柳町</t>
  </si>
  <si>
    <t>小曾木</t>
  </si>
  <si>
    <t>勝沼</t>
  </si>
  <si>
    <t>河辺町</t>
  </si>
  <si>
    <t>木野下</t>
  </si>
  <si>
    <t>黒沢</t>
  </si>
  <si>
    <t>駒木町</t>
  </si>
  <si>
    <t>沢井</t>
  </si>
  <si>
    <t>塩船</t>
  </si>
  <si>
    <t>末広町</t>
  </si>
  <si>
    <t>住江町</t>
  </si>
  <si>
    <t>滝ノ上町</t>
  </si>
  <si>
    <t>千ケ瀬町</t>
  </si>
  <si>
    <t>友田町</t>
  </si>
  <si>
    <t>長淵</t>
  </si>
  <si>
    <t>成木</t>
  </si>
  <si>
    <t>西分町</t>
  </si>
  <si>
    <t>根ケ布</t>
  </si>
  <si>
    <t>野上町</t>
  </si>
  <si>
    <t>梅郷</t>
  </si>
  <si>
    <t>畑中</t>
  </si>
  <si>
    <t>東青梅</t>
  </si>
  <si>
    <t>日向和田</t>
  </si>
  <si>
    <t>藤橋</t>
  </si>
  <si>
    <t>二俣尾</t>
  </si>
  <si>
    <t>御岳</t>
  </si>
  <si>
    <t>御岳山</t>
  </si>
  <si>
    <t>御岳本町</t>
  </si>
  <si>
    <t>森下町</t>
  </si>
  <si>
    <t>谷野</t>
  </si>
  <si>
    <t>柚木町</t>
  </si>
  <si>
    <t>和田町</t>
  </si>
  <si>
    <t>府中市</t>
  </si>
  <si>
    <t>朝日町</t>
  </si>
  <si>
    <t>押立町</t>
  </si>
  <si>
    <t>片町</t>
  </si>
  <si>
    <t>北山町</t>
  </si>
  <si>
    <t>小柳町</t>
  </si>
  <si>
    <t>是政</t>
  </si>
  <si>
    <t>清水が丘</t>
  </si>
  <si>
    <t>白糸台</t>
  </si>
  <si>
    <t>住吉町</t>
  </si>
  <si>
    <t>多磨町</t>
  </si>
  <si>
    <t>東芝町</t>
  </si>
  <si>
    <t>西原町</t>
  </si>
  <si>
    <t>西府町</t>
  </si>
  <si>
    <t>日鋼町</t>
  </si>
  <si>
    <t>日新町</t>
  </si>
  <si>
    <t>晴見町</t>
  </si>
  <si>
    <t>府中町</t>
  </si>
  <si>
    <t>分梅町</t>
  </si>
  <si>
    <t>本宿町</t>
  </si>
  <si>
    <t>宮西町</t>
  </si>
  <si>
    <t>宮町</t>
  </si>
  <si>
    <t>美好町</t>
  </si>
  <si>
    <t>武蔵台</t>
  </si>
  <si>
    <t>紅葉丘</t>
  </si>
  <si>
    <t>矢崎町</t>
  </si>
  <si>
    <t>昭島市</t>
  </si>
  <si>
    <t>大神町</t>
  </si>
  <si>
    <t>郷地町</t>
  </si>
  <si>
    <t>上川原町</t>
  </si>
  <si>
    <t>田中町</t>
  </si>
  <si>
    <t>玉川町</t>
  </si>
  <si>
    <t>築地町</t>
  </si>
  <si>
    <t>中神町</t>
  </si>
  <si>
    <t>拝島町</t>
  </si>
  <si>
    <t>福島町</t>
  </si>
  <si>
    <t>松原町</t>
  </si>
  <si>
    <t>美堀町</t>
  </si>
  <si>
    <t>宮沢町</t>
  </si>
  <si>
    <t>武蔵野</t>
  </si>
  <si>
    <t>調布市</t>
  </si>
  <si>
    <t>入間町</t>
  </si>
  <si>
    <t>上石原</t>
  </si>
  <si>
    <t>菊野台</t>
  </si>
  <si>
    <t>国領町</t>
  </si>
  <si>
    <t>佐須町</t>
  </si>
  <si>
    <t>下石原</t>
  </si>
  <si>
    <t>深大寺東町</t>
  </si>
  <si>
    <t>深大寺南町</t>
  </si>
  <si>
    <t>深大寺北町</t>
  </si>
  <si>
    <t>深大寺元町</t>
  </si>
  <si>
    <t>仙川町</t>
  </si>
  <si>
    <t>染地</t>
  </si>
  <si>
    <t>調布ケ丘</t>
  </si>
  <si>
    <t>飛田給</t>
  </si>
  <si>
    <t>西つつじケ丘</t>
  </si>
  <si>
    <t>野水</t>
  </si>
  <si>
    <t>東つつじケ丘</t>
  </si>
  <si>
    <t>八雲台</t>
  </si>
  <si>
    <t>町田市</t>
  </si>
  <si>
    <t>相原町</t>
  </si>
  <si>
    <t>大蔵町</t>
  </si>
  <si>
    <t>小川</t>
  </si>
  <si>
    <t>小野路町</t>
  </si>
  <si>
    <t>小山ケ丘</t>
  </si>
  <si>
    <t>小山田桜台</t>
  </si>
  <si>
    <t>金井</t>
  </si>
  <si>
    <t>金井町</t>
  </si>
  <si>
    <t>金森</t>
  </si>
  <si>
    <t>上小山田町</t>
  </si>
  <si>
    <t>木曽西</t>
  </si>
  <si>
    <t>木曽東</t>
  </si>
  <si>
    <t>木曽町</t>
  </si>
  <si>
    <t>高ケ坂</t>
  </si>
  <si>
    <t>下小山田町</t>
  </si>
  <si>
    <t>真光寺</t>
  </si>
  <si>
    <t>真光寺町</t>
  </si>
  <si>
    <t>図師町</t>
  </si>
  <si>
    <t>忠生</t>
  </si>
  <si>
    <t>玉川学園</t>
  </si>
  <si>
    <t>鶴川</t>
  </si>
  <si>
    <t>鶴間</t>
  </si>
  <si>
    <t>成瀬</t>
  </si>
  <si>
    <t>成瀬が丘</t>
  </si>
  <si>
    <t>成瀬台</t>
  </si>
  <si>
    <t>能ケ谷町</t>
  </si>
  <si>
    <t>野津田町</t>
  </si>
  <si>
    <t>原町田</t>
  </si>
  <si>
    <t>東玉川学園</t>
  </si>
  <si>
    <t>広袴</t>
  </si>
  <si>
    <t>広袴町</t>
  </si>
  <si>
    <t>本町田</t>
  </si>
  <si>
    <t>南大谷</t>
  </si>
  <si>
    <t>南つくし野</t>
  </si>
  <si>
    <t>南成瀬</t>
  </si>
  <si>
    <t>三輪町</t>
  </si>
  <si>
    <t>三輪緑山</t>
  </si>
  <si>
    <t>森野</t>
  </si>
  <si>
    <t>薬師台</t>
  </si>
  <si>
    <t>矢部町</t>
  </si>
  <si>
    <t>山崎町</t>
  </si>
  <si>
    <t>小金井市</t>
  </si>
  <si>
    <t>梶野町</t>
  </si>
  <si>
    <t>関野町</t>
  </si>
  <si>
    <t>貫井南町</t>
  </si>
  <si>
    <t>貫井北町</t>
  </si>
  <si>
    <t>前原町</t>
  </si>
  <si>
    <t>小平市</t>
  </si>
  <si>
    <t>大沼町</t>
  </si>
  <si>
    <t>小川東町</t>
  </si>
  <si>
    <t>小川西町</t>
  </si>
  <si>
    <t>学園東町</t>
  </si>
  <si>
    <t>学園西町</t>
  </si>
  <si>
    <t>喜平町</t>
  </si>
  <si>
    <t>上水新町</t>
  </si>
  <si>
    <t>上水本町</t>
  </si>
  <si>
    <t>上水南町</t>
  </si>
  <si>
    <t>鈴木町</t>
  </si>
  <si>
    <t>たかの台</t>
  </si>
  <si>
    <t>津田町</t>
  </si>
  <si>
    <t>中島町</t>
  </si>
  <si>
    <t>花小金井</t>
  </si>
  <si>
    <t>花小金井南町</t>
  </si>
  <si>
    <t>美園町</t>
  </si>
  <si>
    <t>御幸町</t>
  </si>
  <si>
    <t>回田町</t>
  </si>
  <si>
    <t>日野市</t>
  </si>
  <si>
    <t>旭が丘</t>
  </si>
  <si>
    <t>石田</t>
  </si>
  <si>
    <t>大坂上</t>
  </si>
  <si>
    <t>落川</t>
  </si>
  <si>
    <t>上田</t>
  </si>
  <si>
    <t>川辺堀之内</t>
  </si>
  <si>
    <t>さくら町</t>
  </si>
  <si>
    <t>下田</t>
  </si>
  <si>
    <t>高幡</t>
  </si>
  <si>
    <t>多摩平</t>
  </si>
  <si>
    <t>豊田（大字）</t>
  </si>
  <si>
    <t>豊田（丁目）</t>
  </si>
  <si>
    <t>西平山</t>
  </si>
  <si>
    <t>東平山</t>
  </si>
  <si>
    <t>日野</t>
  </si>
  <si>
    <t>日野台</t>
  </si>
  <si>
    <t>日野本町</t>
  </si>
  <si>
    <t>平山</t>
  </si>
  <si>
    <t>富士町</t>
  </si>
  <si>
    <t>程久保</t>
  </si>
  <si>
    <t>万願寺</t>
  </si>
  <si>
    <t>三沢</t>
  </si>
  <si>
    <t>南平</t>
  </si>
  <si>
    <t>百草</t>
  </si>
  <si>
    <t>東村山市</t>
  </si>
  <si>
    <t>青葉町</t>
  </si>
  <si>
    <t>秋津町</t>
  </si>
  <si>
    <t>恩多町</t>
  </si>
  <si>
    <t>久米川町</t>
  </si>
  <si>
    <t>多摩湖町</t>
  </si>
  <si>
    <t>野口町</t>
  </si>
  <si>
    <t>萩山町</t>
  </si>
  <si>
    <t>美住町</t>
  </si>
  <si>
    <t>廻田町</t>
  </si>
  <si>
    <t>国分寺市</t>
  </si>
  <si>
    <t>北町</t>
  </si>
  <si>
    <t>高木町</t>
  </si>
  <si>
    <t>戸倉</t>
  </si>
  <si>
    <t>内藤</t>
  </si>
  <si>
    <t>西恋ケ窪</t>
  </si>
  <si>
    <t>西元町</t>
  </si>
  <si>
    <t>光町</t>
  </si>
  <si>
    <t>東恋ケ窪</t>
  </si>
  <si>
    <t>東戸倉</t>
  </si>
  <si>
    <t>東元町</t>
  </si>
  <si>
    <t>富士本</t>
  </si>
  <si>
    <t>本多</t>
  </si>
  <si>
    <t>国立市</t>
  </si>
  <si>
    <t>北</t>
  </si>
  <si>
    <t>矢川</t>
  </si>
  <si>
    <t>谷保</t>
  </si>
  <si>
    <t>福生市</t>
  </si>
  <si>
    <t>牛浜</t>
  </si>
  <si>
    <t>加美平</t>
  </si>
  <si>
    <t>北田園</t>
  </si>
  <si>
    <t>熊川</t>
  </si>
  <si>
    <t>熊川二宮</t>
  </si>
  <si>
    <t>志茂</t>
  </si>
  <si>
    <t>福生</t>
  </si>
  <si>
    <t>福生二宮</t>
  </si>
  <si>
    <t>南田園</t>
  </si>
  <si>
    <t>武蔵野台</t>
  </si>
  <si>
    <t>横田基地内</t>
  </si>
  <si>
    <t>狛江市</t>
  </si>
  <si>
    <t>和泉本町</t>
  </si>
  <si>
    <t>猪方</t>
  </si>
  <si>
    <t>岩戸南</t>
  </si>
  <si>
    <t>岩戸北</t>
  </si>
  <si>
    <t>平賀</t>
  </si>
  <si>
    <t>二ツ木</t>
  </si>
  <si>
    <t>二ツ木二葉町</t>
  </si>
  <si>
    <t>牧の原</t>
  </si>
  <si>
    <t>松戸</t>
  </si>
  <si>
    <t>松戸新田</t>
  </si>
  <si>
    <t>松飛台</t>
  </si>
  <si>
    <t>馬橋</t>
  </si>
  <si>
    <t>三ケ月</t>
  </si>
  <si>
    <t>南花島</t>
  </si>
  <si>
    <t>稔台</t>
  </si>
  <si>
    <t>三矢小台</t>
  </si>
  <si>
    <t>六実</t>
  </si>
  <si>
    <t>主水新田</t>
  </si>
  <si>
    <t>横須賀</t>
  </si>
  <si>
    <t>吉井町</t>
  </si>
  <si>
    <t>六高台</t>
  </si>
  <si>
    <t>和名ケ谷</t>
  </si>
  <si>
    <t>野田市</t>
  </si>
  <si>
    <t>今上</t>
  </si>
  <si>
    <t>大殿井</t>
  </si>
  <si>
    <t>尾崎台</t>
  </si>
  <si>
    <t>親野井</t>
  </si>
  <si>
    <t>柏寺</t>
  </si>
  <si>
    <t>春日町</t>
  </si>
  <si>
    <t>金杉</t>
  </si>
  <si>
    <t>上三ケ尾</t>
  </si>
  <si>
    <t>上花輪</t>
  </si>
  <si>
    <t>上花輪新町</t>
  </si>
  <si>
    <t>木野崎</t>
  </si>
  <si>
    <t>木間ケ瀬</t>
  </si>
  <si>
    <t>桐ケ作</t>
  </si>
  <si>
    <t>五木</t>
  </si>
  <si>
    <t>五木新田</t>
  </si>
  <si>
    <t>五木新町</t>
  </si>
  <si>
    <t>古布内</t>
  </si>
  <si>
    <t>座生</t>
  </si>
  <si>
    <t>桜の里</t>
  </si>
  <si>
    <t>清水</t>
  </si>
  <si>
    <t>清水公園東</t>
  </si>
  <si>
    <t>下三ケ尾</t>
  </si>
  <si>
    <t>関宿内町</t>
  </si>
  <si>
    <t>関宿江戸町</t>
  </si>
  <si>
    <t>関宿三軒家</t>
  </si>
  <si>
    <t>関宿台町</t>
  </si>
  <si>
    <t>関宿元町</t>
  </si>
  <si>
    <t>関宿町</t>
  </si>
  <si>
    <t>堤台</t>
  </si>
  <si>
    <t>堤根</t>
  </si>
  <si>
    <t>鶴奉</t>
  </si>
  <si>
    <t>中戸</t>
  </si>
  <si>
    <t>中野台</t>
  </si>
  <si>
    <t>中野台鹿島町</t>
  </si>
  <si>
    <t>七光台</t>
  </si>
  <si>
    <t>次木</t>
  </si>
  <si>
    <t>西高野</t>
  </si>
  <si>
    <t>西三ケ尾</t>
  </si>
  <si>
    <t>新田戸</t>
  </si>
  <si>
    <t>花井</t>
  </si>
  <si>
    <t>はやま</t>
  </si>
  <si>
    <t>蕃昌</t>
  </si>
  <si>
    <t>東金野井</t>
  </si>
  <si>
    <t>東高野</t>
  </si>
  <si>
    <t>東宝珠花</t>
  </si>
  <si>
    <t>二ツ塚</t>
  </si>
  <si>
    <t>船形</t>
  </si>
  <si>
    <t>丸井</t>
  </si>
  <si>
    <t>みずき</t>
  </si>
  <si>
    <t>三ツ堀</t>
  </si>
  <si>
    <t>莚打</t>
  </si>
  <si>
    <t>目吹</t>
  </si>
  <si>
    <t>谷津</t>
  </si>
  <si>
    <t>柳沢</t>
  </si>
  <si>
    <t>山崎梅の台</t>
  </si>
  <si>
    <t>山崎貝塚町</t>
  </si>
  <si>
    <t>吉春</t>
  </si>
  <si>
    <t>茂原市</t>
  </si>
  <si>
    <t>粟生野</t>
  </si>
  <si>
    <t>芦網</t>
  </si>
  <si>
    <t>内長谷</t>
  </si>
  <si>
    <t>榎神房</t>
  </si>
  <si>
    <t>榎神房飛地</t>
  </si>
  <si>
    <t>大芝</t>
  </si>
  <si>
    <t>大登</t>
  </si>
  <si>
    <t>押日</t>
  </si>
  <si>
    <t>桂</t>
  </si>
  <si>
    <t>桂飛地</t>
  </si>
  <si>
    <t>上太田</t>
  </si>
  <si>
    <t>上永吉</t>
  </si>
  <si>
    <t>上茂原</t>
  </si>
  <si>
    <t>川島飛地</t>
  </si>
  <si>
    <t>上林</t>
  </si>
  <si>
    <t>北高根飛地</t>
  </si>
  <si>
    <t>北塚</t>
  </si>
  <si>
    <t>黒戸</t>
  </si>
  <si>
    <t>国府関</t>
  </si>
  <si>
    <t>小萱場</t>
  </si>
  <si>
    <t>小轡</t>
  </si>
  <si>
    <t>腰当</t>
  </si>
  <si>
    <t>猿袋</t>
  </si>
  <si>
    <t>三ケ谷</t>
  </si>
  <si>
    <t>柴名</t>
  </si>
  <si>
    <t>渋谷</t>
  </si>
  <si>
    <t>下太田</t>
  </si>
  <si>
    <t>下永吉</t>
  </si>
  <si>
    <t>庄吉</t>
  </si>
  <si>
    <t>新小轡</t>
  </si>
  <si>
    <t>千沢</t>
  </si>
  <si>
    <t>千町</t>
  </si>
  <si>
    <t>高師</t>
  </si>
  <si>
    <t>高師台</t>
  </si>
  <si>
    <t>高師町</t>
  </si>
  <si>
    <t>高田</t>
  </si>
  <si>
    <t>立木</t>
  </si>
  <si>
    <t>中善寺</t>
  </si>
  <si>
    <t>中部</t>
  </si>
  <si>
    <t>千代田町</t>
  </si>
  <si>
    <t>綱島</t>
  </si>
  <si>
    <t>東郷</t>
  </si>
  <si>
    <t>道表</t>
  </si>
  <si>
    <t>東部台</t>
  </si>
  <si>
    <t>中之郷飛地</t>
  </si>
  <si>
    <t>中の島町</t>
  </si>
  <si>
    <t>長清水</t>
  </si>
  <si>
    <t>七渡</t>
  </si>
  <si>
    <t>西野</t>
  </si>
  <si>
    <t>萩原町</t>
  </si>
  <si>
    <t>早野新田</t>
  </si>
  <si>
    <t>東茂原</t>
  </si>
  <si>
    <t>法目</t>
  </si>
  <si>
    <t>本小轡</t>
  </si>
  <si>
    <t>本納</t>
  </si>
  <si>
    <t>町保</t>
  </si>
  <si>
    <t>真名</t>
  </si>
  <si>
    <t>御蔵芝</t>
  </si>
  <si>
    <t>南吉田</t>
  </si>
  <si>
    <t>六ツ野</t>
  </si>
  <si>
    <t>茂原</t>
  </si>
  <si>
    <t>茂原西</t>
  </si>
  <si>
    <t>野牛</t>
  </si>
  <si>
    <t>八千代</t>
  </si>
  <si>
    <t>谷本</t>
  </si>
  <si>
    <t>八幡原</t>
  </si>
  <si>
    <t>弓渡</t>
  </si>
  <si>
    <t>吉井上</t>
  </si>
  <si>
    <t>吉井下</t>
  </si>
  <si>
    <t>六田台</t>
  </si>
  <si>
    <t>山口</t>
  </si>
  <si>
    <t>山田</t>
  </si>
  <si>
    <t>油井</t>
  </si>
  <si>
    <t>依古島</t>
  </si>
  <si>
    <t>旭市</t>
  </si>
  <si>
    <t>秋田</t>
  </si>
  <si>
    <t>足川</t>
  </si>
  <si>
    <t>イ</t>
  </si>
  <si>
    <t>飯岡</t>
  </si>
  <si>
    <t>幾世</t>
  </si>
  <si>
    <t>泉川</t>
  </si>
  <si>
    <t>井戸野</t>
  </si>
  <si>
    <t>後草</t>
  </si>
  <si>
    <t>江ケ崎（１２～２２、１２７～１４０、１７０９、１７２３－３、</t>
  </si>
  <si>
    <t>１７２８－４番地）</t>
  </si>
  <si>
    <t>江ケ崎（その他）</t>
  </si>
  <si>
    <t>大塚原</t>
  </si>
  <si>
    <t>大間手</t>
  </si>
  <si>
    <t>鏑木</t>
  </si>
  <si>
    <t>鎌数</t>
  </si>
  <si>
    <t>上永井</t>
  </si>
  <si>
    <t>川口</t>
  </si>
  <si>
    <t>行内</t>
  </si>
  <si>
    <t>清滝</t>
  </si>
  <si>
    <t>倉橋</t>
  </si>
  <si>
    <t>琴田（８５～１６０、１３８６～１８１５、２５９３～２８２０、</t>
  </si>
  <si>
    <t>３５９８～３６１４番地）</t>
  </si>
  <si>
    <t>琴田（その他）</t>
  </si>
  <si>
    <t>駒込</t>
  </si>
  <si>
    <t>権田沼新田</t>
  </si>
  <si>
    <t>櫻井</t>
  </si>
  <si>
    <t>さくら台</t>
  </si>
  <si>
    <t>三川</t>
  </si>
  <si>
    <t>椎名内</t>
  </si>
  <si>
    <t>下永井</t>
  </si>
  <si>
    <t>神宮寺</t>
  </si>
  <si>
    <t>清和乙</t>
  </si>
  <si>
    <t>清和甲</t>
  </si>
  <si>
    <t>関戸</t>
  </si>
  <si>
    <t>高生</t>
  </si>
  <si>
    <t>長部</t>
  </si>
  <si>
    <t>中谷里</t>
  </si>
  <si>
    <t>ニ</t>
  </si>
  <si>
    <t>西足洗</t>
  </si>
  <si>
    <t>仁玉</t>
  </si>
  <si>
    <t>野中</t>
  </si>
  <si>
    <t>ハ</t>
  </si>
  <si>
    <t>萩園</t>
  </si>
  <si>
    <t>塙</t>
  </si>
  <si>
    <t>東足洗</t>
  </si>
  <si>
    <t>平松</t>
  </si>
  <si>
    <t>舟戸</t>
  </si>
  <si>
    <t>蛇園</t>
  </si>
  <si>
    <t>松ケ谷</t>
  </si>
  <si>
    <t>萬歳</t>
  </si>
  <si>
    <t>萬力</t>
  </si>
  <si>
    <t>溝原</t>
  </si>
  <si>
    <t>南堀之内</t>
  </si>
  <si>
    <t>見広</t>
  </si>
  <si>
    <t>狢野</t>
  </si>
  <si>
    <t>横根</t>
  </si>
  <si>
    <t>米込</t>
  </si>
  <si>
    <t>ロ</t>
  </si>
  <si>
    <t>習志野市</t>
  </si>
  <si>
    <t>茜浜</t>
  </si>
  <si>
    <t>秋津</t>
  </si>
  <si>
    <t>香澄</t>
  </si>
  <si>
    <t>鷺沼台</t>
  </si>
  <si>
    <t>芝園</t>
  </si>
  <si>
    <t>新栄</t>
  </si>
  <si>
    <t>袖ケ浦</t>
  </si>
  <si>
    <t>津田沼</t>
  </si>
  <si>
    <t>花咲</t>
  </si>
  <si>
    <t>東習志野</t>
  </si>
  <si>
    <t>藤崎</t>
  </si>
  <si>
    <t>実籾</t>
  </si>
  <si>
    <t>実籾本郷</t>
  </si>
  <si>
    <t>本大久保</t>
  </si>
  <si>
    <t>屋敷</t>
  </si>
  <si>
    <t>青田新田飛地</t>
  </si>
  <si>
    <t>あかね町</t>
  </si>
  <si>
    <t>明原</t>
  </si>
  <si>
    <t>あけぼの</t>
  </si>
  <si>
    <t>曙橋</t>
  </si>
  <si>
    <t>東上町</t>
  </si>
  <si>
    <t>東台本町</t>
  </si>
  <si>
    <t>泉村新田</t>
  </si>
  <si>
    <t>伊勢原</t>
  </si>
  <si>
    <t>今谷上町</t>
  </si>
  <si>
    <t>今谷南町</t>
  </si>
  <si>
    <t>岩井村新田</t>
  </si>
  <si>
    <t>永楽台</t>
  </si>
  <si>
    <t>大青田</t>
  </si>
  <si>
    <t>大井新田</t>
  </si>
  <si>
    <t>大島田</t>
  </si>
  <si>
    <t>大津ケ丘</t>
  </si>
  <si>
    <t>大塚町</t>
  </si>
  <si>
    <t>大室</t>
  </si>
  <si>
    <t>大山台</t>
  </si>
  <si>
    <t>風早</t>
  </si>
  <si>
    <t>柏</t>
  </si>
  <si>
    <t>柏下</t>
  </si>
  <si>
    <t>柏中村下</t>
  </si>
  <si>
    <t>柏の葉</t>
  </si>
  <si>
    <t>柏堀之内新田</t>
  </si>
  <si>
    <t>片山</t>
  </si>
  <si>
    <t>片山新田</t>
  </si>
  <si>
    <t>金山</t>
  </si>
  <si>
    <t>上利根</t>
  </si>
  <si>
    <t>かやの町</t>
  </si>
  <si>
    <t>北柏</t>
  </si>
  <si>
    <t>北柏台</t>
  </si>
  <si>
    <t>亀甲台町</t>
  </si>
  <si>
    <t>小青田</t>
  </si>
  <si>
    <t>高南台</t>
  </si>
  <si>
    <t>五條谷</t>
  </si>
  <si>
    <t>酒井根</t>
  </si>
  <si>
    <t>逆井</t>
  </si>
  <si>
    <t>逆井藤ノ台</t>
  </si>
  <si>
    <t>しいの木台</t>
  </si>
  <si>
    <t>篠籠田</t>
  </si>
  <si>
    <t>宿連寺</t>
  </si>
  <si>
    <t>正連寺</t>
  </si>
  <si>
    <t>新柏</t>
  </si>
  <si>
    <t>新逆井</t>
  </si>
  <si>
    <t>新富町</t>
  </si>
  <si>
    <t>新十余二</t>
  </si>
  <si>
    <t>水道橋</t>
  </si>
  <si>
    <t>関場町</t>
  </si>
  <si>
    <t>千間橋</t>
  </si>
  <si>
    <t>染井入新田</t>
  </si>
  <si>
    <t>塚崎</t>
  </si>
  <si>
    <t>つくしが丘</t>
  </si>
  <si>
    <t>手賀</t>
  </si>
  <si>
    <t>手賀新田</t>
  </si>
  <si>
    <t>常盤台</t>
  </si>
  <si>
    <t>戸張</t>
  </si>
  <si>
    <t>戸張新田</t>
  </si>
  <si>
    <t>富里</t>
  </si>
  <si>
    <t>豊上町</t>
  </si>
  <si>
    <t>豊四季</t>
  </si>
  <si>
    <t>豊四季台</t>
  </si>
  <si>
    <t>豊住</t>
  </si>
  <si>
    <t>豊平町</t>
  </si>
  <si>
    <t>十余二</t>
  </si>
  <si>
    <t>中新宿</t>
  </si>
  <si>
    <t>中十余二</t>
  </si>
  <si>
    <t>名戸ケ谷</t>
  </si>
  <si>
    <t>西柏台</t>
  </si>
  <si>
    <t>西原</t>
  </si>
  <si>
    <t>五井中央西</t>
  </si>
  <si>
    <t>五井中央東</t>
  </si>
  <si>
    <t>五井西</t>
  </si>
  <si>
    <t>五井東</t>
  </si>
  <si>
    <t>五井海岸</t>
  </si>
  <si>
    <t>五井南海岸</t>
  </si>
  <si>
    <t>高坂</t>
  </si>
  <si>
    <t>小折</t>
  </si>
  <si>
    <t>郡本</t>
  </si>
  <si>
    <t>小草畑</t>
  </si>
  <si>
    <t>国分寺台中央</t>
  </si>
  <si>
    <t>国本</t>
  </si>
  <si>
    <t>古敷谷</t>
  </si>
  <si>
    <t>五所</t>
  </si>
  <si>
    <t>古都辺</t>
  </si>
  <si>
    <t>小谷田</t>
  </si>
  <si>
    <t>権現堂</t>
  </si>
  <si>
    <t>金剛地</t>
  </si>
  <si>
    <t>西広</t>
  </si>
  <si>
    <t>佐是</t>
  </si>
  <si>
    <t>椎津</t>
  </si>
  <si>
    <t>椎の木台</t>
  </si>
  <si>
    <t>島野</t>
  </si>
  <si>
    <t>下野</t>
  </si>
  <si>
    <t>下矢田</t>
  </si>
  <si>
    <t>十五沢</t>
  </si>
  <si>
    <t>白塚</t>
  </si>
  <si>
    <t>白金町</t>
  </si>
  <si>
    <t>真ケ谷</t>
  </si>
  <si>
    <t>菅野</t>
  </si>
  <si>
    <t>諏訪</t>
  </si>
  <si>
    <t>瀬又</t>
  </si>
  <si>
    <t>惣社</t>
  </si>
  <si>
    <t>高滝</t>
  </si>
  <si>
    <t>滝口</t>
  </si>
  <si>
    <t>武士</t>
  </si>
  <si>
    <t>辰巳台東</t>
  </si>
  <si>
    <t>辰巳台西</t>
  </si>
  <si>
    <t>立野</t>
  </si>
  <si>
    <t>田尾</t>
  </si>
  <si>
    <t>田淵</t>
  </si>
  <si>
    <t>田淵旧日竹</t>
  </si>
  <si>
    <t>玉前</t>
  </si>
  <si>
    <t>玉前西</t>
  </si>
  <si>
    <t>千種</t>
  </si>
  <si>
    <t>千種海岸</t>
  </si>
  <si>
    <t>ちはら台西</t>
  </si>
  <si>
    <t>ちはら台東</t>
  </si>
  <si>
    <t>ちはら台南</t>
  </si>
  <si>
    <t>廿五里</t>
  </si>
  <si>
    <t>月崎</t>
  </si>
  <si>
    <t>月出</t>
  </si>
  <si>
    <t>土宇</t>
  </si>
  <si>
    <t>鶴舞</t>
  </si>
  <si>
    <t>出津</t>
  </si>
  <si>
    <t>出津西</t>
  </si>
  <si>
    <t>徳氏</t>
  </si>
  <si>
    <t>戸面</t>
  </si>
  <si>
    <t>外部田</t>
  </si>
  <si>
    <t>豊成</t>
  </si>
  <si>
    <t>中高根</t>
  </si>
  <si>
    <t>西国吉</t>
  </si>
  <si>
    <t>西国分寺台</t>
  </si>
  <si>
    <t>西五所</t>
  </si>
  <si>
    <t>西野谷</t>
  </si>
  <si>
    <t>根田</t>
  </si>
  <si>
    <t>能満</t>
  </si>
  <si>
    <t>野毛</t>
  </si>
  <si>
    <t>葉木</t>
  </si>
  <si>
    <t>畑木</t>
  </si>
  <si>
    <t>原田</t>
  </si>
  <si>
    <t>番場</t>
  </si>
  <si>
    <t>東国吉</t>
  </si>
  <si>
    <t>東国分寺台</t>
  </si>
  <si>
    <t>東五所</t>
  </si>
  <si>
    <t>引田</t>
  </si>
  <si>
    <t>櫃挾</t>
  </si>
  <si>
    <t>深城</t>
  </si>
  <si>
    <t>福増</t>
  </si>
  <si>
    <t>藤井</t>
  </si>
  <si>
    <t>二日市場</t>
  </si>
  <si>
    <t>不入</t>
  </si>
  <si>
    <t>古市場</t>
  </si>
  <si>
    <t>平蔵</t>
  </si>
  <si>
    <t>奉免</t>
  </si>
  <si>
    <t>堀越</t>
  </si>
  <si>
    <t>松ケ島</t>
  </si>
  <si>
    <t>松ケ島西</t>
  </si>
  <si>
    <t>万田野</t>
  </si>
  <si>
    <t>南岩崎</t>
  </si>
  <si>
    <t>南国分寺台</t>
  </si>
  <si>
    <t>皆吉</t>
  </si>
  <si>
    <t>宮原</t>
  </si>
  <si>
    <t>妙香</t>
  </si>
  <si>
    <t>迎田</t>
  </si>
  <si>
    <t>門前</t>
  </si>
  <si>
    <t>矢田</t>
  </si>
  <si>
    <t>柳川</t>
  </si>
  <si>
    <t>藪</t>
  </si>
  <si>
    <t>山木</t>
  </si>
  <si>
    <t>山倉</t>
  </si>
  <si>
    <t>山小川</t>
  </si>
  <si>
    <t>山田橋</t>
  </si>
  <si>
    <t>八幡石塚</t>
  </si>
  <si>
    <t>八幡海岸通</t>
  </si>
  <si>
    <t>八幡北町</t>
  </si>
  <si>
    <t>八幡浦</t>
  </si>
  <si>
    <t>有秋台東</t>
  </si>
  <si>
    <t>有秋台西</t>
  </si>
  <si>
    <t>養老</t>
  </si>
  <si>
    <t>米沢</t>
  </si>
  <si>
    <t>米原</t>
  </si>
  <si>
    <t>若宮</t>
  </si>
  <si>
    <t>分目</t>
  </si>
  <si>
    <t>青田</t>
  </si>
  <si>
    <t>市野谷</t>
  </si>
  <si>
    <t>後平井</t>
  </si>
  <si>
    <t>江戸川台東</t>
  </si>
  <si>
    <t>江戸川台西</t>
  </si>
  <si>
    <t>大畔</t>
  </si>
  <si>
    <t>思井</t>
  </si>
  <si>
    <t>加</t>
  </si>
  <si>
    <t>上貝塚</t>
  </si>
  <si>
    <t>上新宿</t>
  </si>
  <si>
    <t>上新宿新田</t>
  </si>
  <si>
    <t>桐ケ谷</t>
  </si>
  <si>
    <t>こうのす台</t>
  </si>
  <si>
    <t>駒木</t>
  </si>
  <si>
    <t>駒木台</t>
  </si>
  <si>
    <t>小屋</t>
  </si>
  <si>
    <t>芝崎</t>
  </si>
  <si>
    <t>下花輪</t>
  </si>
  <si>
    <t>十太夫</t>
  </si>
  <si>
    <t>谷</t>
  </si>
  <si>
    <t>中野久木</t>
  </si>
  <si>
    <t>流山</t>
  </si>
  <si>
    <t>名都借</t>
  </si>
  <si>
    <t>西初石</t>
  </si>
  <si>
    <t>西平井</t>
  </si>
  <si>
    <t>西深井</t>
  </si>
  <si>
    <t>西松ケ丘</t>
  </si>
  <si>
    <t>野々下</t>
  </si>
  <si>
    <t>東初石</t>
  </si>
  <si>
    <t>東深井</t>
  </si>
  <si>
    <t>平方</t>
  </si>
  <si>
    <t>平方原新田</t>
  </si>
  <si>
    <t>平方村新田</t>
  </si>
  <si>
    <t>鰭ケ崎</t>
  </si>
  <si>
    <t>浜荻</t>
  </si>
  <si>
    <t>坂東</t>
  </si>
  <si>
    <t>東江見</t>
  </si>
  <si>
    <t>東元浜荻飛地</t>
  </si>
  <si>
    <t>広場</t>
  </si>
  <si>
    <t>二子</t>
  </si>
  <si>
    <t>太尾</t>
  </si>
  <si>
    <t>太海</t>
  </si>
  <si>
    <t>太海浜</t>
  </si>
  <si>
    <t>太海西</t>
  </si>
  <si>
    <t>細野</t>
  </si>
  <si>
    <t>前原</t>
  </si>
  <si>
    <t>松尾寺</t>
  </si>
  <si>
    <t>南小町</t>
  </si>
  <si>
    <t>宮山</t>
  </si>
  <si>
    <t>八色</t>
  </si>
  <si>
    <t>横尾</t>
  </si>
  <si>
    <t>横渚</t>
  </si>
  <si>
    <t>吉尾西</t>
  </si>
  <si>
    <t>吉尾平塚</t>
  </si>
  <si>
    <t>四方木</t>
  </si>
  <si>
    <t>来秀</t>
  </si>
  <si>
    <t>鎌ケ谷市</t>
  </si>
  <si>
    <t>粟野</t>
  </si>
  <si>
    <t>右京塚</t>
  </si>
  <si>
    <t>鎌ケ谷</t>
  </si>
  <si>
    <t>軽井沢</t>
  </si>
  <si>
    <t>北中沢</t>
  </si>
  <si>
    <t>北初富</t>
  </si>
  <si>
    <t>くぬぎ山</t>
  </si>
  <si>
    <t>佐津間</t>
  </si>
  <si>
    <t>新鎌ケ谷</t>
  </si>
  <si>
    <t>中佐津間</t>
  </si>
  <si>
    <t>中沢新町</t>
  </si>
  <si>
    <t>西佐津間</t>
  </si>
  <si>
    <t>西道野辺</t>
  </si>
  <si>
    <t>初富</t>
  </si>
  <si>
    <t>初富本町</t>
  </si>
  <si>
    <t>東鎌ケ谷</t>
  </si>
  <si>
    <t>東中沢</t>
  </si>
  <si>
    <t>東初富</t>
  </si>
  <si>
    <t>東道野辺</t>
  </si>
  <si>
    <t>馬込沢</t>
  </si>
  <si>
    <t>道野辺</t>
  </si>
  <si>
    <t>道野辺中央</t>
  </si>
  <si>
    <t>道野辺本町</t>
  </si>
  <si>
    <t>南鎌ケ谷</t>
  </si>
  <si>
    <t>南佐津間</t>
  </si>
  <si>
    <t>南初富</t>
  </si>
  <si>
    <t>愛宕</t>
  </si>
  <si>
    <t>市宿</t>
  </si>
  <si>
    <t>糸川</t>
  </si>
  <si>
    <t>芋窪</t>
  </si>
  <si>
    <t>岩出</t>
  </si>
  <si>
    <t>植畑</t>
  </si>
  <si>
    <t>内箕輪</t>
  </si>
  <si>
    <t>内蓑輪</t>
  </si>
  <si>
    <t>浦田</t>
  </si>
  <si>
    <t>大井戸</t>
  </si>
  <si>
    <t>大岩</t>
  </si>
  <si>
    <t>大戸見</t>
  </si>
  <si>
    <t>大戸見旧名殿</t>
  </si>
  <si>
    <t>大山野</t>
  </si>
  <si>
    <t>大鷲</t>
  </si>
  <si>
    <t>大鷲新田</t>
  </si>
  <si>
    <t>奥米</t>
  </si>
  <si>
    <t>大坂</t>
  </si>
  <si>
    <t>小櫃台</t>
  </si>
  <si>
    <t>折木沢</t>
  </si>
  <si>
    <t>賀恵渕</t>
  </si>
  <si>
    <t>香木原</t>
  </si>
  <si>
    <t>かずさ小糸</t>
  </si>
  <si>
    <t>加名盛</t>
  </si>
  <si>
    <t>鹿野山</t>
  </si>
  <si>
    <t>鎌滝</t>
  </si>
  <si>
    <t>上新田</t>
  </si>
  <si>
    <t>上湯江</t>
  </si>
  <si>
    <t>釜生</t>
  </si>
  <si>
    <t>川俣</t>
  </si>
  <si>
    <t>川谷</t>
  </si>
  <si>
    <t>北久保</t>
  </si>
  <si>
    <t>北子安</t>
  </si>
  <si>
    <t>君津</t>
  </si>
  <si>
    <t>君津台</t>
  </si>
  <si>
    <t>行馬</t>
  </si>
  <si>
    <t>黄和田畑</t>
  </si>
  <si>
    <t>草川原</t>
  </si>
  <si>
    <t>蔵玉</t>
  </si>
  <si>
    <t>栗坪</t>
  </si>
  <si>
    <t>久留里</t>
  </si>
  <si>
    <t>久留里市場</t>
  </si>
  <si>
    <t>久留里大谷</t>
  </si>
  <si>
    <t>久留里大和田</t>
  </si>
  <si>
    <t>小市部</t>
  </si>
  <si>
    <t>小糸大谷</t>
  </si>
  <si>
    <t>郡</t>
  </si>
  <si>
    <t>小山野</t>
  </si>
  <si>
    <t>坂田</t>
  </si>
  <si>
    <t>坂畑</t>
  </si>
  <si>
    <t>笹</t>
  </si>
  <si>
    <t>貞元</t>
  </si>
  <si>
    <t>皿引</t>
  </si>
  <si>
    <t>新御堂</t>
  </si>
  <si>
    <t>下湯江</t>
  </si>
  <si>
    <t>宿原</t>
  </si>
  <si>
    <t>小香</t>
  </si>
  <si>
    <t>白駒</t>
  </si>
  <si>
    <t>末吉</t>
  </si>
  <si>
    <t>杉谷</t>
  </si>
  <si>
    <t>清和市場</t>
  </si>
  <si>
    <t>草牛</t>
  </si>
  <si>
    <t>外箕輪</t>
  </si>
  <si>
    <t>大中</t>
  </si>
  <si>
    <t>高水</t>
  </si>
  <si>
    <t>滝原</t>
  </si>
  <si>
    <t>旅名</t>
  </si>
  <si>
    <t>俵田</t>
  </si>
  <si>
    <t>塚原</t>
  </si>
  <si>
    <t>作木</t>
  </si>
  <si>
    <t>辻森</t>
  </si>
  <si>
    <t>寺沢</t>
  </si>
  <si>
    <t>常代</t>
  </si>
  <si>
    <t>戸崎</t>
  </si>
  <si>
    <t>利根</t>
  </si>
  <si>
    <t>富田</t>
  </si>
  <si>
    <t>豊田</t>
  </si>
  <si>
    <t>豊英</t>
  </si>
  <si>
    <t>中富</t>
  </si>
  <si>
    <t>長石</t>
  </si>
  <si>
    <t>西粟倉</t>
  </si>
  <si>
    <t>西猪原</t>
  </si>
  <si>
    <t>西坂田</t>
  </si>
  <si>
    <t>西日笠</t>
  </si>
  <si>
    <t>日渡根</t>
  </si>
  <si>
    <t>糠田飛地</t>
  </si>
  <si>
    <t>怒田沢</t>
  </si>
  <si>
    <t>怒田</t>
  </si>
  <si>
    <t>練木</t>
  </si>
  <si>
    <t>長谷川</t>
  </si>
  <si>
    <t>浜子</t>
  </si>
  <si>
    <t>東粟倉</t>
  </si>
  <si>
    <t>東猪原</t>
  </si>
  <si>
    <t>東坂田</t>
  </si>
  <si>
    <t>東日笠</t>
  </si>
  <si>
    <t>尾車</t>
  </si>
  <si>
    <t>広岡</t>
  </si>
  <si>
    <t>福岡</t>
  </si>
  <si>
    <t>藤林</t>
  </si>
  <si>
    <t>南前川</t>
  </si>
  <si>
    <t>峯</t>
  </si>
  <si>
    <t>元郷</t>
  </si>
  <si>
    <t>柳崎</t>
  </si>
  <si>
    <t>柳根町</t>
  </si>
  <si>
    <t>弥平</t>
  </si>
  <si>
    <t>行田市</t>
  </si>
  <si>
    <t>荒木</t>
  </si>
  <si>
    <t>壱里山町</t>
  </si>
  <si>
    <t>犬塚</t>
  </si>
  <si>
    <t>忍</t>
  </si>
  <si>
    <t>押上町</t>
  </si>
  <si>
    <t>小見</t>
  </si>
  <si>
    <t>利田</t>
  </si>
  <si>
    <t>門井町</t>
  </si>
  <si>
    <t>上池守</t>
  </si>
  <si>
    <t>北河原</t>
  </si>
  <si>
    <t>行田</t>
  </si>
  <si>
    <t>小敷田</t>
  </si>
  <si>
    <t>小針</t>
  </si>
  <si>
    <t>斎条</t>
  </si>
  <si>
    <t>酒巻</t>
  </si>
  <si>
    <t>埼玉</t>
  </si>
  <si>
    <t>佐間</t>
  </si>
  <si>
    <t>皿尾</t>
  </si>
  <si>
    <t>清水町</t>
  </si>
  <si>
    <t>下池守</t>
  </si>
  <si>
    <t>下須戸</t>
  </si>
  <si>
    <t>下中条</t>
  </si>
  <si>
    <t>城西</t>
  </si>
  <si>
    <t>城南</t>
  </si>
  <si>
    <t>白川戸</t>
  </si>
  <si>
    <t>水城公園</t>
  </si>
  <si>
    <t>須加</t>
  </si>
  <si>
    <t>関根</t>
  </si>
  <si>
    <t>棚田町</t>
  </si>
  <si>
    <t>天満</t>
  </si>
  <si>
    <t>藤間</t>
  </si>
  <si>
    <t>中江袋</t>
  </si>
  <si>
    <t>長野</t>
  </si>
  <si>
    <t>西新町</t>
  </si>
  <si>
    <t>野</t>
  </si>
  <si>
    <t>樋上</t>
  </si>
  <si>
    <t>深水町</t>
  </si>
  <si>
    <t>藤原町</t>
  </si>
  <si>
    <t>本丸</t>
  </si>
  <si>
    <t>前谷</t>
  </si>
  <si>
    <t>真名板</t>
  </si>
  <si>
    <t>馬見塚</t>
  </si>
  <si>
    <t>南河原</t>
  </si>
  <si>
    <t>向町</t>
  </si>
  <si>
    <t>持田</t>
  </si>
  <si>
    <t>谷郷</t>
  </si>
  <si>
    <t>矢場</t>
  </si>
  <si>
    <t>若小玉</t>
  </si>
  <si>
    <t>渡柳</t>
  </si>
  <si>
    <t>秩父市</t>
  </si>
  <si>
    <t>阿保町</t>
  </si>
  <si>
    <t>荒川小野原</t>
  </si>
  <si>
    <t>荒川上田野</t>
  </si>
  <si>
    <t>荒川久那</t>
  </si>
  <si>
    <t>荒川白久</t>
  </si>
  <si>
    <t>荒川贄川</t>
  </si>
  <si>
    <t>荒川日野</t>
  </si>
  <si>
    <t>伊古田</t>
  </si>
  <si>
    <t>浦山</t>
  </si>
  <si>
    <t>大滝</t>
  </si>
  <si>
    <t>大野原</t>
  </si>
  <si>
    <t>大畑町</t>
  </si>
  <si>
    <t>大宮</t>
  </si>
  <si>
    <t>小柱</t>
  </si>
  <si>
    <t>金室町</t>
  </si>
  <si>
    <t>上影森</t>
  </si>
  <si>
    <t>上宮地町</t>
  </si>
  <si>
    <t>上吉田</t>
  </si>
  <si>
    <t>久那</t>
  </si>
  <si>
    <t>熊木町</t>
  </si>
  <si>
    <t>黒谷</t>
  </si>
  <si>
    <t>桜木町</t>
  </si>
  <si>
    <t>定峰</t>
  </si>
  <si>
    <t>品沢</t>
  </si>
  <si>
    <t>下影森</t>
  </si>
  <si>
    <t>下宮地町</t>
  </si>
  <si>
    <t>下吉田</t>
  </si>
  <si>
    <t>滝の上町</t>
  </si>
  <si>
    <t>近戸町</t>
  </si>
  <si>
    <t>道生町</t>
  </si>
  <si>
    <t>栃谷</t>
  </si>
  <si>
    <t>中津川</t>
  </si>
  <si>
    <t>中宮地町</t>
  </si>
  <si>
    <t>中村町</t>
  </si>
  <si>
    <t>永田町</t>
  </si>
  <si>
    <t>野坂町</t>
  </si>
  <si>
    <t>番場町</t>
  </si>
  <si>
    <t>日野田町</t>
  </si>
  <si>
    <t>蒔田</t>
  </si>
  <si>
    <t>三峰</t>
  </si>
  <si>
    <t>みどりが丘</t>
  </si>
  <si>
    <t>宮側町</t>
  </si>
  <si>
    <t>柳田町</t>
  </si>
  <si>
    <t>吉田阿熊</t>
  </si>
  <si>
    <t>吉田石間</t>
  </si>
  <si>
    <t>吉田太田部</t>
  </si>
  <si>
    <t>吉田久長</t>
  </si>
  <si>
    <t>所沢市</t>
  </si>
  <si>
    <t>荒幡</t>
  </si>
  <si>
    <t>岩岡町</t>
  </si>
  <si>
    <t>牛沼</t>
  </si>
  <si>
    <t>金山町</t>
  </si>
  <si>
    <t>上新井</t>
  </si>
  <si>
    <t>上安松</t>
  </si>
  <si>
    <t>上山口</t>
  </si>
  <si>
    <t>神米金</t>
  </si>
  <si>
    <t>亀ケ谷</t>
  </si>
  <si>
    <t>北秋津</t>
  </si>
  <si>
    <t>北岩岡</t>
  </si>
  <si>
    <t>北所沢町</t>
  </si>
  <si>
    <t>北中</t>
  </si>
  <si>
    <t>北野新町</t>
  </si>
  <si>
    <t>北野南</t>
  </si>
  <si>
    <t>北原町</t>
  </si>
  <si>
    <t>喜多町</t>
  </si>
  <si>
    <t>北有楽町</t>
  </si>
  <si>
    <t>くすのき台</t>
  </si>
  <si>
    <t>久米</t>
  </si>
  <si>
    <t>糀谷</t>
  </si>
  <si>
    <t>向陽町</t>
  </si>
  <si>
    <t>小手指町</t>
  </si>
  <si>
    <t>小手指南</t>
  </si>
  <si>
    <t>小手指元町</t>
  </si>
  <si>
    <t>こぶし町</t>
  </si>
  <si>
    <t>坂之下</t>
  </si>
  <si>
    <t>狭山ケ丘</t>
  </si>
  <si>
    <t>下新井</t>
  </si>
  <si>
    <t>下富</t>
  </si>
  <si>
    <t>下安松</t>
  </si>
  <si>
    <t>勝楽寺</t>
  </si>
  <si>
    <t>新郷</t>
  </si>
  <si>
    <t>所沢新町</t>
  </si>
  <si>
    <t>中新井</t>
  </si>
  <si>
    <t>越谷市</t>
  </si>
  <si>
    <t>砂原</t>
  </si>
  <si>
    <t>入間市</t>
  </si>
  <si>
    <t>下谷ケ貫</t>
  </si>
  <si>
    <t>和光市</t>
  </si>
  <si>
    <t>諏訪原団地</t>
  </si>
  <si>
    <t>比企郡川島町</t>
  </si>
  <si>
    <t>吉原</t>
  </si>
  <si>
    <t>比企郡吉見町</t>
  </si>
  <si>
    <t>荒子</t>
  </si>
  <si>
    <t>飯島新田</t>
  </si>
  <si>
    <t>江綱</t>
  </si>
  <si>
    <t>江和井</t>
  </si>
  <si>
    <t>大串</t>
  </si>
  <si>
    <t>蚊斗谷</t>
  </si>
  <si>
    <t>上銀谷</t>
  </si>
  <si>
    <t>上細谷</t>
  </si>
  <si>
    <t>北下砂</t>
  </si>
  <si>
    <t>北吉見</t>
  </si>
  <si>
    <t>久保田新田</t>
  </si>
  <si>
    <t>久米田</t>
  </si>
  <si>
    <t>黒岩</t>
  </si>
  <si>
    <t>小新井</t>
  </si>
  <si>
    <t>御所</t>
  </si>
  <si>
    <t>古名</t>
  </si>
  <si>
    <t>古名新田</t>
  </si>
  <si>
    <t>地頭方</t>
  </si>
  <si>
    <t>下銀谷</t>
  </si>
  <si>
    <t>下細谷</t>
  </si>
  <si>
    <t>須ノ子新田</t>
  </si>
  <si>
    <t>高尾新田</t>
  </si>
  <si>
    <t>田甲</t>
  </si>
  <si>
    <t>中曽根</t>
  </si>
  <si>
    <t>西吉見</t>
  </si>
  <si>
    <t>蓮沼新田</t>
  </si>
  <si>
    <t>一ツ木</t>
  </si>
  <si>
    <t>本沢</t>
  </si>
  <si>
    <t>前河内</t>
  </si>
  <si>
    <t>丸貫</t>
  </si>
  <si>
    <t>万光寺</t>
  </si>
  <si>
    <t>南吉見</t>
  </si>
  <si>
    <t>明秋</t>
  </si>
  <si>
    <t>谷口</t>
  </si>
  <si>
    <t>山ノ下</t>
  </si>
  <si>
    <t>和名</t>
  </si>
  <si>
    <t>比企郡鳩山町</t>
  </si>
  <si>
    <t>赤沼</t>
  </si>
  <si>
    <t>石坂</t>
  </si>
  <si>
    <t>泉井</t>
  </si>
  <si>
    <t>今宿</t>
  </si>
  <si>
    <t>奥田</t>
  </si>
  <si>
    <t>楓ケ丘</t>
  </si>
  <si>
    <t>熊井</t>
  </si>
  <si>
    <t>小用</t>
  </si>
  <si>
    <t>須江</t>
  </si>
  <si>
    <t>高野倉</t>
  </si>
  <si>
    <t>竹本</t>
  </si>
  <si>
    <t>鳩ケ丘</t>
  </si>
  <si>
    <t>大豆戸</t>
  </si>
  <si>
    <t>比企郡ときがわ町</t>
  </si>
  <si>
    <t>大附</t>
  </si>
  <si>
    <t>大野</t>
  </si>
  <si>
    <t>椚平</t>
  </si>
  <si>
    <t>雲河原</t>
  </si>
  <si>
    <t>五明</t>
  </si>
  <si>
    <t>関堀</t>
  </si>
  <si>
    <t>瀬戸元上</t>
  </si>
  <si>
    <t>瀬戸元下</t>
  </si>
  <si>
    <t>田黒</t>
  </si>
  <si>
    <t>玉川</t>
  </si>
  <si>
    <t>西平</t>
  </si>
  <si>
    <t>番匠</t>
  </si>
  <si>
    <t>日影</t>
  </si>
  <si>
    <t>桃木</t>
  </si>
  <si>
    <t>秩父郡横瀬町</t>
  </si>
  <si>
    <t>芦ケ久保</t>
  </si>
  <si>
    <t>横瀬</t>
  </si>
  <si>
    <t>秩父郡皆野町</t>
  </si>
  <si>
    <t>大淵</t>
  </si>
  <si>
    <t>金崎</t>
  </si>
  <si>
    <t>上日野沢</t>
  </si>
  <si>
    <t>国神</t>
  </si>
  <si>
    <t>下田野</t>
  </si>
  <si>
    <t>下日野沢</t>
  </si>
  <si>
    <t>野巻</t>
  </si>
  <si>
    <t>皆野</t>
  </si>
  <si>
    <t>秩父郡長瀞町</t>
  </si>
  <si>
    <t>井戸</t>
  </si>
  <si>
    <t>岩田</t>
  </si>
  <si>
    <t>中野上</t>
  </si>
  <si>
    <t>野上下郷</t>
  </si>
  <si>
    <t>風布</t>
  </si>
  <si>
    <t>本野上</t>
  </si>
  <si>
    <t>矢那瀬</t>
  </si>
  <si>
    <t>秩父郡小鹿野町</t>
  </si>
  <si>
    <t>伊豆沢</t>
  </si>
  <si>
    <t>小鹿野</t>
  </si>
  <si>
    <t>河原沢</t>
  </si>
  <si>
    <t>三山</t>
  </si>
  <si>
    <t>下小鹿野</t>
  </si>
  <si>
    <t>長留</t>
  </si>
  <si>
    <t>般若</t>
  </si>
  <si>
    <t>日尾</t>
  </si>
  <si>
    <t>藤倉</t>
  </si>
  <si>
    <t>両神小森</t>
  </si>
  <si>
    <t>両神薄</t>
  </si>
  <si>
    <t>秩父郡東秩父村</t>
  </si>
  <si>
    <t>大内沢</t>
  </si>
  <si>
    <t>奥沢</t>
  </si>
  <si>
    <t>皆谷</t>
  </si>
  <si>
    <t>坂本</t>
  </si>
  <si>
    <t>白石</t>
  </si>
  <si>
    <t>御堂</t>
  </si>
  <si>
    <t>安戸</t>
  </si>
  <si>
    <t>児玉郡美里町</t>
  </si>
  <si>
    <t>阿那志</t>
  </si>
  <si>
    <t>甘粕</t>
  </si>
  <si>
    <t>猪俣</t>
  </si>
  <si>
    <t>北十条</t>
  </si>
  <si>
    <t>木部</t>
  </si>
  <si>
    <t>駒衣</t>
  </si>
  <si>
    <t>小茂田</t>
  </si>
  <si>
    <t>下児玉</t>
  </si>
  <si>
    <t>円良田</t>
  </si>
  <si>
    <t>沼上</t>
  </si>
  <si>
    <t>根木</t>
  </si>
  <si>
    <t>広木</t>
  </si>
  <si>
    <t>古郡</t>
  </si>
  <si>
    <t>南十条</t>
  </si>
  <si>
    <t>児玉郡神川町</t>
  </si>
  <si>
    <t>植竹</t>
  </si>
  <si>
    <t>上阿久原</t>
  </si>
  <si>
    <t>熊野堂</t>
  </si>
  <si>
    <t>四軒在家</t>
  </si>
  <si>
    <t>下阿久原</t>
  </si>
  <si>
    <t>関口</t>
  </si>
  <si>
    <t>0380000</t>
  </si>
  <si>
    <t>青森県</t>
  </si>
  <si>
    <t>青森市</t>
  </si>
  <si>
    <t>0300846</t>
  </si>
  <si>
    <t>青葉</t>
  </si>
  <si>
    <t>0300811</t>
  </si>
  <si>
    <t>0300851</t>
  </si>
  <si>
    <t>0393501</t>
  </si>
  <si>
    <t>浅虫</t>
  </si>
  <si>
    <t>0380056</t>
  </si>
  <si>
    <t>飛鳥</t>
  </si>
  <si>
    <t>0380059</t>
  </si>
  <si>
    <t>油川</t>
  </si>
  <si>
    <t>0300111</t>
  </si>
  <si>
    <t>0380003</t>
  </si>
  <si>
    <t>石江</t>
  </si>
  <si>
    <t>0300922</t>
  </si>
  <si>
    <t>泉野</t>
  </si>
  <si>
    <t>0380043</t>
  </si>
  <si>
    <t>岩渡</t>
  </si>
  <si>
    <t>0300136</t>
  </si>
  <si>
    <t>牛館</t>
  </si>
  <si>
    <t>0301262</t>
  </si>
  <si>
    <t>後潟</t>
  </si>
  <si>
    <t>0300932</t>
  </si>
  <si>
    <t>後萢</t>
  </si>
  <si>
    <t>0380051</t>
  </si>
  <si>
    <t>内真部</t>
  </si>
  <si>
    <t>0300842</t>
  </si>
  <si>
    <t>浦町</t>
  </si>
  <si>
    <t>0300141</t>
  </si>
  <si>
    <t>0300155</t>
  </si>
  <si>
    <t>0300852</t>
  </si>
  <si>
    <t>0300144</t>
  </si>
  <si>
    <t>大別内</t>
  </si>
  <si>
    <t>0300123</t>
  </si>
  <si>
    <t>大矢沢</t>
  </si>
  <si>
    <t>0300914</t>
  </si>
  <si>
    <t>岡造道</t>
  </si>
  <si>
    <t>0380041</t>
  </si>
  <si>
    <t>岡町</t>
  </si>
  <si>
    <t>0380002</t>
  </si>
  <si>
    <t>沖館</t>
  </si>
  <si>
    <t>0380054</t>
  </si>
  <si>
    <t>奥内</t>
  </si>
  <si>
    <t>0300841</t>
  </si>
  <si>
    <t>0300143</t>
  </si>
  <si>
    <t>小畑沢</t>
  </si>
  <si>
    <t>0300137</t>
  </si>
  <si>
    <t>卸町</t>
  </si>
  <si>
    <t>0300821</t>
  </si>
  <si>
    <t>0300902</t>
  </si>
  <si>
    <t>合浦</t>
  </si>
  <si>
    <t>0300844</t>
  </si>
  <si>
    <t>桂木</t>
  </si>
  <si>
    <t>0300853</t>
  </si>
  <si>
    <t>0300145</t>
  </si>
  <si>
    <t>金浜</t>
  </si>
  <si>
    <t>0300855</t>
  </si>
  <si>
    <t>北金沢</t>
  </si>
  <si>
    <t>0393502</t>
  </si>
  <si>
    <t>久栗坂</t>
  </si>
  <si>
    <t>0380013</t>
  </si>
  <si>
    <t>久須志</t>
  </si>
  <si>
    <t>0300935</t>
  </si>
  <si>
    <t>桑原</t>
  </si>
  <si>
    <t>0300918</t>
  </si>
  <si>
    <t>けやき</t>
  </si>
  <si>
    <t>0300134</t>
  </si>
  <si>
    <t>合子沢</t>
  </si>
  <si>
    <t>0300943</t>
  </si>
  <si>
    <t>幸畑</t>
  </si>
  <si>
    <t>0300153</t>
  </si>
  <si>
    <t>小館</t>
  </si>
  <si>
    <t>0301272</t>
  </si>
  <si>
    <t>小橋</t>
  </si>
  <si>
    <t>0300954</t>
  </si>
  <si>
    <t>駒込（月見野）</t>
  </si>
  <si>
    <t>0300953</t>
  </si>
  <si>
    <t>駒込（螢沢）</t>
  </si>
  <si>
    <t>0300955</t>
  </si>
  <si>
    <t>駒込（その他）</t>
  </si>
  <si>
    <t>0300915</t>
  </si>
  <si>
    <t>小柳</t>
  </si>
  <si>
    <t>0300903</t>
  </si>
  <si>
    <t>0300945</t>
  </si>
  <si>
    <t>桜川</t>
  </si>
  <si>
    <t>0380032</t>
  </si>
  <si>
    <t>里見</t>
  </si>
  <si>
    <t>0300942</t>
  </si>
  <si>
    <t>沢山</t>
  </si>
  <si>
    <t>0380031</t>
  </si>
  <si>
    <t>三内</t>
  </si>
  <si>
    <t>0393506</t>
  </si>
  <si>
    <t>三本木</t>
  </si>
  <si>
    <t>0301261</t>
  </si>
  <si>
    <t>四戸橋</t>
  </si>
  <si>
    <t>0380011</t>
  </si>
  <si>
    <t>篠田</t>
  </si>
  <si>
    <t>0380052</t>
  </si>
  <si>
    <t>0300941</t>
  </si>
  <si>
    <t>自由ケ丘</t>
  </si>
  <si>
    <t>0380042</t>
  </si>
  <si>
    <t>新城</t>
  </si>
  <si>
    <t>0300801</t>
  </si>
  <si>
    <t>0300135</t>
  </si>
  <si>
    <t>新町野</t>
  </si>
  <si>
    <t>0300933</t>
  </si>
  <si>
    <t>諏訪沢</t>
  </si>
  <si>
    <t>0380055</t>
  </si>
  <si>
    <t>瀬戸子</t>
  </si>
  <si>
    <t>0380015</t>
  </si>
  <si>
    <t>千刈</t>
  </si>
  <si>
    <t>0300854</t>
  </si>
  <si>
    <t>千富町</t>
  </si>
  <si>
    <t>0300113</t>
  </si>
  <si>
    <t>第二問屋町</t>
  </si>
  <si>
    <t>0300931</t>
  </si>
  <si>
    <t>平新田</t>
  </si>
  <si>
    <t>0300151</t>
  </si>
  <si>
    <t>0300924</t>
  </si>
  <si>
    <t>滝沢（下川原１９０－１）</t>
  </si>
  <si>
    <t>0393524</t>
  </si>
  <si>
    <t>滝沢（その他）</t>
  </si>
  <si>
    <t>0300124</t>
  </si>
  <si>
    <t>田茂木野</t>
  </si>
  <si>
    <t>0300916</t>
  </si>
  <si>
    <t>田屋敷</t>
  </si>
  <si>
    <t>0300904</t>
  </si>
  <si>
    <t>茶屋町</t>
  </si>
  <si>
    <t>0300822</t>
  </si>
  <si>
    <t>0300925</t>
  </si>
  <si>
    <t>築木館</t>
  </si>
  <si>
    <t>0300962</t>
  </si>
  <si>
    <t>0300911</t>
  </si>
  <si>
    <t>造道</t>
  </si>
  <si>
    <t>0300944</t>
  </si>
  <si>
    <t>筒井</t>
  </si>
  <si>
    <t>0300812</t>
  </si>
  <si>
    <t>0380045</t>
  </si>
  <si>
    <t>鶴ケ坂</t>
  </si>
  <si>
    <t>0380046</t>
  </si>
  <si>
    <t>戸門</t>
  </si>
  <si>
    <t>0300934</t>
  </si>
  <si>
    <t>0380004</t>
  </si>
  <si>
    <t>0300952</t>
  </si>
  <si>
    <t>戸山（赤坂）</t>
  </si>
  <si>
    <t>0300951</t>
  </si>
  <si>
    <t>戸山（その他）</t>
  </si>
  <si>
    <t>0300131</t>
  </si>
  <si>
    <t>問屋町</t>
  </si>
  <si>
    <t>0300963</t>
  </si>
  <si>
    <t>中佃</t>
  </si>
  <si>
    <t>0300861</t>
  </si>
  <si>
    <t>長島</t>
  </si>
  <si>
    <t>0300961</t>
  </si>
  <si>
    <t>浪打</t>
  </si>
  <si>
    <t>0381321</t>
  </si>
  <si>
    <t>浪岡相沢</t>
  </si>
  <si>
    <t>0381313</t>
  </si>
  <si>
    <t>浪岡王余魚沢</t>
  </si>
  <si>
    <t>0381325</t>
  </si>
  <si>
    <t>浪岡北中野</t>
  </si>
  <si>
    <t>0381324</t>
  </si>
  <si>
    <t>浪岡吉内</t>
  </si>
  <si>
    <t>0381343</t>
  </si>
  <si>
    <t>浪岡郷山前</t>
  </si>
  <si>
    <t>0381312</t>
  </si>
  <si>
    <t>浪岡五本松</t>
  </si>
  <si>
    <t>0381345</t>
  </si>
  <si>
    <t>浪岡下石川</t>
  </si>
  <si>
    <t>0381332</t>
  </si>
  <si>
    <t>浪岡下十川</t>
  </si>
  <si>
    <t>0381341</t>
  </si>
  <si>
    <t>浪岡銀</t>
  </si>
  <si>
    <t>0381305</t>
  </si>
  <si>
    <t>浪岡杉沢</t>
  </si>
  <si>
    <t>0381301</t>
  </si>
  <si>
    <t>浪岡大釈迦</t>
  </si>
  <si>
    <t>0381304</t>
  </si>
  <si>
    <t>浪岡高屋敷</t>
  </si>
  <si>
    <t>0381342</t>
  </si>
  <si>
    <t>浪岡樽沢</t>
  </si>
  <si>
    <t>0381303</t>
  </si>
  <si>
    <t>浪岡徳才子</t>
  </si>
  <si>
    <t>0381302</t>
  </si>
  <si>
    <t>浪岡長沼</t>
  </si>
  <si>
    <t>0381311</t>
  </si>
  <si>
    <t>浪岡浪岡</t>
  </si>
  <si>
    <t>0381306</t>
  </si>
  <si>
    <t>浪岡福田</t>
  </si>
  <si>
    <t>0381322</t>
  </si>
  <si>
    <t>浪岡細野</t>
  </si>
  <si>
    <t>0381323</t>
  </si>
  <si>
    <t>浪岡本郷</t>
  </si>
  <si>
    <t>0381333</t>
  </si>
  <si>
    <t>浪岡増館</t>
  </si>
  <si>
    <t>0381331</t>
  </si>
  <si>
    <t>浪岡女鹿沢</t>
  </si>
  <si>
    <t>0381344</t>
  </si>
  <si>
    <t>浪岡吉野田</t>
  </si>
  <si>
    <t>0380022</t>
  </si>
  <si>
    <t>浪館</t>
  </si>
  <si>
    <t>0380024</t>
  </si>
  <si>
    <t>浪館前田</t>
  </si>
  <si>
    <t>0300948</t>
  </si>
  <si>
    <t>0380014</t>
  </si>
  <si>
    <t>西滝</t>
  </si>
  <si>
    <t>0380057</t>
  </si>
  <si>
    <t>西田沢</t>
  </si>
  <si>
    <t>0380001</t>
  </si>
  <si>
    <t>0300154</t>
  </si>
  <si>
    <t>入内</t>
  </si>
  <si>
    <t>0300142</t>
  </si>
  <si>
    <t>野木</t>
  </si>
  <si>
    <t>0300152</t>
  </si>
  <si>
    <t>野沢</t>
  </si>
  <si>
    <t>0300122</t>
  </si>
  <si>
    <t>野尻</t>
  </si>
  <si>
    <t>0393503</t>
  </si>
  <si>
    <t>野内</t>
  </si>
  <si>
    <t>0300823</t>
  </si>
  <si>
    <t>橋本</t>
  </si>
  <si>
    <t>0380058</t>
  </si>
  <si>
    <t>羽白</t>
  </si>
  <si>
    <t>0300966</t>
  </si>
  <si>
    <t>花園</t>
  </si>
  <si>
    <t>0300843</t>
  </si>
  <si>
    <t>0300947</t>
  </si>
  <si>
    <t>浜館</t>
  </si>
  <si>
    <t>0300919</t>
  </si>
  <si>
    <t>はまなす</t>
  </si>
  <si>
    <t>0300921</t>
  </si>
  <si>
    <t>原別</t>
  </si>
  <si>
    <t>0300847</t>
  </si>
  <si>
    <t>東大野</t>
  </si>
  <si>
    <t>0300913</t>
  </si>
  <si>
    <t>東造道</t>
  </si>
  <si>
    <t>0301273</t>
  </si>
  <si>
    <t>左堰</t>
  </si>
  <si>
    <t>0300862</t>
  </si>
  <si>
    <t>古川</t>
  </si>
  <si>
    <t>0300946</t>
  </si>
  <si>
    <t>古館</t>
  </si>
  <si>
    <t>0380023</t>
  </si>
  <si>
    <t>細越</t>
  </si>
  <si>
    <t>0300802</t>
  </si>
  <si>
    <t>0380053</t>
  </si>
  <si>
    <t>前田</t>
  </si>
  <si>
    <t>0380044</t>
  </si>
  <si>
    <t>孫内</t>
  </si>
  <si>
    <t>0300813</t>
  </si>
  <si>
    <t>0300965</t>
  </si>
  <si>
    <t>松森</t>
  </si>
  <si>
    <t>0393507</t>
  </si>
  <si>
    <t>馬屋尻</t>
  </si>
  <si>
    <t>0300845</t>
  </si>
  <si>
    <t>0300901</t>
  </si>
  <si>
    <t>港町</t>
  </si>
  <si>
    <t>0300964</t>
  </si>
  <si>
    <t>南佃</t>
  </si>
  <si>
    <t>0393505</t>
  </si>
  <si>
    <t>宮田</t>
  </si>
  <si>
    <t>0300121</t>
  </si>
  <si>
    <t>妙見</t>
  </si>
  <si>
    <t>0380006</t>
  </si>
  <si>
    <t>0300937</t>
  </si>
  <si>
    <t>本泉</t>
  </si>
  <si>
    <t>0300133</t>
  </si>
  <si>
    <t>雲谷</t>
  </si>
  <si>
    <t>0300912</t>
  </si>
  <si>
    <t>八重田</t>
  </si>
  <si>
    <t>0300917</t>
  </si>
  <si>
    <t>矢作</t>
  </si>
  <si>
    <t>0300803</t>
  </si>
  <si>
    <t>安方</t>
  </si>
  <si>
    <t>0380021</t>
  </si>
  <si>
    <t>安田</t>
  </si>
  <si>
    <t>0393504</t>
  </si>
  <si>
    <t>0300936</t>
  </si>
  <si>
    <t>矢田前</t>
  </si>
  <si>
    <t>0300112</t>
  </si>
  <si>
    <t>八ツ役</t>
  </si>
  <si>
    <t>0380012</t>
  </si>
  <si>
    <t>0300923</t>
  </si>
  <si>
    <t>八幡林</t>
  </si>
  <si>
    <t>0300132</t>
  </si>
  <si>
    <t>0300125</t>
  </si>
  <si>
    <t>四ツ石</t>
  </si>
  <si>
    <t>0301271</t>
  </si>
  <si>
    <t>六枚橋</t>
  </si>
  <si>
    <t>0360000</t>
  </si>
  <si>
    <t>弘前市</t>
  </si>
  <si>
    <t>0361516</t>
  </si>
  <si>
    <t>藍内</t>
  </si>
  <si>
    <t>0368246</t>
  </si>
  <si>
    <t>青樹町</t>
  </si>
  <si>
    <t>0383615</t>
  </si>
  <si>
    <t>青女子</t>
  </si>
  <si>
    <t>0368062</t>
  </si>
  <si>
    <t>0368279</t>
  </si>
  <si>
    <t>茜町</t>
  </si>
  <si>
    <t>0368264</t>
  </si>
  <si>
    <t>悪戸</t>
  </si>
  <si>
    <t>0368252</t>
  </si>
  <si>
    <t>0361302</t>
  </si>
  <si>
    <t>0368364</t>
  </si>
  <si>
    <t>0368124</t>
  </si>
  <si>
    <t>0368316</t>
  </si>
  <si>
    <t>石渡</t>
  </si>
  <si>
    <t>0368164</t>
  </si>
  <si>
    <t>0368134</t>
  </si>
  <si>
    <t>一野渡</t>
  </si>
  <si>
    <t>0368201</t>
  </si>
  <si>
    <t>0361325</t>
  </si>
  <si>
    <t>一町田</t>
  </si>
  <si>
    <t>0368097</t>
  </si>
  <si>
    <t>稲田</t>
  </si>
  <si>
    <t>0368073</t>
  </si>
  <si>
    <t>岩賀</t>
  </si>
  <si>
    <t>0368023</t>
  </si>
  <si>
    <t>植田町</t>
  </si>
  <si>
    <t>0368002</t>
  </si>
  <si>
    <t>駅前</t>
  </si>
  <si>
    <t>0368132</t>
  </si>
  <si>
    <t>狼森</t>
  </si>
  <si>
    <t>0368104</t>
  </si>
  <si>
    <t>0368346</t>
  </si>
  <si>
    <t>大浦町</t>
  </si>
  <si>
    <t>0368311</t>
  </si>
  <si>
    <t>0368071</t>
  </si>
  <si>
    <t>0368125</t>
  </si>
  <si>
    <t>0368161</t>
  </si>
  <si>
    <t>大清水</t>
  </si>
  <si>
    <t>0361513</t>
  </si>
  <si>
    <t>大助</t>
  </si>
  <si>
    <t>0368175</t>
  </si>
  <si>
    <t>大富町</t>
  </si>
  <si>
    <t>0368242</t>
  </si>
  <si>
    <t>0368247</t>
  </si>
  <si>
    <t>大開</t>
  </si>
  <si>
    <t>0368004</t>
  </si>
  <si>
    <t>0361203</t>
  </si>
  <si>
    <t>0368133</t>
  </si>
  <si>
    <t>大和沢</t>
  </si>
  <si>
    <t>0368034</t>
  </si>
  <si>
    <t>徒町</t>
  </si>
  <si>
    <t>0368033</t>
  </si>
  <si>
    <t>徒町川端町</t>
  </si>
  <si>
    <t>0368197</t>
  </si>
  <si>
    <t>桶屋町</t>
  </si>
  <si>
    <t>0383613</t>
  </si>
  <si>
    <t>小友</t>
  </si>
  <si>
    <t>0361205</t>
  </si>
  <si>
    <t>鬼沢</t>
  </si>
  <si>
    <t>0368096</t>
  </si>
  <si>
    <t>0368191</t>
  </si>
  <si>
    <t>親方町</t>
  </si>
  <si>
    <t>0368383</t>
  </si>
  <si>
    <t>折笠</t>
  </si>
  <si>
    <t>0361204</t>
  </si>
  <si>
    <t>貝沢</t>
  </si>
  <si>
    <t>0368152</t>
  </si>
  <si>
    <t>学園町</t>
  </si>
  <si>
    <t>0368204</t>
  </si>
  <si>
    <t>覚仙町</t>
  </si>
  <si>
    <t>0368192</t>
  </si>
  <si>
    <t>鍛冶町</t>
  </si>
  <si>
    <t>0368335</t>
  </si>
  <si>
    <t>0368052</t>
  </si>
  <si>
    <t>堅田</t>
  </si>
  <si>
    <t>0368111</t>
  </si>
  <si>
    <t>門外</t>
  </si>
  <si>
    <t>0361332</t>
  </si>
  <si>
    <t>兼平</t>
  </si>
  <si>
    <t>0368013</t>
  </si>
  <si>
    <t>上瓦ケ町</t>
  </si>
  <si>
    <t>0368354</t>
  </si>
  <si>
    <t>上鞘師町</t>
  </si>
  <si>
    <t>0368207</t>
  </si>
  <si>
    <t>上白銀町</t>
  </si>
  <si>
    <t>0361504</t>
  </si>
  <si>
    <t>紙漉沢</t>
  </si>
  <si>
    <t>0368221</t>
  </si>
  <si>
    <t>紙漉町</t>
  </si>
  <si>
    <t>0368332</t>
  </si>
  <si>
    <t>亀甲町</t>
  </si>
  <si>
    <t>0368022</t>
  </si>
  <si>
    <t>萱町</t>
  </si>
  <si>
    <t>0368114</t>
  </si>
  <si>
    <t>川合</t>
  </si>
  <si>
    <t>0368103</t>
  </si>
  <si>
    <t>川先</t>
  </si>
  <si>
    <t>0368277</t>
  </si>
  <si>
    <t>河原町</t>
  </si>
  <si>
    <t>0368226</t>
  </si>
  <si>
    <t>寒沢町</t>
  </si>
  <si>
    <t>0368061</t>
  </si>
  <si>
    <t>0368227</t>
  </si>
  <si>
    <t>桔梗野</t>
  </si>
  <si>
    <t>0368194</t>
  </si>
  <si>
    <t>北川端町</t>
  </si>
  <si>
    <t>0368012</t>
  </si>
  <si>
    <t>北瓦ケ町</t>
  </si>
  <si>
    <t>0368213</t>
  </si>
  <si>
    <t>北新寺町</t>
  </si>
  <si>
    <t>0368151</t>
  </si>
  <si>
    <t>北園</t>
  </si>
  <si>
    <t>0368031</t>
  </si>
  <si>
    <t>北柳町</t>
  </si>
  <si>
    <t>0368046</t>
  </si>
  <si>
    <t>北横町</t>
  </si>
  <si>
    <t>0368251</t>
  </si>
  <si>
    <t>清富町</t>
  </si>
  <si>
    <t>0368163</t>
  </si>
  <si>
    <t>清原</t>
  </si>
  <si>
    <t>0368245</t>
  </si>
  <si>
    <t>金属町</t>
  </si>
  <si>
    <t>0361303</t>
  </si>
  <si>
    <t>葛原</t>
  </si>
  <si>
    <t>0361433</t>
  </si>
  <si>
    <t>国吉</t>
  </si>
  <si>
    <t>0361321</t>
  </si>
  <si>
    <t>熊嶋</t>
  </si>
  <si>
    <t>0368345</t>
  </si>
  <si>
    <t>蔵主町</t>
  </si>
  <si>
    <t>0361502</t>
  </si>
  <si>
    <t>黒滝</t>
  </si>
  <si>
    <t>0361434</t>
  </si>
  <si>
    <t>黒土</t>
  </si>
  <si>
    <t>0368005</t>
  </si>
  <si>
    <t>楮町</t>
  </si>
  <si>
    <t>0361431</t>
  </si>
  <si>
    <t>0368123</t>
  </si>
  <si>
    <t>小金崎</t>
  </si>
  <si>
    <t>0368127</t>
  </si>
  <si>
    <t>小栗山</t>
  </si>
  <si>
    <t>0368243</t>
  </si>
  <si>
    <t>小沢</t>
  </si>
  <si>
    <t>0368362</t>
  </si>
  <si>
    <t>五十石町</t>
  </si>
  <si>
    <t>0361503</t>
  </si>
  <si>
    <t>0361331</t>
  </si>
  <si>
    <t>五代</t>
  </si>
  <si>
    <t>0368331</t>
  </si>
  <si>
    <t>小人町</t>
  </si>
  <si>
    <t>0361322</t>
  </si>
  <si>
    <t>駒越</t>
  </si>
  <si>
    <t>0368366</t>
  </si>
  <si>
    <t>駒越町</t>
  </si>
  <si>
    <t>0368361</t>
  </si>
  <si>
    <t>紺屋町</t>
  </si>
  <si>
    <t>0368216</t>
  </si>
  <si>
    <t>在府町</t>
  </si>
  <si>
    <t>0368076</t>
  </si>
  <si>
    <t>境関</t>
  </si>
  <si>
    <t>0361511</t>
  </si>
  <si>
    <t>坂市</t>
  </si>
  <si>
    <t>0368336</t>
  </si>
  <si>
    <t>0368244</t>
  </si>
  <si>
    <t>坂元</t>
  </si>
  <si>
    <t>0368016</t>
  </si>
  <si>
    <t>0368211</t>
  </si>
  <si>
    <t>相良町</t>
  </si>
  <si>
    <t>0368241</t>
  </si>
  <si>
    <t>0361441</t>
  </si>
  <si>
    <t>桜庭</t>
  </si>
  <si>
    <t>0368222</t>
  </si>
  <si>
    <t>桜林町</t>
  </si>
  <si>
    <t>0383612</t>
  </si>
  <si>
    <t>笹舘</t>
  </si>
  <si>
    <t>0368342</t>
  </si>
  <si>
    <t>笹森町</t>
  </si>
  <si>
    <t>0361514</t>
  </si>
  <si>
    <t>沢田</t>
  </si>
  <si>
    <t>0368312</t>
  </si>
  <si>
    <t>三世寺</t>
  </si>
  <si>
    <t>0368341</t>
  </si>
  <si>
    <t>山王町</t>
  </si>
  <si>
    <t>0368102</t>
  </si>
  <si>
    <t>小比内</t>
  </si>
  <si>
    <t>0368206</t>
  </si>
  <si>
    <t>塩分町</t>
  </si>
  <si>
    <t>0368261</t>
  </si>
  <si>
    <t>茂森新町</t>
  </si>
  <si>
    <t>0368217</t>
  </si>
  <si>
    <t>茂森町</t>
  </si>
  <si>
    <t>0368183</t>
  </si>
  <si>
    <t>品川町</t>
  </si>
  <si>
    <t>0368254</t>
  </si>
  <si>
    <t>0368262</t>
  </si>
  <si>
    <t>清水富田</t>
  </si>
  <si>
    <t>0368113</t>
  </si>
  <si>
    <t>清水森</t>
  </si>
  <si>
    <t>0368353</t>
  </si>
  <si>
    <t>下鞘師町</t>
  </si>
  <si>
    <t>0368356</t>
  </si>
  <si>
    <t>下白銀町</t>
  </si>
  <si>
    <t>0368265</t>
  </si>
  <si>
    <t>下湯口</t>
  </si>
  <si>
    <t>0368266</t>
  </si>
  <si>
    <t>0368228</t>
  </si>
  <si>
    <t>樹木</t>
  </si>
  <si>
    <t>0368275</t>
  </si>
  <si>
    <t>0368095</t>
  </si>
  <si>
    <t>城東</t>
  </si>
  <si>
    <t>0368093</t>
  </si>
  <si>
    <t>城東中央</t>
  </si>
  <si>
    <t>0368092</t>
  </si>
  <si>
    <t>城東北</t>
  </si>
  <si>
    <t>0368232</t>
  </si>
  <si>
    <t>0368193</t>
  </si>
  <si>
    <t>新鍛冶町</t>
  </si>
  <si>
    <t>0368214</t>
  </si>
  <si>
    <t>新寺町</t>
  </si>
  <si>
    <t>0368215</t>
  </si>
  <si>
    <t>新寺町新割町</t>
  </si>
  <si>
    <t>0361342</t>
  </si>
  <si>
    <t>新法師</t>
  </si>
  <si>
    <t>0368085</t>
  </si>
  <si>
    <t>末広</t>
  </si>
  <si>
    <t>0368187</t>
  </si>
  <si>
    <t>0368072</t>
  </si>
  <si>
    <t>清野袋</t>
  </si>
  <si>
    <t>0361515</t>
  </si>
  <si>
    <t>相馬</t>
  </si>
  <si>
    <t>0368001</t>
  </si>
  <si>
    <t>0361344</t>
  </si>
  <si>
    <t>0368091</t>
  </si>
  <si>
    <t>0368271</t>
  </si>
  <si>
    <t>鷹匠町</t>
  </si>
  <si>
    <t>0368302</t>
  </si>
  <si>
    <t>高杉</t>
  </si>
  <si>
    <t>0368084</t>
  </si>
  <si>
    <t>0361312</t>
  </si>
  <si>
    <t>高屋</t>
  </si>
  <si>
    <t>0368018</t>
  </si>
  <si>
    <t>田代町</t>
  </si>
  <si>
    <t>0361324</t>
  </si>
  <si>
    <t>龍ノ口</t>
  </si>
  <si>
    <t>0361432</t>
  </si>
  <si>
    <t>館後</t>
  </si>
  <si>
    <t>0368234</t>
  </si>
  <si>
    <t>館野</t>
  </si>
  <si>
    <t>0383614</t>
  </si>
  <si>
    <t>種市</t>
  </si>
  <si>
    <t>0368054</t>
  </si>
  <si>
    <t>0368055</t>
  </si>
  <si>
    <t>田茂木町</t>
  </si>
  <si>
    <t>0368041</t>
  </si>
  <si>
    <t>俵元</t>
  </si>
  <si>
    <t>0368131</t>
  </si>
  <si>
    <t>千年</t>
  </si>
  <si>
    <t>0368044</t>
  </si>
  <si>
    <t>茶畑町</t>
  </si>
  <si>
    <t>0368074</t>
  </si>
  <si>
    <t>津賀野（瀬ノ上）</t>
  </si>
  <si>
    <t>0383874</t>
  </si>
  <si>
    <t>津賀野（その他）</t>
  </si>
  <si>
    <t>0368374</t>
  </si>
  <si>
    <t>土堂</t>
  </si>
  <si>
    <t>0368036</t>
  </si>
  <si>
    <t>鉄砲町</t>
  </si>
  <si>
    <t>0368086</t>
  </si>
  <si>
    <t>田園</t>
  </si>
  <si>
    <t>0368319</t>
  </si>
  <si>
    <t>藤内町</t>
  </si>
  <si>
    <t>0368196</t>
  </si>
  <si>
    <t>銅屋町</t>
  </si>
  <si>
    <t>0368263</t>
  </si>
  <si>
    <t>常盤坂</t>
  </si>
  <si>
    <t>0361345</t>
  </si>
  <si>
    <t>常盤野</t>
  </si>
  <si>
    <t>0368032</t>
  </si>
  <si>
    <t>徳田町</t>
  </si>
  <si>
    <t>0361201</t>
  </si>
  <si>
    <t>十腰内</t>
  </si>
  <si>
    <t>0368381</t>
  </si>
  <si>
    <t>独狐</t>
  </si>
  <si>
    <t>0361202</t>
  </si>
  <si>
    <t>十面沢</t>
  </si>
  <si>
    <t>0368182</t>
  </si>
  <si>
    <t>土手町</t>
  </si>
  <si>
    <t>0368094</t>
  </si>
  <si>
    <t>外崎</t>
  </si>
  <si>
    <t>0368317</t>
  </si>
  <si>
    <t>外瀬</t>
  </si>
  <si>
    <t>0368382</t>
  </si>
  <si>
    <t>富栄</t>
  </si>
  <si>
    <t>0368186</t>
  </si>
  <si>
    <t>0368173</t>
  </si>
  <si>
    <t>0368174</t>
  </si>
  <si>
    <t>富野町</t>
  </si>
  <si>
    <t>0368101</t>
  </si>
  <si>
    <t>0368154</t>
  </si>
  <si>
    <t>豊原</t>
  </si>
  <si>
    <t>0368171</t>
  </si>
  <si>
    <t>取上</t>
  </si>
  <si>
    <t>0361333</t>
  </si>
  <si>
    <t>鳥井野</t>
  </si>
  <si>
    <t>0368075</t>
  </si>
  <si>
    <t>撫牛子</t>
  </si>
  <si>
    <t>0368015</t>
  </si>
  <si>
    <t>中瓦ケ町</t>
  </si>
  <si>
    <t>0368313</t>
  </si>
  <si>
    <t>中崎</t>
  </si>
  <si>
    <t>0368155</t>
  </si>
  <si>
    <t>中野（丁目）</t>
  </si>
  <si>
    <t>0361451</t>
  </si>
  <si>
    <t>中野（その他）</t>
  </si>
  <si>
    <t>0361452</t>
  </si>
  <si>
    <t>中畑</t>
  </si>
  <si>
    <t>0368385</t>
  </si>
  <si>
    <t>中別所</t>
  </si>
  <si>
    <t>0368344</t>
  </si>
  <si>
    <t>長坂町</t>
  </si>
  <si>
    <t>0361206</t>
  </si>
  <si>
    <t>楢木</t>
  </si>
  <si>
    <t>0368212</t>
  </si>
  <si>
    <t>南塘町</t>
  </si>
  <si>
    <t>0361304</t>
  </si>
  <si>
    <t>新岡</t>
  </si>
  <si>
    <t>0368083</t>
  </si>
  <si>
    <t>新里</t>
  </si>
  <si>
    <t>0368017</t>
  </si>
  <si>
    <t>西川岸町</t>
  </si>
  <si>
    <t>0368225</t>
  </si>
  <si>
    <t>西ケ丘町</t>
  </si>
  <si>
    <t>0368273</t>
  </si>
  <si>
    <t>西茂森</t>
  </si>
  <si>
    <t>0368065</t>
  </si>
  <si>
    <t>西城北</t>
  </si>
  <si>
    <t>0368365</t>
  </si>
  <si>
    <t>西大工町</t>
  </si>
  <si>
    <t>0368122</t>
  </si>
  <si>
    <t>乳井</t>
  </si>
  <si>
    <t>0361334</t>
  </si>
  <si>
    <t>如来瀬</t>
  </si>
  <si>
    <t>0368301</t>
  </si>
  <si>
    <t>糠坪</t>
  </si>
  <si>
    <t>0368056</t>
  </si>
  <si>
    <t>禰宜町</t>
  </si>
  <si>
    <t>0368045</t>
  </si>
  <si>
    <t>0368334</t>
  </si>
  <si>
    <t>馬喰町</t>
  </si>
  <si>
    <t>0368003</t>
  </si>
  <si>
    <t>駅前町</t>
  </si>
  <si>
    <t>0368057</t>
  </si>
  <si>
    <t>0361301</t>
  </si>
  <si>
    <t>鼻和</t>
  </si>
  <si>
    <t>0368323</t>
  </si>
  <si>
    <t>浜の町東</t>
  </si>
  <si>
    <t>0368324</t>
  </si>
  <si>
    <t>浜の町西</t>
  </si>
  <si>
    <t>0368325</t>
  </si>
  <si>
    <t>浜の町北</t>
  </si>
  <si>
    <t>0368144</t>
  </si>
  <si>
    <t>原ケ平</t>
  </si>
  <si>
    <t>0361453</t>
  </si>
  <si>
    <t>番館</t>
  </si>
  <si>
    <t>0368064</t>
  </si>
  <si>
    <t>東城北</t>
  </si>
  <si>
    <t>0368343</t>
  </si>
  <si>
    <t>東長町</t>
  </si>
  <si>
    <t>0368043</t>
  </si>
  <si>
    <t>東和徳町</t>
  </si>
  <si>
    <t>0368278</t>
  </si>
  <si>
    <t>樋の口</t>
  </si>
  <si>
    <t>0368276</t>
  </si>
  <si>
    <t>樋の口町</t>
  </si>
  <si>
    <t>0361343</t>
  </si>
  <si>
    <t>百沢</t>
  </si>
  <si>
    <t>0368035</t>
  </si>
  <si>
    <t>百石町</t>
  </si>
  <si>
    <t>0368351</t>
  </si>
  <si>
    <t>百石町小路</t>
  </si>
  <si>
    <t>0368367</t>
  </si>
  <si>
    <t>0361442</t>
  </si>
  <si>
    <t>0368115</t>
  </si>
  <si>
    <t>広野</t>
  </si>
  <si>
    <t>0368081</t>
  </si>
  <si>
    <t>福田</t>
  </si>
  <si>
    <t>0368082</t>
  </si>
  <si>
    <t>福村</t>
  </si>
  <si>
    <t>0368363</t>
  </si>
  <si>
    <t>袋町</t>
  </si>
  <si>
    <t>0361512</t>
  </si>
  <si>
    <t>藤沢</t>
  </si>
  <si>
    <t>0368373</t>
  </si>
  <si>
    <t>藤代</t>
  </si>
  <si>
    <t>0368326</t>
  </si>
  <si>
    <t>藤野</t>
  </si>
  <si>
    <t>0368143</t>
  </si>
  <si>
    <t>0368223</t>
  </si>
  <si>
    <t>0368315</t>
  </si>
  <si>
    <t>船水</t>
  </si>
  <si>
    <t>0368224</t>
  </si>
  <si>
    <t>文京町</t>
  </si>
  <si>
    <t>0368375</t>
  </si>
  <si>
    <t>0368112</t>
  </si>
  <si>
    <t>0368203</t>
  </si>
  <si>
    <t>0368303</t>
  </si>
  <si>
    <t>前坂</t>
  </si>
  <si>
    <t>0368371</t>
  </si>
  <si>
    <t>蒔苗</t>
  </si>
  <si>
    <t>0368314</t>
  </si>
  <si>
    <t>0368042</t>
  </si>
  <si>
    <t>松ケ枝</t>
  </si>
  <si>
    <t>0368126</t>
  </si>
  <si>
    <t>松木平</t>
  </si>
  <si>
    <t>0361323</t>
  </si>
  <si>
    <t>真土</t>
  </si>
  <si>
    <t>0368141</t>
  </si>
  <si>
    <t>松原東</t>
  </si>
  <si>
    <t>0368142</t>
  </si>
  <si>
    <t>松原西</t>
  </si>
  <si>
    <t>0368184</t>
  </si>
  <si>
    <t>松森町</t>
  </si>
  <si>
    <t>0368357</t>
  </si>
  <si>
    <t>馬屋町</t>
  </si>
  <si>
    <t>0361505</t>
  </si>
  <si>
    <t>水木在家</t>
  </si>
  <si>
    <t>0368153</t>
  </si>
  <si>
    <t>三岳町</t>
  </si>
  <si>
    <t>0368253</t>
  </si>
  <si>
    <t>0368024</t>
  </si>
  <si>
    <t>0368006</t>
  </si>
  <si>
    <t>南大町</t>
  </si>
  <si>
    <t>0368195</t>
  </si>
  <si>
    <t>南川端町</t>
  </si>
  <si>
    <t>0368014</t>
  </si>
  <si>
    <t>南瓦ケ町</t>
  </si>
  <si>
    <t>0368274</t>
  </si>
  <si>
    <t>南城西</t>
  </si>
  <si>
    <t>0368172</t>
  </si>
  <si>
    <t>南富田町</t>
  </si>
  <si>
    <t>0368272</t>
  </si>
  <si>
    <t>南袋町</t>
  </si>
  <si>
    <t>0368025</t>
  </si>
  <si>
    <t>南柳町</t>
  </si>
  <si>
    <t>0368026</t>
  </si>
  <si>
    <t>南横町</t>
  </si>
  <si>
    <t>0368231</t>
  </si>
  <si>
    <t>稔町</t>
  </si>
  <si>
    <t>0368051</t>
  </si>
  <si>
    <t>宮川</t>
  </si>
  <si>
    <t>0361341</t>
  </si>
  <si>
    <t>0368063</t>
  </si>
  <si>
    <t>0368384</t>
  </si>
  <si>
    <t>宮舘</t>
  </si>
  <si>
    <t>0368185</t>
  </si>
  <si>
    <t>0383611</t>
  </si>
  <si>
    <t>三和</t>
  </si>
  <si>
    <t>0368066</t>
  </si>
  <si>
    <t>向外瀬</t>
  </si>
  <si>
    <t>0368202</t>
  </si>
  <si>
    <t>元大工町</t>
  </si>
  <si>
    <t>0368355</t>
  </si>
  <si>
    <t>元寺町</t>
  </si>
  <si>
    <t>0368352</t>
  </si>
  <si>
    <t>元寺町小路</t>
  </si>
  <si>
    <t>0368198</t>
  </si>
  <si>
    <t>元長町</t>
  </si>
  <si>
    <t>0368372</t>
  </si>
  <si>
    <t>元薬師堂</t>
  </si>
  <si>
    <t>0383821</t>
  </si>
  <si>
    <t>百田</t>
  </si>
  <si>
    <t>0368205</t>
  </si>
  <si>
    <t>森町</t>
  </si>
  <si>
    <t>0368121</t>
  </si>
  <si>
    <t>薬師堂</t>
  </si>
  <si>
    <t>0368318</t>
  </si>
  <si>
    <t>八代町</t>
  </si>
  <si>
    <t>0368162</t>
  </si>
  <si>
    <t>安原</t>
  </si>
  <si>
    <t>0368321</t>
  </si>
  <si>
    <t>萢中</t>
  </si>
  <si>
    <t>0368233</t>
  </si>
  <si>
    <t>0368011</t>
  </si>
  <si>
    <t>山下町</t>
  </si>
  <si>
    <t>0368181</t>
  </si>
  <si>
    <t>山道町</t>
  </si>
  <si>
    <t>0361361</t>
  </si>
  <si>
    <t>0361314</t>
  </si>
  <si>
    <t>0361501</t>
  </si>
  <si>
    <t>湯口</t>
  </si>
  <si>
    <t>0361311</t>
  </si>
  <si>
    <t>横町</t>
  </si>
  <si>
    <t>0361435</t>
  </si>
  <si>
    <t>吉川</t>
  </si>
  <si>
    <t>0361313</t>
  </si>
  <si>
    <t>賀田</t>
  </si>
  <si>
    <t>0368188</t>
  </si>
  <si>
    <t>吉野町</t>
  </si>
  <si>
    <t>0361443</t>
  </si>
  <si>
    <t>米ケ袋</t>
  </si>
  <si>
    <t>0368053</t>
  </si>
  <si>
    <t>0368333</t>
  </si>
  <si>
    <t>若党町</t>
  </si>
  <si>
    <t>0368255</t>
  </si>
  <si>
    <t>0368087</t>
  </si>
  <si>
    <t>早稲田</t>
  </si>
  <si>
    <t>0368368</t>
  </si>
  <si>
    <t>0368021</t>
  </si>
  <si>
    <t>和徳町</t>
  </si>
  <si>
    <t>0310000</t>
  </si>
  <si>
    <t>八戸市</t>
  </si>
  <si>
    <t>0310804</t>
  </si>
  <si>
    <t>0310824</t>
  </si>
  <si>
    <t>0310055</t>
  </si>
  <si>
    <t>荒町</t>
  </si>
  <si>
    <t>0310013</t>
  </si>
  <si>
    <t>石手洗</t>
  </si>
  <si>
    <t>0391165</t>
  </si>
  <si>
    <t>石堂</t>
  </si>
  <si>
    <t>0392241</t>
  </si>
  <si>
    <t>市川町</t>
  </si>
  <si>
    <t>0391102</t>
  </si>
  <si>
    <t>0310054</t>
  </si>
  <si>
    <t>0310088</t>
  </si>
  <si>
    <t>岩泉町</t>
  </si>
  <si>
    <t>0310075</t>
  </si>
  <si>
    <t>内丸</t>
  </si>
  <si>
    <t>0310073</t>
  </si>
  <si>
    <t>売市</t>
  </si>
  <si>
    <t>0391108</t>
  </si>
  <si>
    <t>0310833</t>
  </si>
  <si>
    <t>0391121</t>
  </si>
  <si>
    <t>卸センター</t>
  </si>
  <si>
    <t>0310081</t>
  </si>
  <si>
    <t>柏崎</t>
  </si>
  <si>
    <t>0310053</t>
  </si>
  <si>
    <t>徒士町</t>
  </si>
  <si>
    <t>0310037</t>
  </si>
  <si>
    <t>0310843</t>
  </si>
  <si>
    <t>0310057</t>
  </si>
  <si>
    <t>上徒士町</t>
  </si>
  <si>
    <t>0310058</t>
  </si>
  <si>
    <t>上組町</t>
  </si>
  <si>
    <t>0391161</t>
  </si>
  <si>
    <t>河原木</t>
  </si>
  <si>
    <t>0392246</t>
  </si>
  <si>
    <t>桔梗野工業団地</t>
  </si>
  <si>
    <t>0392245</t>
  </si>
  <si>
    <t>北インター工業団地</t>
  </si>
  <si>
    <t>0391114</t>
  </si>
  <si>
    <t>北白山台</t>
  </si>
  <si>
    <t>0310007</t>
  </si>
  <si>
    <t>櫛引（土橋）</t>
  </si>
  <si>
    <t>0391107</t>
  </si>
  <si>
    <t>櫛引（その他）</t>
  </si>
  <si>
    <t>0310083</t>
  </si>
  <si>
    <t>窪町</t>
  </si>
  <si>
    <t>0310801</t>
  </si>
  <si>
    <t>江陽</t>
  </si>
  <si>
    <t>0310802</t>
  </si>
  <si>
    <t>小中野</t>
  </si>
  <si>
    <t>0310023</t>
  </si>
  <si>
    <t>是川</t>
  </si>
  <si>
    <t>0391106</t>
  </si>
  <si>
    <t>坂牛</t>
  </si>
  <si>
    <t>0310834</t>
  </si>
  <si>
    <t>0310841</t>
  </si>
  <si>
    <t>鮫町</t>
  </si>
  <si>
    <t>0391167</t>
  </si>
  <si>
    <t>沢里</t>
  </si>
  <si>
    <t>0391164</t>
  </si>
  <si>
    <t>下長</t>
  </si>
  <si>
    <t>0310085</t>
  </si>
  <si>
    <t>十一日町</t>
  </si>
  <si>
    <t>0310042</t>
  </si>
  <si>
    <t>十三日町</t>
  </si>
  <si>
    <t>0310043</t>
  </si>
  <si>
    <t>十六日町</t>
  </si>
  <si>
    <t>0310084</t>
  </si>
  <si>
    <t>十八日町</t>
  </si>
  <si>
    <t>0310082</t>
  </si>
  <si>
    <t>常海町</t>
  </si>
  <si>
    <t>0310047</t>
  </si>
  <si>
    <t>常番町</t>
  </si>
  <si>
    <t>0391101</t>
  </si>
  <si>
    <t>尻内町</t>
  </si>
  <si>
    <t>0310821</t>
  </si>
  <si>
    <t>0310832</t>
  </si>
  <si>
    <t>白銀台</t>
  </si>
  <si>
    <t>0310822</t>
  </si>
  <si>
    <t>白銀町</t>
  </si>
  <si>
    <t>0310072</t>
  </si>
  <si>
    <t>城下</t>
  </si>
  <si>
    <t>0310056</t>
  </si>
  <si>
    <t>新荒町</t>
  </si>
  <si>
    <t>0310811</t>
  </si>
  <si>
    <t>新湊</t>
  </si>
  <si>
    <t>0310803</t>
  </si>
  <si>
    <t>0310036</t>
  </si>
  <si>
    <t>大工町</t>
  </si>
  <si>
    <t>0310034</t>
  </si>
  <si>
    <t>鷹匠小路</t>
  </si>
  <si>
    <t>0391163</t>
  </si>
  <si>
    <t>高州</t>
  </si>
  <si>
    <t>0392242</t>
  </si>
  <si>
    <t>多賀台</t>
  </si>
  <si>
    <t>0310011</t>
  </si>
  <si>
    <t>田向</t>
  </si>
  <si>
    <t>0391104</t>
  </si>
  <si>
    <t>田面木</t>
  </si>
  <si>
    <t>0310831</t>
  </si>
  <si>
    <t>築港街</t>
  </si>
  <si>
    <t>0310021</t>
  </si>
  <si>
    <t>長者</t>
  </si>
  <si>
    <t>0310087</t>
  </si>
  <si>
    <t>朔日町</t>
  </si>
  <si>
    <t>0310051</t>
  </si>
  <si>
    <t>0310035</t>
  </si>
  <si>
    <t>寺横町</t>
  </si>
  <si>
    <t>0310012</t>
  </si>
  <si>
    <t>十日市</t>
  </si>
  <si>
    <t>0310039</t>
  </si>
  <si>
    <t>鳥屋部町</t>
  </si>
  <si>
    <t>0391109</t>
  </si>
  <si>
    <t>豊崎町</t>
  </si>
  <si>
    <t>0391162</t>
  </si>
  <si>
    <t>豊洲</t>
  </si>
  <si>
    <t>0310002</t>
  </si>
  <si>
    <t>中居林</t>
  </si>
  <si>
    <t>0391103</t>
  </si>
  <si>
    <t>長苗代</t>
  </si>
  <si>
    <t>0310077</t>
  </si>
  <si>
    <t>長根</t>
  </si>
  <si>
    <t>0310089</t>
  </si>
  <si>
    <t>長横町</t>
  </si>
  <si>
    <t>0310115</t>
  </si>
  <si>
    <t>南郷区泥障作</t>
  </si>
  <si>
    <t>0310113</t>
  </si>
  <si>
    <t>南郷区泉清水</t>
  </si>
  <si>
    <t>0310111</t>
  </si>
  <si>
    <t>南郷区市野沢</t>
  </si>
  <si>
    <t>0310112</t>
  </si>
  <si>
    <t>南郷区大森</t>
  </si>
  <si>
    <t>0310201</t>
  </si>
  <si>
    <t>南郷区頃巻沢</t>
  </si>
  <si>
    <t>0310202</t>
  </si>
  <si>
    <t>南郷区島守</t>
  </si>
  <si>
    <t>0310114</t>
  </si>
  <si>
    <t>南郷区中野</t>
  </si>
  <si>
    <t>0310813</t>
  </si>
  <si>
    <t>新井田</t>
  </si>
  <si>
    <t>0310816</t>
  </si>
  <si>
    <t>新井田西</t>
  </si>
  <si>
    <t>0391113</t>
  </si>
  <si>
    <t>西白山台</t>
  </si>
  <si>
    <t>0310041</t>
  </si>
  <si>
    <t>廿三日町</t>
  </si>
  <si>
    <t>0310044</t>
  </si>
  <si>
    <t>廿六日町</t>
  </si>
  <si>
    <t>0310022</t>
  </si>
  <si>
    <t>糠塚</t>
  </si>
  <si>
    <t>0310071</t>
  </si>
  <si>
    <t>沼館</t>
  </si>
  <si>
    <t>0391166</t>
  </si>
  <si>
    <t>根城</t>
  </si>
  <si>
    <t>0391168</t>
  </si>
  <si>
    <t>八太郎</t>
  </si>
  <si>
    <t>0310074</t>
  </si>
  <si>
    <t>0310031</t>
  </si>
  <si>
    <t>番町</t>
  </si>
  <si>
    <t>0391111</t>
  </si>
  <si>
    <t>東白山台</t>
  </si>
  <si>
    <t>0310003</t>
  </si>
  <si>
    <t>0310076</t>
  </si>
  <si>
    <t>堀端町</t>
  </si>
  <si>
    <t>0310046</t>
  </si>
  <si>
    <t>町組町</t>
  </si>
  <si>
    <t>0392243</t>
  </si>
  <si>
    <t>0310815</t>
  </si>
  <si>
    <t>松館</t>
  </si>
  <si>
    <t>0310842</t>
  </si>
  <si>
    <t>岬台</t>
  </si>
  <si>
    <t>0310032</t>
  </si>
  <si>
    <t>三日町</t>
  </si>
  <si>
    <t>0310823</t>
  </si>
  <si>
    <t>湊高台</t>
  </si>
  <si>
    <t>0310812</t>
  </si>
  <si>
    <t>湊町</t>
  </si>
  <si>
    <t>0391112</t>
  </si>
  <si>
    <t>南白山台</t>
  </si>
  <si>
    <t>0310004</t>
  </si>
  <si>
    <t>南類家</t>
  </si>
  <si>
    <t>0310844</t>
  </si>
  <si>
    <t>美保野</t>
  </si>
  <si>
    <t>0310814</t>
  </si>
  <si>
    <t>妙</t>
  </si>
  <si>
    <t>0310033</t>
  </si>
  <si>
    <t>六日町</t>
  </si>
  <si>
    <t>0310052</t>
  </si>
  <si>
    <t>本徒士町</t>
  </si>
  <si>
    <t>0310045</t>
  </si>
  <si>
    <t>本鍛冶町</t>
  </si>
  <si>
    <t>0310038</t>
  </si>
  <si>
    <t>山伏小路</t>
  </si>
  <si>
    <t>0391105</t>
  </si>
  <si>
    <t>0310086</t>
  </si>
  <si>
    <t>0310001</t>
  </si>
  <si>
    <t>類家</t>
  </si>
  <si>
    <t>0360300</t>
  </si>
  <si>
    <t>黒石市</t>
  </si>
  <si>
    <t>0360516</t>
  </si>
  <si>
    <t>相野</t>
  </si>
  <si>
    <t>0360325</t>
  </si>
  <si>
    <t>0360537</t>
  </si>
  <si>
    <t>赤坂</t>
  </si>
  <si>
    <t>0360321</t>
  </si>
  <si>
    <t>あけぼの町</t>
  </si>
  <si>
    <t>0360376</t>
  </si>
  <si>
    <t>0360373</t>
  </si>
  <si>
    <t>0360343</t>
  </si>
  <si>
    <t>浅瀬石</t>
  </si>
  <si>
    <t>0360302</t>
  </si>
  <si>
    <t>油横丁</t>
  </si>
  <si>
    <t>0360342</t>
  </si>
  <si>
    <t>石名坂</t>
  </si>
  <si>
    <t>0360374</t>
  </si>
  <si>
    <t>0360404</t>
  </si>
  <si>
    <t>板留</t>
  </si>
  <si>
    <t>0360307</t>
  </si>
  <si>
    <t>市ノ町</t>
  </si>
  <si>
    <t>0360301</t>
  </si>
  <si>
    <t>0360318</t>
  </si>
  <si>
    <t>岩木町</t>
  </si>
  <si>
    <t>0360354</t>
  </si>
  <si>
    <t>後大工町</t>
  </si>
  <si>
    <t>0360306</t>
  </si>
  <si>
    <t>内町</t>
  </si>
  <si>
    <t>0360366</t>
  </si>
  <si>
    <t>0360385</t>
  </si>
  <si>
    <t>大板町</t>
  </si>
  <si>
    <t>0360401</t>
  </si>
  <si>
    <t>大川原</t>
  </si>
  <si>
    <t>0360384</t>
  </si>
  <si>
    <t>0360402</t>
  </si>
  <si>
    <t>沖浦</t>
  </si>
  <si>
    <t>0360357</t>
  </si>
  <si>
    <t>追子野木</t>
  </si>
  <si>
    <t>0360353</t>
  </si>
  <si>
    <t>乙大工町</t>
  </si>
  <si>
    <t>0360305</t>
  </si>
  <si>
    <t>乙徳兵衛町</t>
  </si>
  <si>
    <t>0360337</t>
  </si>
  <si>
    <t>角田</t>
  </si>
  <si>
    <t>0360363</t>
  </si>
  <si>
    <t>鍛治町</t>
  </si>
  <si>
    <t>0360338</t>
  </si>
  <si>
    <t>0360323</t>
  </si>
  <si>
    <t>上十川</t>
  </si>
  <si>
    <t>0360538</t>
  </si>
  <si>
    <t>上目内澤</t>
  </si>
  <si>
    <t>0360415</t>
  </si>
  <si>
    <t>上山形</t>
  </si>
  <si>
    <t>0360386</t>
  </si>
  <si>
    <t>0360523</t>
  </si>
  <si>
    <t>北田中</t>
  </si>
  <si>
    <t>0360541</t>
  </si>
  <si>
    <t>北美町</t>
  </si>
  <si>
    <t>0360362</t>
  </si>
  <si>
    <t>0360316</t>
  </si>
  <si>
    <t>ぐみの木</t>
  </si>
  <si>
    <t>0360381</t>
  </si>
  <si>
    <t>株梗木</t>
  </si>
  <si>
    <t>0360303</t>
  </si>
  <si>
    <t>株梗木横丁</t>
  </si>
  <si>
    <t>0360351</t>
  </si>
  <si>
    <t>黒石</t>
  </si>
  <si>
    <t>0360352</t>
  </si>
  <si>
    <t>甲大工町</t>
  </si>
  <si>
    <t>0360304</t>
  </si>
  <si>
    <t>甲徳兵衛町</t>
  </si>
  <si>
    <t>0360344</t>
  </si>
  <si>
    <t>高賀野</t>
  </si>
  <si>
    <t>0360315</t>
  </si>
  <si>
    <t>0360511</t>
  </si>
  <si>
    <t>小屋敷</t>
  </si>
  <si>
    <t>0360513</t>
  </si>
  <si>
    <t>小屋敷西</t>
  </si>
  <si>
    <t>0360512</t>
  </si>
  <si>
    <t>小屋敷南</t>
  </si>
  <si>
    <t>0360335</t>
  </si>
  <si>
    <t>0360389</t>
  </si>
  <si>
    <t>境松</t>
  </si>
  <si>
    <t>0360333</t>
  </si>
  <si>
    <t>柵ノ木</t>
  </si>
  <si>
    <t>0360382</t>
  </si>
  <si>
    <t>作場町</t>
  </si>
  <si>
    <t>0360336</t>
  </si>
  <si>
    <t>0360539</t>
  </si>
  <si>
    <t>下目内澤</t>
  </si>
  <si>
    <t>0360414</t>
  </si>
  <si>
    <t>下山形</t>
  </si>
  <si>
    <t>0360312</t>
  </si>
  <si>
    <t>0360521</t>
  </si>
  <si>
    <t>0360317</t>
  </si>
  <si>
    <t>0360535</t>
  </si>
  <si>
    <t>高舘</t>
  </si>
  <si>
    <t>0360322</t>
  </si>
  <si>
    <t>竹田町</t>
  </si>
  <si>
    <t>0360534</t>
  </si>
  <si>
    <t>竹鼻</t>
  </si>
  <si>
    <t>0360522</t>
  </si>
  <si>
    <t>0360356</t>
  </si>
  <si>
    <t>ちとせ</t>
  </si>
  <si>
    <t>0360308</t>
  </si>
  <si>
    <t>寺小路</t>
  </si>
  <si>
    <t>0360531</t>
  </si>
  <si>
    <t>飛内</t>
  </si>
  <si>
    <t>0360532</t>
  </si>
  <si>
    <t>飛内北</t>
  </si>
  <si>
    <t>0360514</t>
  </si>
  <si>
    <t>0360341</t>
  </si>
  <si>
    <t>0360345</t>
  </si>
  <si>
    <t>0360377</t>
  </si>
  <si>
    <t>0360365</t>
  </si>
  <si>
    <t>0360388</t>
  </si>
  <si>
    <t>西ケ丘</t>
  </si>
  <si>
    <t>0360372</t>
  </si>
  <si>
    <t>0360507</t>
  </si>
  <si>
    <t>西馬場尻</t>
  </si>
  <si>
    <t>0360403</t>
  </si>
  <si>
    <t>二庄内</t>
  </si>
  <si>
    <t>0360533</t>
  </si>
  <si>
    <t>二双子</t>
  </si>
  <si>
    <t>0360411</t>
  </si>
  <si>
    <t>温湯</t>
  </si>
  <si>
    <t>0360542</t>
  </si>
  <si>
    <t>野際</t>
  </si>
  <si>
    <t>0360326</t>
  </si>
  <si>
    <t>野添町</t>
  </si>
  <si>
    <t>0360331</t>
  </si>
  <si>
    <t>八甲</t>
  </si>
  <si>
    <t>0360371</t>
  </si>
  <si>
    <t>花園町</t>
  </si>
  <si>
    <t>0360413</t>
  </si>
  <si>
    <t>花巻</t>
  </si>
  <si>
    <t>0360503</t>
  </si>
  <si>
    <t>馬場尻下</t>
  </si>
  <si>
    <t>0360504</t>
  </si>
  <si>
    <t>馬場尻東</t>
  </si>
  <si>
    <t>0360506</t>
  </si>
  <si>
    <t>馬場尻西</t>
  </si>
  <si>
    <t>0360505</t>
  </si>
  <si>
    <t>馬場尻南</t>
  </si>
  <si>
    <t>0360502</t>
  </si>
  <si>
    <t>馬場尻北</t>
  </si>
  <si>
    <t>0360378</t>
  </si>
  <si>
    <t>浜町</t>
  </si>
  <si>
    <t>0360334</t>
  </si>
  <si>
    <t>東新町</t>
  </si>
  <si>
    <t>0360324</t>
  </si>
  <si>
    <t>東野添</t>
  </si>
  <si>
    <t>0360501</t>
  </si>
  <si>
    <t>東馬場尻</t>
  </si>
  <si>
    <t>0360412</t>
  </si>
  <si>
    <t>0360355</t>
  </si>
  <si>
    <t>袋井</t>
  </si>
  <si>
    <t>0360515</t>
  </si>
  <si>
    <t>0360332</t>
  </si>
  <si>
    <t>牡丹平</t>
  </si>
  <si>
    <t>0360367</t>
  </si>
  <si>
    <t>前町</t>
  </si>
  <si>
    <t>0360313</t>
  </si>
  <si>
    <t>0360517</t>
  </si>
  <si>
    <t>0360536</t>
  </si>
  <si>
    <t>三島</t>
  </si>
  <si>
    <t>0360314</t>
  </si>
  <si>
    <t>道北町</t>
  </si>
  <si>
    <t>0360524</t>
  </si>
  <si>
    <t>0360383</t>
  </si>
  <si>
    <t>0360405</t>
  </si>
  <si>
    <t>南中野</t>
  </si>
  <si>
    <t>0360339</t>
  </si>
  <si>
    <t>美原町</t>
  </si>
  <si>
    <t>0360387</t>
  </si>
  <si>
    <t>0360364</t>
  </si>
  <si>
    <t>山形町</t>
  </si>
  <si>
    <t>0360361</t>
  </si>
  <si>
    <t>0360368</t>
  </si>
  <si>
    <t>0360311</t>
  </si>
  <si>
    <t>吉乃町</t>
  </si>
  <si>
    <t>0360375</t>
  </si>
  <si>
    <t>0370000</t>
  </si>
  <si>
    <t>五所川原市</t>
  </si>
  <si>
    <t>0370401</t>
  </si>
  <si>
    <t>相内</t>
  </si>
  <si>
    <t>0370613</t>
  </si>
  <si>
    <t>浅井</t>
  </si>
  <si>
    <t>0370062</t>
  </si>
  <si>
    <t>0370052</t>
  </si>
  <si>
    <t>0370002</t>
  </si>
  <si>
    <t>飯詰</t>
  </si>
  <si>
    <t>0370057</t>
  </si>
  <si>
    <t>幾島町</t>
  </si>
  <si>
    <t>0370065</t>
  </si>
  <si>
    <t>幾世森</t>
  </si>
  <si>
    <t>0370005</t>
  </si>
  <si>
    <t>石岡</t>
  </si>
  <si>
    <t>0370404</t>
  </si>
  <si>
    <t>磯松</t>
  </si>
  <si>
    <t>0370093</t>
  </si>
  <si>
    <t>一野坪</t>
  </si>
  <si>
    <t>0370014</t>
  </si>
  <si>
    <t>稲実</t>
  </si>
  <si>
    <t>0370074</t>
  </si>
  <si>
    <t>0370042</t>
  </si>
  <si>
    <t>不魚住</t>
  </si>
  <si>
    <t>0370015</t>
  </si>
  <si>
    <t>姥萢</t>
  </si>
  <si>
    <t>0370022</t>
  </si>
  <si>
    <t>0370017</t>
  </si>
  <si>
    <t>漆川</t>
  </si>
  <si>
    <t>0370402</t>
  </si>
  <si>
    <t>0370063</t>
  </si>
  <si>
    <t>0370092</t>
  </si>
  <si>
    <t>沖飯詰</t>
  </si>
  <si>
    <t>0370055</t>
  </si>
  <si>
    <t>柏原町</t>
  </si>
  <si>
    <t>0370202</t>
  </si>
  <si>
    <t>金木町</t>
  </si>
  <si>
    <t>0370204</t>
  </si>
  <si>
    <t>金木町嘉瀬</t>
  </si>
  <si>
    <t>0370201</t>
  </si>
  <si>
    <t>金木町川倉</t>
  </si>
  <si>
    <t>0370206</t>
  </si>
  <si>
    <t>金木町神原</t>
  </si>
  <si>
    <t>0370203</t>
  </si>
  <si>
    <t>金木町喜良市</t>
  </si>
  <si>
    <t>0370205</t>
  </si>
  <si>
    <t>金木町中柏木</t>
  </si>
  <si>
    <t>0370208</t>
  </si>
  <si>
    <t>金木町藤枝</t>
  </si>
  <si>
    <t>0370207</t>
  </si>
  <si>
    <t>金木町蒔田</t>
  </si>
  <si>
    <t>0370011</t>
  </si>
  <si>
    <t>0370033</t>
  </si>
  <si>
    <t>鎌谷町</t>
  </si>
  <si>
    <t>0370054</t>
  </si>
  <si>
    <t>上平井町</t>
  </si>
  <si>
    <t>0370611</t>
  </si>
  <si>
    <t>神山</t>
  </si>
  <si>
    <t>0370004</t>
  </si>
  <si>
    <t>唐笠柳</t>
  </si>
  <si>
    <t>0370032</t>
  </si>
  <si>
    <t>烏森</t>
  </si>
  <si>
    <t>0370072</t>
  </si>
  <si>
    <t>川端町</t>
  </si>
  <si>
    <t>0370094</t>
  </si>
  <si>
    <t>川山</t>
  </si>
  <si>
    <t>0370632</t>
  </si>
  <si>
    <t>0370076</t>
  </si>
  <si>
    <t>小曲</t>
  </si>
  <si>
    <t>0370046</t>
  </si>
  <si>
    <t>0370031</t>
  </si>
  <si>
    <t>下り枝</t>
  </si>
  <si>
    <t>0370095</t>
  </si>
  <si>
    <t>0370067</t>
  </si>
  <si>
    <t>敷島町</t>
  </si>
  <si>
    <t>飯田橋</t>
  </si>
  <si>
    <t>岩本町</t>
  </si>
  <si>
    <t>内神田</t>
  </si>
  <si>
    <t>内幸町</t>
  </si>
  <si>
    <t>大手町（次のビルを除く）</t>
  </si>
  <si>
    <t>大手町ＪＡビル（地階・階層不明）</t>
  </si>
  <si>
    <t>大手町ＪＡビル（１階）</t>
  </si>
  <si>
    <t>大手町ＪＡビル（２階）</t>
  </si>
  <si>
    <t>大手町ＪＡビル（３階）</t>
  </si>
  <si>
    <t>大手町ＪＡビル（４階）</t>
  </si>
  <si>
    <t>大手町ＪＡビル（５階）</t>
  </si>
  <si>
    <t>大手町ＪＡビル（６階）</t>
  </si>
  <si>
    <t>大手町ＪＡビル（７階）</t>
  </si>
  <si>
    <t>大手町ＪＡビル（８階）</t>
  </si>
  <si>
    <t>大手町ＪＡビル（９階）</t>
  </si>
  <si>
    <t>大手町ＪＡビル（１０階）</t>
  </si>
  <si>
    <t>大手町ＪＡビル（１１階）</t>
  </si>
  <si>
    <t>大手町ＪＡビル（１２階）</t>
  </si>
  <si>
    <t>大手町ＪＡビル（１３階）</t>
  </si>
  <si>
    <t>大手町ＪＡビル（１４階）</t>
  </si>
  <si>
    <t>大手町ＪＡビル（１５階）</t>
  </si>
  <si>
    <t>大手町ＪＡビル（１６階）</t>
  </si>
  <si>
    <t>大手町ＪＡビル（１７階）</t>
  </si>
  <si>
    <t>大手町ＪＡビル（１８階）</t>
  </si>
  <si>
    <t>大手町ＪＡビル（１９階）</t>
  </si>
  <si>
    <t>大手町ＪＡビル（２０階）</t>
  </si>
  <si>
    <t>大手町ＪＡビル（２１階）</t>
  </si>
  <si>
    <t>大手町ＪＡビル（２２階）</t>
  </si>
  <si>
    <t>大手町ＪＡビル（２３階）</t>
  </si>
  <si>
    <t>大手町ＪＡビル（２４階）</t>
  </si>
  <si>
    <t>大手町ＪＡビル（２５階）</t>
  </si>
  <si>
    <t>大手町ＪＡビル（２６階）</t>
  </si>
  <si>
    <t>大手町ＪＡビル（２７階）</t>
  </si>
  <si>
    <t>大手町ＪＡビル（２８階）</t>
  </si>
  <si>
    <t>大手町ＪＡビル（２９階）</t>
  </si>
  <si>
    <t>大手町ＪＡビル（３０階）</t>
  </si>
  <si>
    <t>大手町ＪＡビル（３１階）</t>
  </si>
  <si>
    <t>大手町ＪＡビル（３２階）</t>
  </si>
  <si>
    <t>大手町ＪＡビル（３３階）</t>
  </si>
  <si>
    <t>大手町ＪＡビル（３４階）</t>
  </si>
  <si>
    <t>大手町ＪＡビル（３５階）</t>
  </si>
  <si>
    <t>大手町ＪＡビル（３６階）</t>
  </si>
  <si>
    <t>大手町ＪＡビル（３７階）</t>
  </si>
  <si>
    <t>霞が関（次のビルを除く）</t>
  </si>
  <si>
    <t>霞が関霞が関ビル（地階・階層不明）</t>
  </si>
  <si>
    <t>霞が関霞が関ビル（１階）</t>
  </si>
  <si>
    <t>霞が関霞が関ビル（２階）</t>
  </si>
  <si>
    <t>霞が関霞が関ビル（３階）</t>
  </si>
  <si>
    <t>霞が関霞が関ビル（４階）</t>
  </si>
  <si>
    <t>霞が関霞が関ビル（５階）</t>
  </si>
  <si>
    <t>霞が関霞が関ビル（６階）</t>
  </si>
  <si>
    <t>霞が関霞が関ビル（７階）</t>
  </si>
  <si>
    <t>霞が関霞が関ビル（８階）</t>
  </si>
  <si>
    <t>霞が関霞が関ビル（９階）</t>
  </si>
  <si>
    <t>霞が関霞が関ビル（１０階）</t>
  </si>
  <si>
    <t>霞が関霞が関ビル（１１階）</t>
  </si>
  <si>
    <t>霞が関霞が関ビル（１２階）</t>
  </si>
  <si>
    <t>霞が関霞が関ビル（１３階）</t>
  </si>
  <si>
    <t>霞が関霞が関ビル（１４階）</t>
  </si>
  <si>
    <t>霞が関霞が関ビル（１５階）</t>
  </si>
  <si>
    <t>霞が関霞が関ビル（１６階）</t>
  </si>
  <si>
    <t>霞が関霞が関ビル（１７階）</t>
  </si>
  <si>
    <t>霞が関霞が関ビル（１８階）</t>
  </si>
  <si>
    <t>霞が関霞が関ビル（１９階）</t>
  </si>
  <si>
    <t>霞が関霞が関ビル（２０階）</t>
  </si>
  <si>
    <t>霞が関霞が関ビル（２１階）</t>
  </si>
  <si>
    <t>霞が関霞が関ビル（２２階）</t>
  </si>
  <si>
    <t>霞が関霞が関ビル（２３階）</t>
  </si>
  <si>
    <t>霞が関霞が関ビル（２４階）</t>
  </si>
  <si>
    <t>霞が関霞が関ビル（２５階）</t>
  </si>
  <si>
    <t>霞が関霞が関ビル（２６階）</t>
  </si>
  <si>
    <t>大野島</t>
  </si>
  <si>
    <t>中富南</t>
  </si>
  <si>
    <t>南阿賀野</t>
  </si>
  <si>
    <t>新光</t>
  </si>
  <si>
    <t>善蔵新田</t>
  </si>
  <si>
    <t>寺竹</t>
  </si>
  <si>
    <t>中神</t>
  </si>
  <si>
    <t>西三ツ木</t>
  </si>
  <si>
    <t>二本木</t>
  </si>
  <si>
    <t>花ノ木</t>
  </si>
  <si>
    <t>東藤沢</t>
  </si>
  <si>
    <t>仏子</t>
  </si>
  <si>
    <t>三ツ木台</t>
  </si>
  <si>
    <t>南峯</t>
  </si>
  <si>
    <t>宮寺</t>
  </si>
  <si>
    <t>宮前町</t>
  </si>
  <si>
    <t>木蓮寺</t>
  </si>
  <si>
    <t>森坂</t>
  </si>
  <si>
    <t>鳩ケ谷市</t>
  </si>
  <si>
    <t>里</t>
  </si>
  <si>
    <t>八幡木</t>
  </si>
  <si>
    <t>三ツ和</t>
  </si>
  <si>
    <t>朝霞市</t>
  </si>
  <si>
    <t>朝志ケ丘</t>
  </si>
  <si>
    <t>上内間木</t>
  </si>
  <si>
    <t>下内間木</t>
  </si>
  <si>
    <t>泉水</t>
  </si>
  <si>
    <t>西弁財</t>
  </si>
  <si>
    <t>根岸台</t>
  </si>
  <si>
    <t>浜崎</t>
  </si>
  <si>
    <t>東弁財</t>
  </si>
  <si>
    <t>膝折</t>
  </si>
  <si>
    <t>膝折町</t>
  </si>
  <si>
    <t>溝沼</t>
  </si>
  <si>
    <t>三原</t>
  </si>
  <si>
    <t>宮戸</t>
  </si>
  <si>
    <t>志木市</t>
  </si>
  <si>
    <t>上宗岡</t>
  </si>
  <si>
    <t>下宗岡</t>
  </si>
  <si>
    <t>館</t>
  </si>
  <si>
    <t>中宗岡</t>
  </si>
  <si>
    <t>宗岡</t>
  </si>
  <si>
    <t>下新倉</t>
  </si>
  <si>
    <t>白子</t>
  </si>
  <si>
    <t>西新井町</t>
  </si>
  <si>
    <t>西狭山ケ丘</t>
  </si>
  <si>
    <t>西住吉</t>
  </si>
  <si>
    <t>西所沢</t>
  </si>
  <si>
    <t>東新井町</t>
  </si>
  <si>
    <t>東狭山ケ丘</t>
  </si>
  <si>
    <t>東住吉</t>
  </si>
  <si>
    <t>東所沢</t>
  </si>
  <si>
    <t>東所沢和田</t>
  </si>
  <si>
    <t>日比田</t>
  </si>
  <si>
    <t>星の宮</t>
  </si>
  <si>
    <t>松が丘</t>
  </si>
  <si>
    <t>松郷</t>
  </si>
  <si>
    <t>三ケ島</t>
  </si>
  <si>
    <t>南住吉</t>
  </si>
  <si>
    <t>南永井</t>
  </si>
  <si>
    <t>宮本町</t>
  </si>
  <si>
    <t>若狭</t>
  </si>
  <si>
    <t>和ケ原</t>
  </si>
  <si>
    <t>飯能市</t>
  </si>
  <si>
    <t>赤沢</t>
  </si>
  <si>
    <t>吾野</t>
  </si>
  <si>
    <t>芦苅場</t>
  </si>
  <si>
    <t>阿須</t>
  </si>
  <si>
    <t>井上</t>
  </si>
  <si>
    <t>岩沢</t>
  </si>
  <si>
    <t>岩渕</t>
  </si>
  <si>
    <t>大河原</t>
  </si>
  <si>
    <t>落合</t>
  </si>
  <si>
    <t>笠縫</t>
  </si>
  <si>
    <t>上赤工</t>
  </si>
  <si>
    <t>上直竹上分</t>
  </si>
  <si>
    <t>上直竹下分</t>
  </si>
  <si>
    <t>上長沢</t>
  </si>
  <si>
    <t>上名栗</t>
  </si>
  <si>
    <t>上畑</t>
  </si>
  <si>
    <t>唐竹</t>
  </si>
  <si>
    <t>苅生</t>
  </si>
  <si>
    <t>川崎</t>
  </si>
  <si>
    <t>川寺</t>
  </si>
  <si>
    <t>北川</t>
  </si>
  <si>
    <t>久下</t>
  </si>
  <si>
    <t>久須美</t>
  </si>
  <si>
    <t>小岩井</t>
  </si>
  <si>
    <t>虎秀</t>
  </si>
  <si>
    <t>小瀬戸</t>
  </si>
  <si>
    <t>坂石</t>
  </si>
  <si>
    <t>坂石町分</t>
  </si>
  <si>
    <t>下赤工</t>
  </si>
  <si>
    <t>下加治</t>
  </si>
  <si>
    <t>下川崎</t>
  </si>
  <si>
    <t>下直竹</t>
  </si>
  <si>
    <t>下名栗</t>
  </si>
  <si>
    <t>下畑</t>
  </si>
  <si>
    <t>征矢町</t>
  </si>
  <si>
    <t>中居</t>
  </si>
  <si>
    <t>中藤上郷</t>
  </si>
  <si>
    <t>中藤中郷</t>
  </si>
  <si>
    <t>中藤下郷</t>
  </si>
  <si>
    <t>永田台</t>
  </si>
  <si>
    <t>双柳</t>
  </si>
  <si>
    <t>原市場</t>
  </si>
  <si>
    <t>飯能</t>
  </si>
  <si>
    <t>前ケ貫</t>
  </si>
  <si>
    <t>美杉台</t>
  </si>
  <si>
    <t>南川</t>
  </si>
  <si>
    <t>宮沢</t>
  </si>
  <si>
    <t>矢颪</t>
  </si>
  <si>
    <t>山手町</t>
  </si>
  <si>
    <t>加須市</t>
  </si>
  <si>
    <t>阿良川</t>
  </si>
  <si>
    <t>今鉾</t>
  </si>
  <si>
    <t>大桑</t>
  </si>
  <si>
    <t>大越</t>
  </si>
  <si>
    <t>岡古井</t>
  </si>
  <si>
    <t>上樋遣川</t>
  </si>
  <si>
    <t>上三俣</t>
  </si>
  <si>
    <t>北小浜</t>
  </si>
  <si>
    <t>北辻</t>
  </si>
  <si>
    <t>串作</t>
  </si>
  <si>
    <t>志多見</t>
  </si>
  <si>
    <t>下高柳</t>
  </si>
  <si>
    <t>下樋遣川</t>
  </si>
  <si>
    <t>下三俣</t>
  </si>
  <si>
    <t>外野</t>
  </si>
  <si>
    <t>大門町</t>
  </si>
  <si>
    <t>多門寺</t>
  </si>
  <si>
    <t>常泉</t>
  </si>
  <si>
    <t>東栄</t>
  </si>
  <si>
    <t>戸川</t>
  </si>
  <si>
    <t>土手</t>
  </si>
  <si>
    <t>中樋遣川</t>
  </si>
  <si>
    <t>鳩山町</t>
  </si>
  <si>
    <t>花崎</t>
  </si>
  <si>
    <t>花崎北</t>
  </si>
  <si>
    <t>平永</t>
  </si>
  <si>
    <t>不動岡</t>
  </si>
  <si>
    <t>船越</t>
  </si>
  <si>
    <t>町屋新田</t>
  </si>
  <si>
    <t>水深</t>
  </si>
  <si>
    <t>南大桑</t>
  </si>
  <si>
    <t>南小浜</t>
  </si>
  <si>
    <t>南篠崎</t>
  </si>
  <si>
    <t>向川岸町</t>
  </si>
  <si>
    <t>睦町</t>
  </si>
  <si>
    <t>馬内</t>
  </si>
  <si>
    <t>油井ケ島</t>
  </si>
  <si>
    <t>礼羽</t>
  </si>
  <si>
    <t>割目</t>
  </si>
  <si>
    <t>本庄市</t>
  </si>
  <si>
    <t>五十子</t>
  </si>
  <si>
    <t>いまい台</t>
  </si>
  <si>
    <t>鵜森</t>
  </si>
  <si>
    <t>駅南</t>
  </si>
  <si>
    <t>小島南</t>
  </si>
  <si>
    <t>上仁手</t>
  </si>
  <si>
    <t>北堀</t>
  </si>
  <si>
    <t>共栄</t>
  </si>
  <si>
    <t>久々宇</t>
  </si>
  <si>
    <t>栗崎</t>
  </si>
  <si>
    <t>赤坂赤坂パークビル（２４階）</t>
  </si>
  <si>
    <t>赤坂赤坂パークビル（２５階）</t>
  </si>
  <si>
    <t>赤坂赤坂パークビル（２６階）</t>
  </si>
  <si>
    <t>赤坂赤坂パークビル（２７階）</t>
  </si>
  <si>
    <t>赤坂赤坂パークビル（２８階）</t>
  </si>
  <si>
    <t>赤坂赤坂パークビル（２９階）</t>
  </si>
  <si>
    <t>赤坂赤坂パークビル（３０階）</t>
  </si>
  <si>
    <t>赤坂赤坂Ｂｉｚタワー（地階・階層不明）</t>
  </si>
  <si>
    <t>赤坂赤坂Ｂｉｚタワー（１階）</t>
  </si>
  <si>
    <t>赤坂赤坂Ｂｉｚタワー（２階）</t>
  </si>
  <si>
    <t>赤坂赤坂Ｂｉｚタワー（３階）</t>
  </si>
  <si>
    <t>赤坂赤坂Ｂｉｚタワー（４階）</t>
  </si>
  <si>
    <t>赤坂赤坂Ｂｉｚタワー（５階）</t>
  </si>
  <si>
    <t>赤坂赤坂Ｂｉｚタワー（６階）</t>
  </si>
  <si>
    <t>赤坂赤坂Ｂｉｚタワー（７階）</t>
  </si>
  <si>
    <t>赤坂赤坂Ｂｉｚタワー（８階）</t>
  </si>
  <si>
    <t>赤坂赤坂Ｂｉｚタワー（９階）</t>
  </si>
  <si>
    <t>赤坂赤坂Ｂｉｚタワー（１０階）</t>
  </si>
  <si>
    <t>赤坂赤坂Ｂｉｚタワー（１１階）</t>
  </si>
  <si>
    <t>赤坂赤坂Ｂｉｚタワー（１２階）</t>
  </si>
  <si>
    <t>赤坂赤坂Ｂｉｚタワー（１３階）</t>
  </si>
  <si>
    <t>赤坂赤坂Ｂｉｚタワー（１４階）</t>
  </si>
  <si>
    <t>赤坂赤坂Ｂｉｚタワー（１５階）</t>
  </si>
  <si>
    <t>赤坂赤坂Ｂｉｚタワー（１６階）</t>
  </si>
  <si>
    <t>赤坂赤坂Ｂｉｚタワー（１７階）</t>
  </si>
  <si>
    <t>赤坂赤坂Ｂｉｚタワー（１８階）</t>
  </si>
  <si>
    <t>赤坂赤坂Ｂｉｚタワー（１９階）</t>
  </si>
  <si>
    <t>赤坂赤坂Ｂｉｚタワー（２０階）</t>
  </si>
  <si>
    <t>赤坂赤坂Ｂｉｚタワー（２１階）</t>
  </si>
  <si>
    <t>赤坂赤坂Ｂｉｚタワー（２２階）</t>
  </si>
  <si>
    <t>赤坂赤坂Ｂｉｚタワー（２３階）</t>
  </si>
  <si>
    <t>赤坂赤坂Ｂｉｚタワー（２４階）</t>
  </si>
  <si>
    <t>赤坂赤坂Ｂｉｚタワー（２５階）</t>
  </si>
  <si>
    <t>赤坂赤坂Ｂｉｚタワー（２６階）</t>
  </si>
  <si>
    <t>赤坂赤坂Ｂｉｚタワー（２７階）</t>
  </si>
  <si>
    <t>赤坂赤坂Ｂｉｚタワー（２８階）</t>
  </si>
  <si>
    <t>赤坂赤坂Ｂｉｚタワー（２９階）</t>
  </si>
  <si>
    <t>赤坂赤坂Ｂｉｚタワー（３０階）</t>
  </si>
  <si>
    <t>赤坂赤坂Ｂｉｚタワー（３１階）</t>
  </si>
  <si>
    <t>赤坂赤坂Ｂｉｚタワー（３２階）</t>
  </si>
  <si>
    <t>赤坂赤坂Ｂｉｚタワー（３３階）</t>
  </si>
  <si>
    <t>赤坂赤坂Ｂｉｚタワー（３４階）</t>
  </si>
  <si>
    <t>赤坂赤坂Ｂｉｚタワー（３５階）</t>
  </si>
  <si>
    <t>赤坂赤坂Ｂｉｚタワー（３６階）</t>
  </si>
  <si>
    <t>赤坂赤坂Ｂｉｚタワー（３７階）</t>
  </si>
  <si>
    <t>赤坂赤坂Ｂｉｚタワー（３８階）</t>
  </si>
  <si>
    <t>赤坂赤坂Ｂｉｚタワー（３９階）</t>
  </si>
  <si>
    <t>赤坂ミッドタウン・タワー（地階・階層不明）</t>
  </si>
  <si>
    <t>赤坂ミッドタウン・タワー（１階）</t>
  </si>
  <si>
    <t>赤坂ミッドタウン・タワー（２階）</t>
  </si>
  <si>
    <t>赤坂ミッドタウン・タワー（３階）</t>
  </si>
  <si>
    <t>赤坂ミッドタウン・タワー（４階）</t>
  </si>
  <si>
    <t>赤坂ミッドタウン・タワー（５階）</t>
  </si>
  <si>
    <t>赤坂ミッドタウン・タワー（６階）</t>
  </si>
  <si>
    <t>赤坂ミッドタウン・タワー（７階）</t>
  </si>
  <si>
    <t>赤坂ミッドタウン・タワー（８階）</t>
  </si>
  <si>
    <t>赤坂ミッドタウン・タワー（９階）</t>
  </si>
  <si>
    <t>赤坂ミッドタウン・タワー（１０階）</t>
  </si>
  <si>
    <t>赤坂ミッドタウン・タワー（１１階）</t>
  </si>
  <si>
    <t>赤坂ミッドタウン・タワー（１２階）</t>
  </si>
  <si>
    <t>赤坂ミッドタウン・タワー（１３階）</t>
  </si>
  <si>
    <t>赤坂ミッドタウン・タワー（１４階）</t>
  </si>
  <si>
    <t>赤坂ミッドタウン・タワー（１５階）</t>
  </si>
  <si>
    <t>けや木</t>
  </si>
  <si>
    <t>千間台東</t>
  </si>
  <si>
    <t>千間台西</t>
  </si>
  <si>
    <t>大成町</t>
  </si>
  <si>
    <t>西方</t>
  </si>
  <si>
    <t>野島</t>
  </si>
  <si>
    <t>登戸町</t>
  </si>
  <si>
    <t>花田</t>
  </si>
  <si>
    <t>東大沢</t>
  </si>
  <si>
    <t>東越谷</t>
  </si>
  <si>
    <t>東柳田町</t>
  </si>
  <si>
    <t>平方南町</t>
  </si>
  <si>
    <t>袋山</t>
  </si>
  <si>
    <t>船渡</t>
  </si>
  <si>
    <t>増林</t>
  </si>
  <si>
    <t>増森</t>
  </si>
  <si>
    <t>南荻島</t>
  </si>
  <si>
    <t>南越谷</t>
  </si>
  <si>
    <t>向畑</t>
  </si>
  <si>
    <t>元柳田町</t>
  </si>
  <si>
    <t>弥栄町</t>
  </si>
  <si>
    <t>弥十郎</t>
  </si>
  <si>
    <t>谷中町</t>
  </si>
  <si>
    <t>流通団地</t>
  </si>
  <si>
    <t>蕨市</t>
  </si>
  <si>
    <t>塚越</t>
  </si>
  <si>
    <t>戸田市</t>
  </si>
  <si>
    <t>上戸田</t>
  </si>
  <si>
    <t>川岸</t>
  </si>
  <si>
    <t>喜沢</t>
  </si>
  <si>
    <t>喜沢南</t>
  </si>
  <si>
    <t>笹目</t>
  </si>
  <si>
    <t>笹目南町</t>
  </si>
  <si>
    <t>笹目北町</t>
  </si>
  <si>
    <t>下笹目</t>
  </si>
  <si>
    <t>下戸田</t>
  </si>
  <si>
    <t>下前</t>
  </si>
  <si>
    <t>戸田公園</t>
  </si>
  <si>
    <t>新曽</t>
  </si>
  <si>
    <t>新曽南</t>
  </si>
  <si>
    <t>早瀬</t>
  </si>
  <si>
    <t>美女木</t>
  </si>
  <si>
    <t>美女木東</t>
  </si>
  <si>
    <t>新久</t>
  </si>
  <si>
    <t>上小谷田</t>
  </si>
  <si>
    <t>牛沢町</t>
  </si>
  <si>
    <t>扇台</t>
  </si>
  <si>
    <t>扇町屋</t>
  </si>
  <si>
    <t>鍵山</t>
  </si>
  <si>
    <t>金子中央</t>
  </si>
  <si>
    <t>上藤沢</t>
  </si>
  <si>
    <t>上谷ケ貫</t>
  </si>
  <si>
    <t>久保稲荷</t>
  </si>
  <si>
    <t>黒須</t>
  </si>
  <si>
    <t>向陽台</t>
  </si>
  <si>
    <t>駒形富士山</t>
  </si>
  <si>
    <t>狭山ケ原</t>
  </si>
  <si>
    <t>狭山台</t>
  </si>
  <si>
    <t>下藤沢</t>
  </si>
  <si>
    <t>見福</t>
  </si>
  <si>
    <t>児玉町秋山</t>
  </si>
  <si>
    <t>児玉町飯倉</t>
  </si>
  <si>
    <t>児玉町稲沢</t>
  </si>
  <si>
    <t>児玉町入浅見</t>
  </si>
  <si>
    <t>児玉町太駄</t>
  </si>
  <si>
    <t>児玉町金屋</t>
  </si>
  <si>
    <t>児玉町上真下</t>
  </si>
  <si>
    <t>児玉町吉田林</t>
  </si>
  <si>
    <t>児玉町共栄</t>
  </si>
  <si>
    <t>児玉町元田</t>
  </si>
  <si>
    <t>児玉町河内</t>
  </si>
  <si>
    <t>児玉町小平</t>
  </si>
  <si>
    <t>児玉町児玉</t>
  </si>
  <si>
    <t>児玉町塩谷</t>
  </si>
  <si>
    <t>児玉町下浅見</t>
  </si>
  <si>
    <t>児玉町下真下</t>
  </si>
  <si>
    <t>児玉町高関</t>
  </si>
  <si>
    <t>児玉町高柳</t>
  </si>
  <si>
    <t>児玉町田端</t>
  </si>
  <si>
    <t>児玉町長沖</t>
  </si>
  <si>
    <t>児玉町八幡山</t>
  </si>
  <si>
    <t>児玉町蛭川</t>
  </si>
  <si>
    <t>児玉町保木野</t>
  </si>
  <si>
    <t>児玉町宮内</t>
  </si>
  <si>
    <t>小和瀬</t>
  </si>
  <si>
    <t>山王堂</t>
  </si>
  <si>
    <t>四季の里</t>
  </si>
  <si>
    <t>四方田</t>
  </si>
  <si>
    <t>下仁手</t>
  </si>
  <si>
    <t>下野堂</t>
  </si>
  <si>
    <t>杉山</t>
  </si>
  <si>
    <t>滝瀬</t>
  </si>
  <si>
    <t>照若町</t>
  </si>
  <si>
    <t>西五十子</t>
  </si>
  <si>
    <t>西富田</t>
  </si>
  <si>
    <t>仁手</t>
  </si>
  <si>
    <t>沼和田</t>
  </si>
  <si>
    <t>東五十子</t>
  </si>
  <si>
    <t>東台</t>
  </si>
  <si>
    <t>東富田</t>
  </si>
  <si>
    <t>傍示堂</t>
  </si>
  <si>
    <t>堀田</t>
  </si>
  <si>
    <t>本庄</t>
  </si>
  <si>
    <t>万年寺</t>
  </si>
  <si>
    <t>都島</t>
  </si>
  <si>
    <t>牧西</t>
  </si>
  <si>
    <t>若泉</t>
  </si>
  <si>
    <t>東松山市</t>
  </si>
  <si>
    <t>石橋</t>
  </si>
  <si>
    <t>市ノ川</t>
  </si>
  <si>
    <t>岩殿</t>
  </si>
  <si>
    <t>大黒部</t>
  </si>
  <si>
    <t>御茶山町</t>
  </si>
  <si>
    <t>上押垂</t>
  </si>
  <si>
    <t>上唐子</t>
  </si>
  <si>
    <t>加美町</t>
  </si>
  <si>
    <t>上野本</t>
  </si>
  <si>
    <t>葛袋</t>
  </si>
  <si>
    <t>毛塚</t>
  </si>
  <si>
    <t>神戸</t>
  </si>
  <si>
    <t>五領町</t>
  </si>
  <si>
    <t>小松原町</t>
  </si>
  <si>
    <t>材木町</t>
  </si>
  <si>
    <t>桜山台</t>
  </si>
  <si>
    <t>沢口町</t>
  </si>
  <si>
    <t>下青鳥</t>
  </si>
  <si>
    <t>下押垂</t>
  </si>
  <si>
    <t>下唐子</t>
  </si>
  <si>
    <t>下野本</t>
  </si>
  <si>
    <t>正代</t>
  </si>
  <si>
    <t>新宿町</t>
  </si>
  <si>
    <t>砂田町</t>
  </si>
  <si>
    <t>田木</t>
  </si>
  <si>
    <t>殿山町</t>
  </si>
  <si>
    <t>西本宿</t>
  </si>
  <si>
    <t>白山台</t>
  </si>
  <si>
    <t>旗立台</t>
  </si>
  <si>
    <t>早俣</t>
  </si>
  <si>
    <t>東平</t>
  </si>
  <si>
    <t>古凍</t>
  </si>
  <si>
    <t>松本町</t>
  </si>
  <si>
    <t>松山</t>
  </si>
  <si>
    <t>松山町</t>
  </si>
  <si>
    <t>美土里町</t>
  </si>
  <si>
    <t>宮鼻</t>
  </si>
  <si>
    <t>元宿</t>
  </si>
  <si>
    <t>箭弓町</t>
  </si>
  <si>
    <t>六反町</t>
  </si>
  <si>
    <t>六軒町</t>
  </si>
  <si>
    <t>春日部市</t>
  </si>
  <si>
    <t>赤崎</t>
  </si>
  <si>
    <t>一ノ割</t>
  </si>
  <si>
    <t>牛島</t>
  </si>
  <si>
    <t>内牧</t>
  </si>
  <si>
    <t>梅田本町</t>
  </si>
  <si>
    <t>榎</t>
  </si>
  <si>
    <t>大枝</t>
  </si>
  <si>
    <t>大畑</t>
  </si>
  <si>
    <t>大場</t>
  </si>
  <si>
    <t>大衾</t>
  </si>
  <si>
    <t>粕壁</t>
  </si>
  <si>
    <t>粕壁東</t>
  </si>
  <si>
    <t>上大増新田</t>
  </si>
  <si>
    <t>上金崎</t>
  </si>
  <si>
    <t>上吉妻</t>
  </si>
  <si>
    <t>上蛭田</t>
  </si>
  <si>
    <t>上柳</t>
  </si>
  <si>
    <t>神間</t>
  </si>
  <si>
    <t>椚</t>
  </si>
  <si>
    <t>倉常</t>
  </si>
  <si>
    <t>小平</t>
  </si>
  <si>
    <t>小渕</t>
  </si>
  <si>
    <t>米崎</t>
  </si>
  <si>
    <t>米島</t>
  </si>
  <si>
    <t>下大増新田</t>
  </si>
  <si>
    <t>下吉妻</t>
  </si>
  <si>
    <t>下蛭田</t>
  </si>
  <si>
    <t>下柳</t>
  </si>
  <si>
    <t>新宿新田</t>
  </si>
  <si>
    <t>水角</t>
  </si>
  <si>
    <t>薄谷</t>
  </si>
  <si>
    <t>千間</t>
  </si>
  <si>
    <t>武里中野</t>
  </si>
  <si>
    <t>銚子口</t>
  </si>
  <si>
    <t>道口蛭田</t>
  </si>
  <si>
    <t>道順川戸</t>
  </si>
  <si>
    <t>豊野町</t>
  </si>
  <si>
    <t>永沼</t>
  </si>
  <si>
    <t>新方袋</t>
  </si>
  <si>
    <t>西親野井</t>
  </si>
  <si>
    <t>中新里</t>
  </si>
  <si>
    <t>二ノ宮</t>
  </si>
  <si>
    <t>原新田</t>
  </si>
  <si>
    <t>肥土</t>
  </si>
  <si>
    <t>元阿保</t>
  </si>
  <si>
    <t>元原</t>
  </si>
  <si>
    <t>矢納</t>
  </si>
  <si>
    <t>八日市</t>
  </si>
  <si>
    <t>渡瀬</t>
  </si>
  <si>
    <t>児玉郡上里町</t>
  </si>
  <si>
    <t>大御堂</t>
  </si>
  <si>
    <t>忍保</t>
  </si>
  <si>
    <t>金久保</t>
  </si>
  <si>
    <t>嘉美</t>
  </si>
  <si>
    <t>七本木</t>
  </si>
  <si>
    <t>神保原町</t>
  </si>
  <si>
    <t>帯刀</t>
  </si>
  <si>
    <t>堤</t>
  </si>
  <si>
    <t>勅使河原</t>
  </si>
  <si>
    <t>八町河原</t>
  </si>
  <si>
    <t>毘沙吐</t>
  </si>
  <si>
    <t>藤木戸</t>
  </si>
  <si>
    <t>黛</t>
  </si>
  <si>
    <t>三町</t>
  </si>
  <si>
    <t>大里郡寄居町</t>
  </si>
  <si>
    <t>赤浜</t>
  </si>
  <si>
    <t>今市</t>
  </si>
  <si>
    <t>折原</t>
  </si>
  <si>
    <t>金尾</t>
  </si>
  <si>
    <t>小園</t>
  </si>
  <si>
    <t>桜沢</t>
  </si>
  <si>
    <t>末野</t>
  </si>
  <si>
    <t>鷹巣</t>
  </si>
  <si>
    <t>立原</t>
  </si>
  <si>
    <t>露梨子</t>
  </si>
  <si>
    <t>西ノ入</t>
  </si>
  <si>
    <t>西古里</t>
  </si>
  <si>
    <t>鉢形</t>
  </si>
  <si>
    <t>藤田</t>
  </si>
  <si>
    <t>保田原</t>
  </si>
  <si>
    <t>三ケ山</t>
  </si>
  <si>
    <t>三品</t>
  </si>
  <si>
    <t>用土</t>
  </si>
  <si>
    <t>寄居</t>
  </si>
  <si>
    <t>北埼玉郡騎西町</t>
  </si>
  <si>
    <t>芋茎</t>
  </si>
  <si>
    <t>牛重</t>
  </si>
  <si>
    <t>内田ケ谷</t>
  </si>
  <si>
    <t>上崎</t>
  </si>
  <si>
    <t>上高柳</t>
  </si>
  <si>
    <t>上種足</t>
  </si>
  <si>
    <t>騎西</t>
  </si>
  <si>
    <t>鴻茎</t>
  </si>
  <si>
    <t>下崎</t>
  </si>
  <si>
    <t>下種足</t>
  </si>
  <si>
    <t>正能</t>
  </si>
  <si>
    <t>外川</t>
  </si>
  <si>
    <t>外田ケ谷</t>
  </si>
  <si>
    <t>道地</t>
  </si>
  <si>
    <t>戸室</t>
  </si>
  <si>
    <t>中種足</t>
  </si>
  <si>
    <t>中ノ目</t>
  </si>
  <si>
    <t>西ノ谷</t>
  </si>
  <si>
    <t>根古屋</t>
  </si>
  <si>
    <t>日出安</t>
  </si>
  <si>
    <t>北埼玉郡北川辺町</t>
  </si>
  <si>
    <t>飯積</t>
  </si>
  <si>
    <t>伊賀袋</t>
  </si>
  <si>
    <t>小野袋</t>
  </si>
  <si>
    <t>柏戸</t>
  </si>
  <si>
    <t>向古河</t>
  </si>
  <si>
    <t>麦倉</t>
  </si>
  <si>
    <t>柳生</t>
  </si>
  <si>
    <t>北埼玉郡大利根町</t>
  </si>
  <si>
    <t>阿佐間</t>
  </si>
  <si>
    <t>新井新田</t>
  </si>
  <si>
    <t>生出</t>
  </si>
  <si>
    <t>北大桑</t>
  </si>
  <si>
    <t>北下新井</t>
  </si>
  <si>
    <t>北平野</t>
  </si>
  <si>
    <t>外記新田</t>
  </si>
  <si>
    <t>琴寄</t>
  </si>
  <si>
    <t>佐波</t>
  </si>
  <si>
    <t>杓子木</t>
  </si>
  <si>
    <t>新利根</t>
  </si>
  <si>
    <t>道目</t>
  </si>
  <si>
    <t>豊野台</t>
  </si>
  <si>
    <t>中渡</t>
  </si>
  <si>
    <t>旗井</t>
  </si>
  <si>
    <t>細間</t>
  </si>
  <si>
    <t>間口</t>
  </si>
  <si>
    <t>松永新田</t>
  </si>
  <si>
    <t>弥兵衛</t>
  </si>
  <si>
    <t>南埼玉郡宮代町</t>
  </si>
  <si>
    <t>学園台</t>
  </si>
  <si>
    <t>金原</t>
  </si>
  <si>
    <t>川端</t>
  </si>
  <si>
    <t>国納</t>
  </si>
  <si>
    <t>道佛</t>
  </si>
  <si>
    <t>西粂原</t>
  </si>
  <si>
    <t>東粂原</t>
  </si>
  <si>
    <t>東姫宮</t>
  </si>
  <si>
    <t>姫宮</t>
  </si>
  <si>
    <t>宮代</t>
  </si>
  <si>
    <t>宮代台</t>
  </si>
  <si>
    <t>宮東</t>
  </si>
  <si>
    <t>百間</t>
  </si>
  <si>
    <t>和戸</t>
  </si>
  <si>
    <t>南埼玉郡白岡町</t>
  </si>
  <si>
    <t>荒井新田</t>
  </si>
  <si>
    <t>太田新井</t>
  </si>
  <si>
    <t>岡泉</t>
  </si>
  <si>
    <t>小久喜</t>
  </si>
  <si>
    <t>実ケ谷</t>
  </si>
  <si>
    <t>篠津</t>
  </si>
  <si>
    <t>柴山</t>
  </si>
  <si>
    <t>下大崎</t>
  </si>
  <si>
    <t>白岡</t>
  </si>
  <si>
    <t>白岡東</t>
  </si>
  <si>
    <t>新白岡</t>
  </si>
  <si>
    <t>千駄野</t>
  </si>
  <si>
    <t>高岩</t>
  </si>
  <si>
    <t>爪田ケ谷</t>
  </si>
  <si>
    <t>寺塚</t>
  </si>
  <si>
    <t>彦兵衛</t>
  </si>
  <si>
    <t>南埼玉郡菖蒲町</t>
  </si>
  <si>
    <t>上栢間</t>
  </si>
  <si>
    <t>河原井</t>
  </si>
  <si>
    <t>柴山枝郷</t>
  </si>
  <si>
    <t>下栢間</t>
  </si>
  <si>
    <t>菖蒲</t>
  </si>
  <si>
    <t>昭和沼</t>
  </si>
  <si>
    <t>北葛飾郡栗橋町</t>
  </si>
  <si>
    <t>伊坂</t>
  </si>
  <si>
    <t>河原代</t>
  </si>
  <si>
    <t>北広島</t>
  </si>
  <si>
    <t>狐塚</t>
  </si>
  <si>
    <t>栗橋</t>
  </si>
  <si>
    <t>小右衛門</t>
  </si>
  <si>
    <t>島川</t>
  </si>
  <si>
    <t>間鎌</t>
  </si>
  <si>
    <t>松永</t>
  </si>
  <si>
    <t>南栗橋</t>
  </si>
  <si>
    <t>北葛飾郡鷲宮町</t>
  </si>
  <si>
    <t>上内</t>
  </si>
  <si>
    <t>上川崎</t>
  </si>
  <si>
    <t>久本寺</t>
  </si>
  <si>
    <t>葛梅</t>
  </si>
  <si>
    <t>中妻</t>
  </si>
  <si>
    <t>西大輪</t>
  </si>
  <si>
    <t>八甫</t>
  </si>
  <si>
    <t>東大輪</t>
  </si>
  <si>
    <t>鷲宮</t>
  </si>
  <si>
    <t>北葛飾郡杉戸町</t>
  </si>
  <si>
    <t>北蓮沼</t>
  </si>
  <si>
    <t>木津内</t>
  </si>
  <si>
    <t>木野川</t>
  </si>
  <si>
    <t>倉松</t>
  </si>
  <si>
    <t>才羽</t>
  </si>
  <si>
    <t>佐左エ門</t>
  </si>
  <si>
    <t>清地</t>
  </si>
  <si>
    <t>高野台東</t>
  </si>
  <si>
    <t>高野台西</t>
  </si>
  <si>
    <t>高野台南</t>
  </si>
  <si>
    <t>遠野</t>
  </si>
  <si>
    <t>並塚</t>
  </si>
  <si>
    <t>茨島</t>
  </si>
  <si>
    <t>屏風</t>
  </si>
  <si>
    <t>広戸沼</t>
  </si>
  <si>
    <t>深輪</t>
  </si>
  <si>
    <t>目沼</t>
  </si>
  <si>
    <t>本島</t>
  </si>
  <si>
    <t>鷲巣</t>
  </si>
  <si>
    <t>北葛飾郡松伏町</t>
  </si>
  <si>
    <t>魚沼</t>
  </si>
  <si>
    <t>大川戸</t>
  </si>
  <si>
    <t>上赤岩</t>
  </si>
  <si>
    <t>下赤岩</t>
  </si>
  <si>
    <t>田島東</t>
  </si>
  <si>
    <t>築比地</t>
  </si>
  <si>
    <t>松葉</t>
  </si>
  <si>
    <t>松伏</t>
  </si>
  <si>
    <t>ゆめみ野</t>
  </si>
  <si>
    <t>ゆめみ野東</t>
  </si>
  <si>
    <t>霞が関霞が関ビル（２７階）</t>
  </si>
  <si>
    <t>赤坂ミッドタウン・タワー（１６階）</t>
  </si>
  <si>
    <t>六本木六本木ヒルズ森タワー（３階）</t>
  </si>
  <si>
    <t>西新宿住友不動産新宿オークタワー（３階）</t>
  </si>
  <si>
    <t>世田谷区</t>
  </si>
  <si>
    <t>沼袋</t>
  </si>
  <si>
    <t>野方</t>
  </si>
  <si>
    <t>南台</t>
  </si>
  <si>
    <t>大和町</t>
  </si>
  <si>
    <t>杉並区</t>
  </si>
  <si>
    <t>阿佐谷南</t>
  </si>
  <si>
    <t>阿佐谷北</t>
  </si>
  <si>
    <t>井草</t>
  </si>
  <si>
    <t>梅里</t>
  </si>
  <si>
    <t>永福</t>
  </si>
  <si>
    <t>荻窪</t>
  </si>
  <si>
    <t>上井草</t>
  </si>
  <si>
    <t>上荻</t>
  </si>
  <si>
    <t>上高井戸</t>
  </si>
  <si>
    <t>久我山</t>
  </si>
  <si>
    <t>高円寺南</t>
  </si>
  <si>
    <t>高円寺北</t>
  </si>
  <si>
    <t>下井草</t>
  </si>
  <si>
    <t>下高井戸</t>
  </si>
  <si>
    <t>松庵</t>
  </si>
  <si>
    <t>善福寺</t>
  </si>
  <si>
    <t>高井戸東</t>
  </si>
  <si>
    <t>高井戸西</t>
  </si>
  <si>
    <t>成田東</t>
  </si>
  <si>
    <t>成田西</t>
  </si>
  <si>
    <t>西荻南</t>
  </si>
  <si>
    <t>西荻北</t>
  </si>
  <si>
    <t>浜田山</t>
  </si>
  <si>
    <t>方南</t>
  </si>
  <si>
    <t>堀ノ内</t>
  </si>
  <si>
    <t>本天沼</t>
  </si>
  <si>
    <t>松ノ木</t>
  </si>
  <si>
    <t>南荻窪</t>
  </si>
  <si>
    <t>桃井</t>
  </si>
  <si>
    <t>池袋（１丁目）</t>
  </si>
  <si>
    <t>池袋（２～４丁目）</t>
  </si>
  <si>
    <t>池袋本町</t>
  </si>
  <si>
    <t>要町</t>
  </si>
  <si>
    <t>上池袋</t>
  </si>
  <si>
    <t>北大塚</t>
  </si>
  <si>
    <t>巣鴨</t>
  </si>
  <si>
    <t>千川</t>
  </si>
  <si>
    <t>雑司が谷</t>
  </si>
  <si>
    <t>千早</t>
  </si>
  <si>
    <t>入間郡毛呂山町</t>
  </si>
  <si>
    <t>大谷木</t>
  </si>
  <si>
    <t>大類</t>
  </si>
  <si>
    <t>川角</t>
  </si>
  <si>
    <t>小田谷</t>
  </si>
  <si>
    <t>西戸</t>
  </si>
  <si>
    <t>下川原</t>
  </si>
  <si>
    <t>宿谷</t>
  </si>
  <si>
    <t>滝ノ入</t>
  </si>
  <si>
    <t>葛貫</t>
  </si>
  <si>
    <t>苦林</t>
  </si>
  <si>
    <t>西大久保</t>
  </si>
  <si>
    <t>前久保南</t>
  </si>
  <si>
    <t>箕和田</t>
  </si>
  <si>
    <t>毛呂本郷</t>
  </si>
  <si>
    <t>若山</t>
  </si>
  <si>
    <t>入間郡越生町</t>
  </si>
  <si>
    <t>上野東</t>
  </si>
  <si>
    <t>越生</t>
  </si>
  <si>
    <t>越生東</t>
  </si>
  <si>
    <t>鹿下</t>
  </si>
  <si>
    <t>黒山</t>
  </si>
  <si>
    <t>小杉</t>
  </si>
  <si>
    <t>大満</t>
  </si>
  <si>
    <t>龍ケ谷</t>
  </si>
  <si>
    <t>津久根</t>
  </si>
  <si>
    <t>堂山</t>
  </si>
  <si>
    <t>西和田</t>
  </si>
  <si>
    <t>如意</t>
  </si>
  <si>
    <t>古池</t>
  </si>
  <si>
    <t>麦原</t>
  </si>
  <si>
    <t>比企郡滑川町</t>
  </si>
  <si>
    <t>伊古</t>
  </si>
  <si>
    <t>菅田</t>
  </si>
  <si>
    <t>月輪</t>
  </si>
  <si>
    <t>月の輪</t>
  </si>
  <si>
    <t>土塩</t>
  </si>
  <si>
    <t>羽尾</t>
  </si>
  <si>
    <t>水房</t>
  </si>
  <si>
    <t>比企郡嵐山町</t>
  </si>
  <si>
    <t>越畑</t>
  </si>
  <si>
    <t>鎌形</t>
  </si>
  <si>
    <t>川島</t>
  </si>
  <si>
    <t>志賀</t>
  </si>
  <si>
    <t>将軍沢</t>
  </si>
  <si>
    <t>菅谷</t>
  </si>
  <si>
    <t>千手堂</t>
  </si>
  <si>
    <t>太郎丸</t>
  </si>
  <si>
    <t>遠山</t>
  </si>
  <si>
    <t>平沢</t>
  </si>
  <si>
    <t>古里</t>
  </si>
  <si>
    <t>むさし台</t>
  </si>
  <si>
    <t>吉田</t>
  </si>
  <si>
    <t>比企郡小川町</t>
  </si>
  <si>
    <t>伊勢根</t>
  </si>
  <si>
    <t>角山</t>
  </si>
  <si>
    <t>上古寺</t>
  </si>
  <si>
    <t>上横田</t>
  </si>
  <si>
    <t>木呂子</t>
  </si>
  <si>
    <t>下里</t>
  </si>
  <si>
    <t>下古寺</t>
  </si>
  <si>
    <t>下横田</t>
  </si>
  <si>
    <t>勝呂</t>
  </si>
  <si>
    <t>高見</t>
  </si>
  <si>
    <t>中爪</t>
  </si>
  <si>
    <t>奈良梨</t>
  </si>
  <si>
    <t>能増</t>
  </si>
  <si>
    <t>原川</t>
  </si>
  <si>
    <t>東小川</t>
  </si>
  <si>
    <t>ひばり台</t>
  </si>
  <si>
    <t>靱負</t>
  </si>
  <si>
    <t>伊草</t>
  </si>
  <si>
    <t>一本木</t>
  </si>
  <si>
    <t>牛ケ谷戸</t>
  </si>
  <si>
    <t>梅ノ木</t>
  </si>
  <si>
    <t>小見野</t>
  </si>
  <si>
    <t>表</t>
  </si>
  <si>
    <t>角泉</t>
  </si>
  <si>
    <t>加胡</t>
  </si>
  <si>
    <t>上伊草</t>
  </si>
  <si>
    <t>上大屋敷</t>
  </si>
  <si>
    <t>上小見野</t>
  </si>
  <si>
    <t>上狢</t>
  </si>
  <si>
    <t>上八ツ林</t>
  </si>
  <si>
    <t>北園部</t>
  </si>
  <si>
    <t>釘無</t>
  </si>
  <si>
    <t>紫竹</t>
  </si>
  <si>
    <t>芝沼</t>
  </si>
  <si>
    <t>下伊草</t>
  </si>
  <si>
    <t>下大屋敷</t>
  </si>
  <si>
    <t>下小見野</t>
  </si>
  <si>
    <t>下狢</t>
  </si>
  <si>
    <t>下八ツ林</t>
  </si>
  <si>
    <t>正直</t>
  </si>
  <si>
    <t>白井沼</t>
  </si>
  <si>
    <t>出丸下郷</t>
  </si>
  <si>
    <t>出丸中郷</t>
  </si>
  <si>
    <t>出丸本</t>
  </si>
  <si>
    <t>東部</t>
  </si>
  <si>
    <t>鳥羽井</t>
  </si>
  <si>
    <t>鳥羽井新田</t>
  </si>
  <si>
    <t>戸守</t>
  </si>
  <si>
    <t>長楽</t>
  </si>
  <si>
    <t>西谷</t>
  </si>
  <si>
    <t>東大塚</t>
  </si>
  <si>
    <t>平沼</t>
  </si>
  <si>
    <t>吹塚</t>
  </si>
  <si>
    <t>曲師</t>
  </si>
  <si>
    <t>南園部</t>
  </si>
  <si>
    <t>三保谷宿</t>
  </si>
  <si>
    <t>虫塚</t>
  </si>
  <si>
    <t>安塚</t>
  </si>
  <si>
    <t>山ケ谷戸</t>
  </si>
  <si>
    <t>明石</t>
  </si>
  <si>
    <t>安馬谷</t>
  </si>
  <si>
    <t>池之内</t>
  </si>
  <si>
    <t>石堂原</t>
  </si>
  <si>
    <t>市部</t>
  </si>
  <si>
    <t>犬掛</t>
  </si>
  <si>
    <t>岩糸</t>
  </si>
  <si>
    <t>海老敷</t>
  </si>
  <si>
    <t>大学口</t>
  </si>
  <si>
    <t>小戸</t>
  </si>
  <si>
    <t>上滝田</t>
  </si>
  <si>
    <t>上堀</t>
  </si>
  <si>
    <t>川上</t>
  </si>
  <si>
    <t>川田</t>
  </si>
  <si>
    <t>久枝</t>
  </si>
  <si>
    <t>沓見</t>
  </si>
  <si>
    <t>検儀谷</t>
  </si>
  <si>
    <t>合戸</t>
  </si>
  <si>
    <t>小浦</t>
  </si>
  <si>
    <t>下滝田</t>
  </si>
  <si>
    <t>下堀</t>
  </si>
  <si>
    <t>珠師ケ谷</t>
  </si>
  <si>
    <t>白浜町乙浜</t>
  </si>
  <si>
    <t>白浜町白浜</t>
  </si>
  <si>
    <t>白浜町滝口</t>
  </si>
  <si>
    <t>白浜町根本</t>
  </si>
  <si>
    <t>千代</t>
  </si>
  <si>
    <t>竹内</t>
  </si>
  <si>
    <t>千倉町宇田</t>
  </si>
  <si>
    <t>千倉町大川</t>
  </si>
  <si>
    <t>千倉町大貫</t>
  </si>
  <si>
    <t>千倉町川合</t>
  </si>
  <si>
    <t>千倉町川口</t>
  </si>
  <si>
    <t>千倉町川戸</t>
  </si>
  <si>
    <t>千倉町北朝夷</t>
  </si>
  <si>
    <t>千倉町久保</t>
  </si>
  <si>
    <t>千倉町忽戸</t>
  </si>
  <si>
    <t>千倉町白子</t>
  </si>
  <si>
    <t>千倉町白間津</t>
  </si>
  <si>
    <t>千倉町瀬戸</t>
  </si>
  <si>
    <t>千倉町千田</t>
  </si>
  <si>
    <t>千倉町平磯</t>
  </si>
  <si>
    <t>千倉町平舘</t>
  </si>
  <si>
    <t>千倉町牧田</t>
  </si>
  <si>
    <t>千倉町南朝夷</t>
  </si>
  <si>
    <t>富浦町青木</t>
  </si>
  <si>
    <t>富浦町居倉</t>
  </si>
  <si>
    <t>富浦町大津</t>
  </si>
  <si>
    <t>富浦町多田良</t>
  </si>
  <si>
    <t>富浦町手取</t>
  </si>
  <si>
    <t>富浦町豊岡</t>
  </si>
  <si>
    <t>富浦町南無谷</t>
  </si>
  <si>
    <t>富浦町丹生</t>
  </si>
  <si>
    <t>富浦町原岡</t>
  </si>
  <si>
    <t>富浦町深名</t>
  </si>
  <si>
    <t>富浦町福澤</t>
  </si>
  <si>
    <t>富浦町宮本</t>
  </si>
  <si>
    <t>二部</t>
  </si>
  <si>
    <t>府中</t>
  </si>
  <si>
    <t>平久里下</t>
  </si>
  <si>
    <t>平久里中</t>
  </si>
  <si>
    <t>増間</t>
  </si>
  <si>
    <t>丸本郷</t>
  </si>
  <si>
    <t>丸山平塚</t>
  </si>
  <si>
    <t>御子神</t>
  </si>
  <si>
    <t>三坂</t>
  </si>
  <si>
    <t>御庄</t>
  </si>
  <si>
    <t>峰</t>
  </si>
  <si>
    <t>宮谷</t>
  </si>
  <si>
    <t>本織</t>
  </si>
  <si>
    <t>山名</t>
  </si>
  <si>
    <t>谷向</t>
  </si>
  <si>
    <t>和田町石堂</t>
  </si>
  <si>
    <t>和田町小川</t>
  </si>
  <si>
    <t>和田町海発</t>
  </si>
  <si>
    <t>和田町上三原</t>
  </si>
  <si>
    <t>和田町黒岩</t>
  </si>
  <si>
    <t>和田町五十蔵</t>
  </si>
  <si>
    <t>和田町小向</t>
  </si>
  <si>
    <t>和田町柴</t>
  </si>
  <si>
    <t>和田町下三原</t>
  </si>
  <si>
    <t>和田町白渚</t>
  </si>
  <si>
    <t>和田町磑森</t>
  </si>
  <si>
    <t>和田町中三原</t>
  </si>
  <si>
    <t>和田町仁我浦</t>
  </si>
  <si>
    <t>和田町沼</t>
  </si>
  <si>
    <t>和田町花園</t>
  </si>
  <si>
    <t>和田町布野</t>
  </si>
  <si>
    <t>和田町松田</t>
  </si>
  <si>
    <t>和田町真浦</t>
  </si>
  <si>
    <t>和田町和田</t>
  </si>
  <si>
    <t>匝瑳市</t>
  </si>
  <si>
    <t>安久山</t>
  </si>
  <si>
    <t>飯倉</t>
  </si>
  <si>
    <t>飯倉台</t>
  </si>
  <si>
    <t>飯高</t>
  </si>
  <si>
    <t>入山崎</t>
  </si>
  <si>
    <t>内山</t>
  </si>
  <si>
    <t>生尾</t>
  </si>
  <si>
    <t>大浦</t>
  </si>
  <si>
    <t>小高</t>
  </si>
  <si>
    <t>片子</t>
  </si>
  <si>
    <t>蕪里</t>
  </si>
  <si>
    <t>栢田</t>
  </si>
  <si>
    <t>川辺</t>
  </si>
  <si>
    <t>川向</t>
  </si>
  <si>
    <t>木積</t>
  </si>
  <si>
    <t>公崎</t>
  </si>
  <si>
    <t>新</t>
  </si>
  <si>
    <t>上谷中</t>
  </si>
  <si>
    <t>高</t>
  </si>
  <si>
    <t>田久保</t>
  </si>
  <si>
    <t>時曽根</t>
  </si>
  <si>
    <t>西小笹</t>
  </si>
  <si>
    <t>野手</t>
  </si>
  <si>
    <t>春海</t>
  </si>
  <si>
    <t>東小笹</t>
  </si>
  <si>
    <t>東谷</t>
  </si>
  <si>
    <t>久方</t>
  </si>
  <si>
    <t>平木</t>
  </si>
  <si>
    <t>堀川</t>
  </si>
  <si>
    <t>みどり平</t>
  </si>
  <si>
    <t>南神崎</t>
  </si>
  <si>
    <t>南山崎</t>
  </si>
  <si>
    <t>八辺</t>
  </si>
  <si>
    <t>山桑</t>
  </si>
  <si>
    <t>八日市場イ</t>
  </si>
  <si>
    <t>八日市場ニ</t>
  </si>
  <si>
    <t>八日市場ハ</t>
  </si>
  <si>
    <t>八日市場ホ</t>
  </si>
  <si>
    <t>八日市場ロ</t>
  </si>
  <si>
    <t>吉崎</t>
  </si>
  <si>
    <t>米持</t>
  </si>
  <si>
    <t>若潮町</t>
  </si>
  <si>
    <t>香取市</t>
  </si>
  <si>
    <t>阿玉川</t>
  </si>
  <si>
    <t>阿玉台</t>
  </si>
  <si>
    <t>油田</t>
  </si>
  <si>
    <t>荒北</t>
  </si>
  <si>
    <t>磯山</t>
  </si>
  <si>
    <t>一ノ分目</t>
  </si>
  <si>
    <t>伊地山</t>
  </si>
  <si>
    <t>市和田</t>
  </si>
  <si>
    <t>入会地</t>
  </si>
  <si>
    <t>岩ケ崎台</t>
  </si>
  <si>
    <t>岩部</t>
  </si>
  <si>
    <t>大倉</t>
  </si>
  <si>
    <t>大倉丁子</t>
  </si>
  <si>
    <t>大角</t>
  </si>
  <si>
    <t>大戸川</t>
  </si>
  <si>
    <t>大戸新田</t>
  </si>
  <si>
    <t>大根</t>
  </si>
  <si>
    <t>岡飯田</t>
  </si>
  <si>
    <t>小見川</t>
  </si>
  <si>
    <t>織幡</t>
  </si>
  <si>
    <t>片野</t>
  </si>
  <si>
    <t>加藤洲</t>
  </si>
  <si>
    <t>香取</t>
  </si>
  <si>
    <t>釜塚</t>
  </si>
  <si>
    <t>上小川</t>
  </si>
  <si>
    <t>上小堀</t>
  </si>
  <si>
    <t>返田</t>
  </si>
  <si>
    <t>苅毛</t>
  </si>
  <si>
    <t>川頭</t>
  </si>
  <si>
    <t>川尻</t>
  </si>
  <si>
    <t>神生</t>
  </si>
  <si>
    <t>北原地新田</t>
  </si>
  <si>
    <t>木内</t>
  </si>
  <si>
    <t>木内虫幡上小堀入会地大平</t>
  </si>
  <si>
    <t>桐谷</t>
  </si>
  <si>
    <t>九美上</t>
  </si>
  <si>
    <t>笄島</t>
  </si>
  <si>
    <t>公官洲</t>
  </si>
  <si>
    <t>石納</t>
  </si>
  <si>
    <t>五郷内</t>
  </si>
  <si>
    <t>米野井</t>
  </si>
  <si>
    <t>境島</t>
  </si>
  <si>
    <t>沢</t>
  </si>
  <si>
    <t>佐原イ</t>
  </si>
  <si>
    <t>佐原ニ</t>
  </si>
  <si>
    <t>佐原ハ</t>
  </si>
  <si>
    <t>佐原ホ</t>
  </si>
  <si>
    <t>佐原ロ</t>
  </si>
  <si>
    <t>三ノ分目</t>
  </si>
  <si>
    <t>志高</t>
  </si>
  <si>
    <t>篠原イ</t>
  </si>
  <si>
    <t>篠原ロ</t>
  </si>
  <si>
    <t>下飯田</t>
  </si>
  <si>
    <t>下小川</t>
  </si>
  <si>
    <t>下小野</t>
  </si>
  <si>
    <t>下小堀</t>
  </si>
  <si>
    <t>助沢</t>
  </si>
  <si>
    <t>高萩</t>
  </si>
  <si>
    <t>竹之内</t>
  </si>
  <si>
    <t>多田</t>
  </si>
  <si>
    <t>田部</t>
  </si>
  <si>
    <t>玉造</t>
  </si>
  <si>
    <t>附洲新田</t>
  </si>
  <si>
    <t>津宮</t>
  </si>
  <si>
    <t>寺内</t>
  </si>
  <si>
    <t>鴇崎</t>
  </si>
  <si>
    <t>鳥羽</t>
  </si>
  <si>
    <t>中洲</t>
  </si>
  <si>
    <t>長山</t>
  </si>
  <si>
    <t>新市場</t>
  </si>
  <si>
    <t>新寺</t>
  </si>
  <si>
    <t>西坂</t>
  </si>
  <si>
    <t>西田部</t>
  </si>
  <si>
    <t>西部田</t>
  </si>
  <si>
    <t>新部</t>
  </si>
  <si>
    <t>仁良</t>
  </si>
  <si>
    <t>野間谷原</t>
  </si>
  <si>
    <t>旗鉾</t>
  </si>
  <si>
    <t>八本</t>
  </si>
  <si>
    <t>鳩山</t>
  </si>
  <si>
    <t>羽根川</t>
  </si>
  <si>
    <t>布野</t>
  </si>
  <si>
    <t>府馬</t>
  </si>
  <si>
    <t>古内</t>
  </si>
  <si>
    <t>牧野</t>
  </si>
  <si>
    <t>増田</t>
  </si>
  <si>
    <t>みずほ台</t>
  </si>
  <si>
    <t>南原地新田</t>
  </si>
  <si>
    <t>虫幡</t>
  </si>
  <si>
    <t>本矢作</t>
  </si>
  <si>
    <t>森戸</t>
  </si>
  <si>
    <t>八筋川</t>
  </si>
  <si>
    <t>山川</t>
  </si>
  <si>
    <t>山之辺</t>
  </si>
  <si>
    <t>八日市場</t>
  </si>
  <si>
    <t>丁子</t>
  </si>
  <si>
    <t>与倉</t>
  </si>
  <si>
    <t>竜谷</t>
  </si>
  <si>
    <t>分郷</t>
  </si>
  <si>
    <t>山武市</t>
  </si>
  <si>
    <t>麻生新田</t>
  </si>
  <si>
    <t>雨坪</t>
  </si>
  <si>
    <t>板川</t>
  </si>
  <si>
    <t>板附</t>
  </si>
  <si>
    <t>板中新田</t>
  </si>
  <si>
    <t>井之内</t>
  </si>
  <si>
    <t>植草</t>
  </si>
  <si>
    <t>親田</t>
  </si>
  <si>
    <t>上横地</t>
  </si>
  <si>
    <t>木戸</t>
  </si>
  <si>
    <t>小泉</t>
  </si>
  <si>
    <t>五木田</t>
  </si>
  <si>
    <t>実門</t>
  </si>
  <si>
    <t>椎崎</t>
  </si>
  <si>
    <t>柴原</t>
  </si>
  <si>
    <t>島</t>
  </si>
  <si>
    <t>島戸</t>
  </si>
  <si>
    <t>下布田</t>
  </si>
  <si>
    <t>下横地</t>
  </si>
  <si>
    <t>真行寺</t>
  </si>
  <si>
    <t>津辺</t>
  </si>
  <si>
    <t>戸田</t>
  </si>
  <si>
    <t>殿台</t>
  </si>
  <si>
    <t>富口</t>
  </si>
  <si>
    <t>富田幸谷</t>
  </si>
  <si>
    <t>中津田</t>
  </si>
  <si>
    <t>成東</t>
  </si>
  <si>
    <t>新泉</t>
  </si>
  <si>
    <t>野堀</t>
  </si>
  <si>
    <t>蓮沼イ</t>
  </si>
  <si>
    <t>蓮沼ニ</t>
  </si>
  <si>
    <t>蓮沼ハ</t>
  </si>
  <si>
    <t>蓮沼平</t>
  </si>
  <si>
    <t>蓮沼ホ</t>
  </si>
  <si>
    <t>蓮沼ロ</t>
  </si>
  <si>
    <t>埴谷</t>
  </si>
  <si>
    <t>早船</t>
  </si>
  <si>
    <t>姫島</t>
  </si>
  <si>
    <t>日向台</t>
  </si>
  <si>
    <t>松尾町祝田</t>
  </si>
  <si>
    <t>松尾町大堤</t>
  </si>
  <si>
    <t>松尾町小川</t>
  </si>
  <si>
    <t>松尾町折戸</t>
  </si>
  <si>
    <t>松尾町借毛本郷</t>
  </si>
  <si>
    <t>松尾町蕪木</t>
  </si>
  <si>
    <t>松尾町上大蔵</t>
  </si>
  <si>
    <t>松尾町金尾</t>
  </si>
  <si>
    <t>松尾町木刀</t>
  </si>
  <si>
    <t>松尾町五反田</t>
  </si>
  <si>
    <t>松尾町古和</t>
  </si>
  <si>
    <t>松尾町猿尾</t>
  </si>
  <si>
    <t>松尾町下大蔵</t>
  </si>
  <si>
    <t>松尾町下野</t>
  </si>
  <si>
    <t>松尾町下之郷</t>
  </si>
  <si>
    <t>松尾町高富</t>
  </si>
  <si>
    <t>松尾町武野里</t>
  </si>
  <si>
    <t>松尾町田越</t>
  </si>
  <si>
    <t>松尾町八田</t>
  </si>
  <si>
    <t>松尾町引越</t>
  </si>
  <si>
    <t>松尾町広根</t>
  </si>
  <si>
    <t>松尾町富士見台</t>
  </si>
  <si>
    <t>松尾町松尾</t>
  </si>
  <si>
    <t>松尾町水深</t>
  </si>
  <si>
    <t>松尾町本柏</t>
  </si>
  <si>
    <t>松尾町本水深</t>
  </si>
  <si>
    <t>松尾町谷津</t>
  </si>
  <si>
    <t>松尾町山室</t>
  </si>
  <si>
    <t>美杉野</t>
  </si>
  <si>
    <t>武勝</t>
  </si>
  <si>
    <t>本須賀</t>
  </si>
  <si>
    <t>矢部</t>
  </si>
  <si>
    <t>湯坂</t>
  </si>
  <si>
    <t>いすみ市</t>
  </si>
  <si>
    <t>今関</t>
  </si>
  <si>
    <t>岩船</t>
  </si>
  <si>
    <t>大原台</t>
  </si>
  <si>
    <t>荻原</t>
  </si>
  <si>
    <t>柿和田</t>
  </si>
  <si>
    <t>神置</t>
  </si>
  <si>
    <t>上布施</t>
  </si>
  <si>
    <t>苅谷</t>
  </si>
  <si>
    <t>国府台</t>
  </si>
  <si>
    <t>小又井</t>
  </si>
  <si>
    <t>作田</t>
  </si>
  <si>
    <t>札森</t>
  </si>
  <si>
    <t>佐室</t>
  </si>
  <si>
    <t>沢部</t>
  </si>
  <si>
    <t>下原</t>
  </si>
  <si>
    <t>下布施</t>
  </si>
  <si>
    <t>釈迦谷</t>
  </si>
  <si>
    <t>正立寺</t>
  </si>
  <si>
    <t>須賀谷</t>
  </si>
  <si>
    <t>長志</t>
  </si>
  <si>
    <t>行川</t>
  </si>
  <si>
    <t>新田野</t>
  </si>
  <si>
    <t>新田若山深堀入会地</t>
  </si>
  <si>
    <t>能実</t>
  </si>
  <si>
    <t>日在</t>
  </si>
  <si>
    <t>深堀</t>
  </si>
  <si>
    <t>深谷</t>
  </si>
  <si>
    <t>細尾</t>
  </si>
  <si>
    <t>松丸</t>
  </si>
  <si>
    <t>万木</t>
  </si>
  <si>
    <t>岬町井沢</t>
  </si>
  <si>
    <t>岬町和泉（４４００番以上）</t>
  </si>
  <si>
    <t>岬町和泉（その他）</t>
  </si>
  <si>
    <t>岬町市野々</t>
  </si>
  <si>
    <t>岬町岩熊</t>
  </si>
  <si>
    <t>岬町榎沢</t>
  </si>
  <si>
    <t>岬町江場土</t>
  </si>
  <si>
    <t>岬町押日</t>
  </si>
  <si>
    <t>岬町鴨根</t>
  </si>
  <si>
    <t>岬町嘉谷</t>
  </si>
  <si>
    <t>岬町桑田</t>
  </si>
  <si>
    <t>岬町椎木</t>
  </si>
  <si>
    <t>岬町長者</t>
  </si>
  <si>
    <t>岬町中滝</t>
  </si>
  <si>
    <t>岬町中原</t>
  </si>
  <si>
    <t>岬町東小高</t>
  </si>
  <si>
    <t>岬町東中滝</t>
  </si>
  <si>
    <t>岬町三門</t>
  </si>
  <si>
    <t>岬町谷上</t>
  </si>
  <si>
    <t>八乙女</t>
  </si>
  <si>
    <t>弥正</t>
  </si>
  <si>
    <t>楽町</t>
  </si>
  <si>
    <t>印旛郡酒々井町</t>
  </si>
  <si>
    <t>伊篠</t>
  </si>
  <si>
    <t>伊篠新田</t>
  </si>
  <si>
    <t>今倉新田</t>
  </si>
  <si>
    <t>尾上</t>
  </si>
  <si>
    <t>柏木</t>
  </si>
  <si>
    <t>上岩橋</t>
  </si>
  <si>
    <t>上本佐倉</t>
  </si>
  <si>
    <t>酒々井</t>
  </si>
  <si>
    <t>篠山新田</t>
  </si>
  <si>
    <t>下岩橋</t>
  </si>
  <si>
    <t>下台</t>
  </si>
  <si>
    <t>墨</t>
  </si>
  <si>
    <t>中央台</t>
  </si>
  <si>
    <t>東酒々井</t>
  </si>
  <si>
    <t>ふじき野</t>
  </si>
  <si>
    <t>本佐倉</t>
  </si>
  <si>
    <t>印旛郡印旛村</t>
  </si>
  <si>
    <t>大廻</t>
  </si>
  <si>
    <t>鎌苅</t>
  </si>
  <si>
    <t>造谷</t>
  </si>
  <si>
    <t>萩原</t>
  </si>
  <si>
    <t>平賀学園台</t>
  </si>
  <si>
    <t>舞姫</t>
  </si>
  <si>
    <t>松虫</t>
  </si>
  <si>
    <t>美瀬</t>
  </si>
  <si>
    <t>師戸</t>
  </si>
  <si>
    <t>吉高</t>
  </si>
  <si>
    <t>若萩</t>
  </si>
  <si>
    <t>印旛郡本埜村</t>
  </si>
  <si>
    <t>安食卜杭</t>
  </si>
  <si>
    <t>和泉屋</t>
  </si>
  <si>
    <t>押付</t>
  </si>
  <si>
    <t>笠神</t>
  </si>
  <si>
    <t>行徳</t>
  </si>
  <si>
    <t>荒野</t>
  </si>
  <si>
    <t>酒直卜杭</t>
  </si>
  <si>
    <t>佐野屋</t>
  </si>
  <si>
    <t>下井</t>
  </si>
  <si>
    <t>下曽根</t>
  </si>
  <si>
    <t>将監</t>
  </si>
  <si>
    <t>甚兵衛</t>
  </si>
  <si>
    <t>滝野</t>
  </si>
  <si>
    <t>中田切</t>
  </si>
  <si>
    <t>長門屋</t>
  </si>
  <si>
    <t>物木</t>
  </si>
  <si>
    <t>竜腹寺</t>
  </si>
  <si>
    <t>印旛郡栄町</t>
  </si>
  <si>
    <t>安食</t>
  </si>
  <si>
    <t>安食台</t>
  </si>
  <si>
    <t>安食卜杭新田</t>
  </si>
  <si>
    <t>麻生</t>
  </si>
  <si>
    <t>請方</t>
  </si>
  <si>
    <t>北辺田</t>
  </si>
  <si>
    <t>酒直</t>
  </si>
  <si>
    <t>酒直台</t>
  </si>
  <si>
    <t>四箇</t>
  </si>
  <si>
    <t>長門谷</t>
  </si>
  <si>
    <t>布鎌酒直</t>
  </si>
  <si>
    <t>布太</t>
  </si>
  <si>
    <t>生板鍋子新田</t>
  </si>
  <si>
    <t>南ケ丘</t>
  </si>
  <si>
    <t>矢口神明</t>
  </si>
  <si>
    <t>四ッ谷</t>
  </si>
  <si>
    <t>龍角寺</t>
  </si>
  <si>
    <t>竜角寺台</t>
  </si>
  <si>
    <t>龍ケ崎町歩</t>
  </si>
  <si>
    <t>脇川</t>
  </si>
  <si>
    <t>香取郡神崎町</t>
  </si>
  <si>
    <t>今</t>
  </si>
  <si>
    <t>植房</t>
  </si>
  <si>
    <t>大貫</t>
  </si>
  <si>
    <t>毛成</t>
  </si>
  <si>
    <t>神崎神宿</t>
  </si>
  <si>
    <t>神崎本宿</t>
  </si>
  <si>
    <t>古原</t>
  </si>
  <si>
    <t>四季の丘</t>
  </si>
  <si>
    <t>十三間戸</t>
  </si>
  <si>
    <t>武田</t>
  </si>
  <si>
    <t>藤の台</t>
  </si>
  <si>
    <t>香取郡多古町</t>
  </si>
  <si>
    <t>飯笹</t>
  </si>
  <si>
    <t>出沼</t>
  </si>
  <si>
    <t>井戸山</t>
  </si>
  <si>
    <t>牛尾</t>
  </si>
  <si>
    <t>大高</t>
  </si>
  <si>
    <t>御所台</t>
  </si>
  <si>
    <t>五反田</t>
  </si>
  <si>
    <t>坂</t>
  </si>
  <si>
    <t>谷三倉</t>
  </si>
  <si>
    <t>染井</t>
  </si>
  <si>
    <t>高津原</t>
  </si>
  <si>
    <t>多古</t>
  </si>
  <si>
    <t>次浦</t>
  </si>
  <si>
    <t>寺作</t>
  </si>
  <si>
    <t>東輝</t>
  </si>
  <si>
    <t>十余三</t>
  </si>
  <si>
    <t>中村新田</t>
  </si>
  <si>
    <t>西古内</t>
  </si>
  <si>
    <t>東松崎</t>
  </si>
  <si>
    <t>一鍬田（成田国際空港内）</t>
  </si>
  <si>
    <t>一鍬田（その他）</t>
  </si>
  <si>
    <t>桧木</t>
  </si>
  <si>
    <t>方田</t>
  </si>
  <si>
    <t>間倉</t>
  </si>
  <si>
    <t>水戸</t>
  </si>
  <si>
    <t>南借当</t>
  </si>
  <si>
    <t>南玉造</t>
  </si>
  <si>
    <t>南中</t>
  </si>
  <si>
    <t>南並木</t>
  </si>
  <si>
    <t>南和田</t>
  </si>
  <si>
    <t>本三倉</t>
  </si>
  <si>
    <t>香取郡東庄町</t>
  </si>
  <si>
    <t>石出</t>
  </si>
  <si>
    <t>今郡</t>
  </si>
  <si>
    <t>大友</t>
  </si>
  <si>
    <t>青馬</t>
  </si>
  <si>
    <t>小座</t>
  </si>
  <si>
    <t>窪野谷</t>
  </si>
  <si>
    <t>小貝野</t>
  </si>
  <si>
    <t>小南</t>
  </si>
  <si>
    <t>笹川い</t>
  </si>
  <si>
    <t>笹川ろ</t>
  </si>
  <si>
    <t>高部</t>
  </si>
  <si>
    <t>東和田</t>
  </si>
  <si>
    <t>夏目</t>
  </si>
  <si>
    <t>羽計</t>
  </si>
  <si>
    <t>東今泉</t>
  </si>
  <si>
    <t>宮野台</t>
  </si>
  <si>
    <t>八重穂</t>
  </si>
  <si>
    <t>山武郡大網白里町</t>
  </si>
  <si>
    <t>砂田</t>
  </si>
  <si>
    <t>上谷新田</t>
  </si>
  <si>
    <t>大網</t>
  </si>
  <si>
    <t>柿餅</t>
  </si>
  <si>
    <t>桂山</t>
  </si>
  <si>
    <t>金谷郷</t>
  </si>
  <si>
    <t>萱野</t>
  </si>
  <si>
    <t>神房</t>
  </si>
  <si>
    <t>北飯塚</t>
  </si>
  <si>
    <t>北今泉</t>
  </si>
  <si>
    <t>北横川</t>
  </si>
  <si>
    <t>北吉田</t>
  </si>
  <si>
    <t>季美の森南</t>
  </si>
  <si>
    <t>経田</t>
  </si>
  <si>
    <t>九十根</t>
  </si>
  <si>
    <t>小中</t>
  </si>
  <si>
    <t>小西</t>
  </si>
  <si>
    <t>下ケ傍示</t>
  </si>
  <si>
    <t>四天木</t>
  </si>
  <si>
    <t>清名幸谷</t>
  </si>
  <si>
    <t>長国</t>
  </si>
  <si>
    <t>ながた野</t>
  </si>
  <si>
    <t>星谷</t>
  </si>
  <si>
    <t>細草</t>
  </si>
  <si>
    <t>仏島</t>
  </si>
  <si>
    <t>南飯塚</t>
  </si>
  <si>
    <t>南今泉</t>
  </si>
  <si>
    <t>南玉</t>
  </si>
  <si>
    <t>南横川</t>
  </si>
  <si>
    <t>みやこ野</t>
  </si>
  <si>
    <t>餅木</t>
  </si>
  <si>
    <t>養安寺</t>
  </si>
  <si>
    <t>山武郡九十九里町</t>
  </si>
  <si>
    <t>粟生</t>
  </si>
  <si>
    <t>片貝</t>
  </si>
  <si>
    <t>小関</t>
  </si>
  <si>
    <t>下貝塚</t>
  </si>
  <si>
    <t>田中荒生</t>
  </si>
  <si>
    <t>藤下</t>
  </si>
  <si>
    <t>不動堂</t>
  </si>
  <si>
    <t>真亀</t>
  </si>
  <si>
    <t>真亀新田</t>
  </si>
  <si>
    <t>山武郡芝山町</t>
  </si>
  <si>
    <t>朝倉</t>
  </si>
  <si>
    <t>飯櫃</t>
  </si>
  <si>
    <t>岩山（成田国際空港内）</t>
  </si>
  <si>
    <t>岩山（その他）</t>
  </si>
  <si>
    <t>大里（成田国際空港内）</t>
  </si>
  <si>
    <t>大里（その他）</t>
  </si>
  <si>
    <t>大台</t>
  </si>
  <si>
    <t>小原子</t>
  </si>
  <si>
    <t>上吹入</t>
  </si>
  <si>
    <t>香山新田（成田国際空港内）</t>
  </si>
  <si>
    <t>香山新田（その他）</t>
  </si>
  <si>
    <t>芝山</t>
  </si>
  <si>
    <t>下吹入</t>
  </si>
  <si>
    <t>殿部田</t>
  </si>
  <si>
    <t>新井田新田</t>
  </si>
  <si>
    <t>菱田（成田国際空港内）</t>
  </si>
  <si>
    <t>菱田（その他）</t>
  </si>
  <si>
    <t>宝馬</t>
  </si>
  <si>
    <t>山武郡横芝光町</t>
  </si>
  <si>
    <t>市野原</t>
  </si>
  <si>
    <t>牛熊</t>
  </si>
  <si>
    <t>姥山</t>
  </si>
  <si>
    <t>小川台</t>
  </si>
  <si>
    <t>於幾</t>
  </si>
  <si>
    <t>尾垂</t>
  </si>
  <si>
    <t>小堤</t>
  </si>
  <si>
    <t>北清水</t>
  </si>
  <si>
    <t>木戸台</t>
  </si>
  <si>
    <t>坂田池</t>
  </si>
  <si>
    <t>篠本</t>
  </si>
  <si>
    <t>篠本根切</t>
  </si>
  <si>
    <t>芝崎南</t>
  </si>
  <si>
    <t>曽根合</t>
  </si>
  <si>
    <t>寺方</t>
  </si>
  <si>
    <t>富下</t>
  </si>
  <si>
    <t>取立</t>
  </si>
  <si>
    <t>鳥喰上</t>
  </si>
  <si>
    <t>鳥喰下</t>
  </si>
  <si>
    <t>鳥喰新田</t>
  </si>
  <si>
    <t>長倉</t>
  </si>
  <si>
    <t>長山台</t>
  </si>
  <si>
    <t>新島</t>
  </si>
  <si>
    <t>母子</t>
  </si>
  <si>
    <t>原方</t>
  </si>
  <si>
    <t>傍示戸</t>
  </si>
  <si>
    <t>宝米</t>
  </si>
  <si>
    <t>虫生</t>
  </si>
  <si>
    <t>目篠</t>
  </si>
  <si>
    <t>屋形</t>
  </si>
  <si>
    <t>谷台</t>
  </si>
  <si>
    <t>横芝</t>
  </si>
  <si>
    <t>両国新田</t>
  </si>
  <si>
    <t>長生郡一宮町</t>
  </si>
  <si>
    <t>新地</t>
  </si>
  <si>
    <t>新地甲</t>
  </si>
  <si>
    <t>新地丙</t>
  </si>
  <si>
    <t>一宮</t>
  </si>
  <si>
    <t>船頭給</t>
  </si>
  <si>
    <t>綱田</t>
  </si>
  <si>
    <t>東浪見</t>
  </si>
  <si>
    <t>本給</t>
  </si>
  <si>
    <t>長生郡睦沢町</t>
  </si>
  <si>
    <t>大上</t>
  </si>
  <si>
    <t>上市場</t>
  </si>
  <si>
    <t>上之郷</t>
  </si>
  <si>
    <t>河須ケ谷</t>
  </si>
  <si>
    <t>北山田寺崎両村新田</t>
  </si>
  <si>
    <t>小滝</t>
  </si>
  <si>
    <t>下之郷</t>
  </si>
  <si>
    <t>長楽寺</t>
  </si>
  <si>
    <t>妙楽寺</t>
  </si>
  <si>
    <t>長生郡長生村</t>
  </si>
  <si>
    <t>入山津</t>
  </si>
  <si>
    <t>岩沼</t>
  </si>
  <si>
    <t>岩沼飛地</t>
  </si>
  <si>
    <t>驚</t>
  </si>
  <si>
    <t>金田</t>
  </si>
  <si>
    <t>北水口</t>
  </si>
  <si>
    <t>中之郷</t>
  </si>
  <si>
    <t>七井土</t>
  </si>
  <si>
    <t>千葉市中央区</t>
  </si>
  <si>
    <t>赤井町</t>
  </si>
  <si>
    <t>市場町</t>
  </si>
  <si>
    <t>亥鼻</t>
  </si>
  <si>
    <t>今井町</t>
  </si>
  <si>
    <t>院内</t>
  </si>
  <si>
    <t>鵜の森町</t>
  </si>
  <si>
    <t>大森町</t>
  </si>
  <si>
    <t>生実町</t>
  </si>
  <si>
    <t>春日</t>
  </si>
  <si>
    <t>葛城</t>
  </si>
  <si>
    <t>亀井町</t>
  </si>
  <si>
    <t>亀岡町</t>
  </si>
  <si>
    <t>川崎町</t>
  </si>
  <si>
    <t>川戸町</t>
  </si>
  <si>
    <t>寒川町</t>
  </si>
  <si>
    <t>塩田町</t>
  </si>
  <si>
    <t>汐見丘町</t>
  </si>
  <si>
    <t>白旗</t>
  </si>
  <si>
    <t>新千葉</t>
  </si>
  <si>
    <t>新田町</t>
  </si>
  <si>
    <t>蘇我</t>
  </si>
  <si>
    <t>蘇我町</t>
  </si>
  <si>
    <t>大巌寺町</t>
  </si>
  <si>
    <t>千葉寺町</t>
  </si>
  <si>
    <t>千葉港</t>
  </si>
  <si>
    <t>中央港</t>
  </si>
  <si>
    <t>椿森</t>
  </si>
  <si>
    <t>鶴沢町</t>
  </si>
  <si>
    <t>出洲港</t>
  </si>
  <si>
    <t>道場南</t>
  </si>
  <si>
    <t>道場北</t>
  </si>
  <si>
    <t>長洲</t>
  </si>
  <si>
    <t>新浜町</t>
  </si>
  <si>
    <t>仁戸名町</t>
  </si>
  <si>
    <t>花輪町</t>
  </si>
  <si>
    <t>浜野町</t>
  </si>
  <si>
    <t>東千葉</t>
  </si>
  <si>
    <t>東本町</t>
  </si>
  <si>
    <t>星久喜町</t>
  </si>
  <si>
    <t>本千葉町</t>
  </si>
  <si>
    <t>松ケ丘町</t>
  </si>
  <si>
    <t>松波</t>
  </si>
  <si>
    <t>南生実町</t>
  </si>
  <si>
    <t>都町</t>
  </si>
  <si>
    <t>村田町</t>
  </si>
  <si>
    <t>矢作町</t>
  </si>
  <si>
    <t>祐光</t>
  </si>
  <si>
    <t>若草</t>
  </si>
  <si>
    <t>千葉市花見川区</t>
  </si>
  <si>
    <t>朝日ケ丘</t>
  </si>
  <si>
    <t>朝日ケ丘町</t>
  </si>
  <si>
    <t>天戸町</t>
  </si>
  <si>
    <t>内山町</t>
  </si>
  <si>
    <t>宇那谷町</t>
  </si>
  <si>
    <t>柏井</t>
  </si>
  <si>
    <t>柏井町</t>
  </si>
  <si>
    <t>検見川町</t>
  </si>
  <si>
    <t>こてはし台</t>
  </si>
  <si>
    <t>犢橋町</t>
  </si>
  <si>
    <t>作新台</t>
  </si>
  <si>
    <t>三角町</t>
  </si>
  <si>
    <t>武石町</t>
  </si>
  <si>
    <t>大日町</t>
  </si>
  <si>
    <t>千種町</t>
  </si>
  <si>
    <t>長作台</t>
  </si>
  <si>
    <t>長作町</t>
  </si>
  <si>
    <t>浪花町</t>
  </si>
  <si>
    <t>西小中台</t>
  </si>
  <si>
    <t>畑町</t>
  </si>
  <si>
    <t>花島町</t>
  </si>
  <si>
    <t>花見川</t>
  </si>
  <si>
    <t>幕張町</t>
  </si>
  <si>
    <t>幕張本郷</t>
  </si>
  <si>
    <t>瑞穂</t>
  </si>
  <si>
    <t>南花園</t>
  </si>
  <si>
    <t>宮野木台</t>
  </si>
  <si>
    <t>横戸台</t>
  </si>
  <si>
    <t>横戸町</t>
  </si>
  <si>
    <t>千葉市稲毛区</t>
  </si>
  <si>
    <t>穴川</t>
  </si>
  <si>
    <t>穴川町</t>
  </si>
  <si>
    <t>あやめ台</t>
  </si>
  <si>
    <t>稲丘町</t>
  </si>
  <si>
    <t>稲毛</t>
  </si>
  <si>
    <t>稲毛台町</t>
  </si>
  <si>
    <t>稲毛町</t>
  </si>
  <si>
    <t>稲毛東</t>
  </si>
  <si>
    <t>柏台</t>
  </si>
  <si>
    <t>黒砂</t>
  </si>
  <si>
    <t>黒砂台</t>
  </si>
  <si>
    <t>小仲台</t>
  </si>
  <si>
    <t>小中台町</t>
  </si>
  <si>
    <t>小深町</t>
  </si>
  <si>
    <t>作草部</t>
  </si>
  <si>
    <t>作草部町</t>
  </si>
  <si>
    <t>園生町</t>
  </si>
  <si>
    <t>天台</t>
  </si>
  <si>
    <t>天台町</t>
  </si>
  <si>
    <t>轟町</t>
  </si>
  <si>
    <t>長沼原町</t>
  </si>
  <si>
    <t>萩台町</t>
  </si>
  <si>
    <t>宮野木町</t>
  </si>
  <si>
    <t>六方町</t>
  </si>
  <si>
    <t>愛生町</t>
  </si>
  <si>
    <t>五十土町</t>
  </si>
  <si>
    <t>大井戸町</t>
  </si>
  <si>
    <t>大草町</t>
  </si>
  <si>
    <t>太田町</t>
  </si>
  <si>
    <t>大広町</t>
  </si>
  <si>
    <t>大宮台</t>
  </si>
  <si>
    <t>大宮町</t>
  </si>
  <si>
    <t>小倉町</t>
  </si>
  <si>
    <t>御成台</t>
  </si>
  <si>
    <t>小間子町</t>
  </si>
  <si>
    <t>貝塚町</t>
  </si>
  <si>
    <t>加曽利町</t>
  </si>
  <si>
    <t>金親町</t>
  </si>
  <si>
    <t>上泉町</t>
  </si>
  <si>
    <t>川井町</t>
  </si>
  <si>
    <t>北大宮台</t>
  </si>
  <si>
    <t>北谷津町</t>
  </si>
  <si>
    <t>古泉町</t>
  </si>
  <si>
    <t>信友</t>
  </si>
  <si>
    <t>一松</t>
  </si>
  <si>
    <t>一松甲</t>
  </si>
  <si>
    <t>一松乙</t>
  </si>
  <si>
    <t>一松丙</t>
  </si>
  <si>
    <t>一松丁</t>
  </si>
  <si>
    <t>一松戊</t>
  </si>
  <si>
    <t>一松飛地甲</t>
  </si>
  <si>
    <t>宮成</t>
  </si>
  <si>
    <t>水口</t>
  </si>
  <si>
    <t>六ツ野飛地</t>
  </si>
  <si>
    <t>薮塚</t>
  </si>
  <si>
    <t>長生郡白子町</t>
  </si>
  <si>
    <t>牛込</t>
  </si>
  <si>
    <t>北高根</t>
  </si>
  <si>
    <t>北日当</t>
  </si>
  <si>
    <t>幸治</t>
  </si>
  <si>
    <t>剃金</t>
  </si>
  <si>
    <t>八斗</t>
  </si>
  <si>
    <t>浜宿</t>
  </si>
  <si>
    <t>福島</t>
  </si>
  <si>
    <t>古所</t>
  </si>
  <si>
    <t>南日当</t>
  </si>
  <si>
    <t>長生郡長柄町</t>
  </si>
  <si>
    <t>榎本</t>
  </si>
  <si>
    <t>大津倉</t>
  </si>
  <si>
    <t>大庭</t>
  </si>
  <si>
    <t>刑部</t>
  </si>
  <si>
    <t>国府里</t>
  </si>
  <si>
    <t>小榎本</t>
  </si>
  <si>
    <t>桜谷</t>
  </si>
  <si>
    <t>皿木</t>
  </si>
  <si>
    <t>田代</t>
  </si>
  <si>
    <t>立鳥</t>
  </si>
  <si>
    <t>千代丸</t>
  </si>
  <si>
    <t>鴇谷</t>
  </si>
  <si>
    <t>徳増</t>
  </si>
  <si>
    <t>長富</t>
  </si>
  <si>
    <t>長柄山</t>
  </si>
  <si>
    <t>船木</t>
  </si>
  <si>
    <t>味庄</t>
  </si>
  <si>
    <t>山之郷</t>
  </si>
  <si>
    <t>山根</t>
  </si>
  <si>
    <t>力丸</t>
  </si>
  <si>
    <t>六地蔵</t>
  </si>
  <si>
    <t>長生郡長南町</t>
  </si>
  <si>
    <t>市野々</t>
  </si>
  <si>
    <t>岩川</t>
  </si>
  <si>
    <t>岩撫</t>
  </si>
  <si>
    <t>小生田</t>
  </si>
  <si>
    <t>笠森</t>
  </si>
  <si>
    <t>上小野田</t>
  </si>
  <si>
    <t>給田</t>
  </si>
  <si>
    <t>蔵持</t>
  </si>
  <si>
    <t>佐坪</t>
  </si>
  <si>
    <t>地引</t>
  </si>
  <si>
    <t>下小野田</t>
  </si>
  <si>
    <t>須田</t>
  </si>
  <si>
    <t>竹林</t>
  </si>
  <si>
    <t>棚毛</t>
  </si>
  <si>
    <t>長南</t>
  </si>
  <si>
    <t>深沢</t>
  </si>
  <si>
    <t>報恩寺</t>
  </si>
  <si>
    <t>又富</t>
  </si>
  <si>
    <t>水沼</t>
  </si>
  <si>
    <t>美原台</t>
  </si>
  <si>
    <t>茗荷沢</t>
  </si>
  <si>
    <t>本台</t>
  </si>
  <si>
    <t>山内</t>
  </si>
  <si>
    <t>米満</t>
  </si>
  <si>
    <t>夷隅郡大多喜町</t>
  </si>
  <si>
    <t>粟又</t>
  </si>
  <si>
    <t>板谷</t>
  </si>
  <si>
    <t>市川</t>
  </si>
  <si>
    <t>伊保田</t>
  </si>
  <si>
    <t>上原西部田柳原入会</t>
  </si>
  <si>
    <t>宇筒原</t>
  </si>
  <si>
    <t>大多喜</t>
  </si>
  <si>
    <t>大田代</t>
  </si>
  <si>
    <t>小土呂</t>
  </si>
  <si>
    <t>面白</t>
  </si>
  <si>
    <t>会所</t>
  </si>
  <si>
    <t>川畑</t>
  </si>
  <si>
    <t>久我原</t>
  </si>
  <si>
    <t>葛藤</t>
  </si>
  <si>
    <t>黒原</t>
  </si>
  <si>
    <t>小内</t>
  </si>
  <si>
    <t>小内笛倉入会</t>
  </si>
  <si>
    <t>紺屋</t>
  </si>
  <si>
    <t>小沢又</t>
  </si>
  <si>
    <t>小田代</t>
  </si>
  <si>
    <t>小苗</t>
  </si>
  <si>
    <t>小谷松</t>
  </si>
  <si>
    <t>猿稲</t>
  </si>
  <si>
    <t>三条</t>
  </si>
  <si>
    <t>下大多喜</t>
  </si>
  <si>
    <t>庄司</t>
  </si>
  <si>
    <t>新丁</t>
  </si>
  <si>
    <t>田丁</t>
  </si>
  <si>
    <t>筒森</t>
  </si>
  <si>
    <t>馬場内</t>
  </si>
  <si>
    <t>原内</t>
  </si>
  <si>
    <t>笛倉</t>
  </si>
  <si>
    <t>船子</t>
  </si>
  <si>
    <t>部田</t>
  </si>
  <si>
    <t>松尾</t>
  </si>
  <si>
    <t>三又</t>
  </si>
  <si>
    <t>百鉾</t>
  </si>
  <si>
    <t>森宮</t>
  </si>
  <si>
    <t>弥喜用</t>
  </si>
  <si>
    <t>八声</t>
  </si>
  <si>
    <t>湯倉</t>
  </si>
  <si>
    <t>弓木</t>
  </si>
  <si>
    <t>夷隅郡御宿町</t>
  </si>
  <si>
    <t>岩和田</t>
  </si>
  <si>
    <t>御宿台</t>
  </si>
  <si>
    <t>実谷</t>
  </si>
  <si>
    <t>高山田</t>
  </si>
  <si>
    <t>七本</t>
  </si>
  <si>
    <t>浜</t>
  </si>
  <si>
    <t>安房郡鋸南町</t>
  </si>
  <si>
    <t>市井原</t>
  </si>
  <si>
    <t>岩井袋</t>
  </si>
  <si>
    <t>江月</t>
  </si>
  <si>
    <t>大帷子</t>
  </si>
  <si>
    <t>大崩</t>
  </si>
  <si>
    <t>奥山</t>
  </si>
  <si>
    <t>勝山</t>
  </si>
  <si>
    <t>上佐久間</t>
  </si>
  <si>
    <t>小保田</t>
  </si>
  <si>
    <t>下佐久間</t>
  </si>
  <si>
    <t>大六</t>
  </si>
  <si>
    <t>中佐久間</t>
  </si>
  <si>
    <t>保田</t>
  </si>
  <si>
    <t>元名</t>
  </si>
  <si>
    <t>吉浜</t>
  </si>
  <si>
    <t>竜島</t>
  </si>
  <si>
    <t>西金野井</t>
  </si>
  <si>
    <t>見晴町</t>
  </si>
  <si>
    <t>宮ケ谷戸</t>
  </si>
  <si>
    <t>本住町</t>
  </si>
  <si>
    <t>矢島</t>
  </si>
  <si>
    <t>谷之</t>
  </si>
  <si>
    <t>山河</t>
  </si>
  <si>
    <t>上尾市</t>
  </si>
  <si>
    <t>上尾下</t>
  </si>
  <si>
    <t>上尾宿</t>
  </si>
  <si>
    <t>上尾村</t>
  </si>
  <si>
    <t>浅間台</t>
  </si>
  <si>
    <t>畔吉</t>
  </si>
  <si>
    <t>壱丁目</t>
  </si>
  <si>
    <t>井戸木</t>
  </si>
  <si>
    <t>上野本郷</t>
  </si>
  <si>
    <t>大谷本郷</t>
  </si>
  <si>
    <t>柏座</t>
  </si>
  <si>
    <t>川</t>
  </si>
  <si>
    <t>瓦葺</t>
  </si>
  <si>
    <t>小敷谷</t>
  </si>
  <si>
    <t>五番町</t>
  </si>
  <si>
    <t>須ケ谷</t>
  </si>
  <si>
    <t>堤崎</t>
  </si>
  <si>
    <t>中分</t>
  </si>
  <si>
    <t>西貝塚</t>
  </si>
  <si>
    <t>西宮下</t>
  </si>
  <si>
    <t>西門前</t>
  </si>
  <si>
    <t>原市</t>
  </si>
  <si>
    <t>原市中</t>
  </si>
  <si>
    <t>原新町</t>
  </si>
  <si>
    <t>平方領領家</t>
  </si>
  <si>
    <t>藤波</t>
  </si>
  <si>
    <t>二ツ宮</t>
  </si>
  <si>
    <t>弁財</t>
  </si>
  <si>
    <t>緑丘</t>
  </si>
  <si>
    <t>向山</t>
  </si>
  <si>
    <t>草加市</t>
  </si>
  <si>
    <t>青柳町</t>
  </si>
  <si>
    <t>遊馬町</t>
  </si>
  <si>
    <t>稲荷</t>
  </si>
  <si>
    <t>柿木町</t>
  </si>
  <si>
    <t>北谷</t>
  </si>
  <si>
    <t>北谷町</t>
  </si>
  <si>
    <t>金明町</t>
  </si>
  <si>
    <t>新善町</t>
  </si>
  <si>
    <t>清門町</t>
  </si>
  <si>
    <t>瀬崎町</t>
  </si>
  <si>
    <t>草加</t>
  </si>
  <si>
    <t>長栄町</t>
  </si>
  <si>
    <t>手代町</t>
  </si>
  <si>
    <t>苗塚町</t>
  </si>
  <si>
    <t>新里町</t>
  </si>
  <si>
    <t>花栗</t>
  </si>
  <si>
    <t>谷塚上町</t>
  </si>
  <si>
    <t>谷塚仲町</t>
  </si>
  <si>
    <t>谷塚町</t>
  </si>
  <si>
    <t>柳島町</t>
  </si>
  <si>
    <t>吉町</t>
  </si>
  <si>
    <t>両新田東町</t>
  </si>
  <si>
    <t>両新田西町</t>
  </si>
  <si>
    <t>赤山町</t>
  </si>
  <si>
    <t>赤山本町</t>
  </si>
  <si>
    <t>伊原</t>
  </si>
  <si>
    <t>大澤</t>
  </si>
  <si>
    <t>大泊</t>
  </si>
  <si>
    <t>大林</t>
  </si>
  <si>
    <t>大房</t>
  </si>
  <si>
    <t>大間野町</t>
  </si>
  <si>
    <t>大吉</t>
  </si>
  <si>
    <t>小曽川</t>
  </si>
  <si>
    <t>恩間</t>
  </si>
  <si>
    <t>恩間新田</t>
  </si>
  <si>
    <t>上間久里</t>
  </si>
  <si>
    <t>蒲生</t>
  </si>
  <si>
    <t>蒲生茜町</t>
  </si>
  <si>
    <t>蒲生旭町</t>
  </si>
  <si>
    <t>蒲生愛宕町</t>
  </si>
  <si>
    <t>蒲生寿町</t>
  </si>
  <si>
    <t>蒲生東町</t>
  </si>
  <si>
    <t>蒲生西町</t>
  </si>
  <si>
    <t>蒲生南町</t>
  </si>
  <si>
    <t>蒲生本町</t>
  </si>
  <si>
    <t>川柳町</t>
  </si>
  <si>
    <t>瓦曽根</t>
  </si>
  <si>
    <t>北後谷</t>
  </si>
  <si>
    <t>北川崎</t>
  </si>
  <si>
    <t>北越谷</t>
  </si>
  <si>
    <t>越ケ谷（番地）</t>
  </si>
  <si>
    <t>越ケ谷（丁目）</t>
  </si>
  <si>
    <t>越ケ谷本町</t>
  </si>
  <si>
    <t>相模町</t>
  </si>
  <si>
    <t>三野宮</t>
  </si>
  <si>
    <t>七左町</t>
  </si>
  <si>
    <t>下間久里</t>
  </si>
  <si>
    <t>新川町</t>
  </si>
  <si>
    <t>親田町</t>
  </si>
  <si>
    <t>垣根町</t>
  </si>
  <si>
    <t>垣根見晴台</t>
  </si>
  <si>
    <t>笠上町</t>
  </si>
  <si>
    <t>春日台町</t>
  </si>
  <si>
    <t>唐子町</t>
  </si>
  <si>
    <t>北小川町</t>
  </si>
  <si>
    <t>君ケ浜</t>
  </si>
  <si>
    <t>黒生町</t>
  </si>
  <si>
    <t>小長町</t>
  </si>
  <si>
    <t>小畑新町</t>
  </si>
  <si>
    <t>小畑町</t>
  </si>
  <si>
    <t>後飯町</t>
  </si>
  <si>
    <t>小船木町</t>
  </si>
  <si>
    <t>榊町</t>
  </si>
  <si>
    <t>桜井町</t>
  </si>
  <si>
    <t>笹本町</t>
  </si>
  <si>
    <t>猿田町</t>
  </si>
  <si>
    <t>三軒町</t>
  </si>
  <si>
    <t>潮見町</t>
  </si>
  <si>
    <t>忍町</t>
  </si>
  <si>
    <t>正明寺町</t>
  </si>
  <si>
    <t>新地町</t>
  </si>
  <si>
    <t>陣屋町</t>
  </si>
  <si>
    <t>高神原町</t>
  </si>
  <si>
    <t>高神東町</t>
  </si>
  <si>
    <t>高神西町</t>
  </si>
  <si>
    <t>高野町</t>
  </si>
  <si>
    <t>竹町</t>
  </si>
  <si>
    <t>塚本町</t>
  </si>
  <si>
    <t>通町</t>
  </si>
  <si>
    <t>外川台町</t>
  </si>
  <si>
    <t>外川町</t>
  </si>
  <si>
    <t>常世田町</t>
  </si>
  <si>
    <t>富川町</t>
  </si>
  <si>
    <t>豊里台</t>
  </si>
  <si>
    <t>名洗町</t>
  </si>
  <si>
    <t>長崎町</t>
  </si>
  <si>
    <t>長塚町</t>
  </si>
  <si>
    <t>長山町</t>
  </si>
  <si>
    <t>西小川町</t>
  </si>
  <si>
    <t>西芝町</t>
  </si>
  <si>
    <t>野尻町</t>
  </si>
  <si>
    <t>橋本町</t>
  </si>
  <si>
    <t>東小川町</t>
  </si>
  <si>
    <t>双葉町</t>
  </si>
  <si>
    <t>船木町</t>
  </si>
  <si>
    <t>本城町</t>
  </si>
  <si>
    <t>前宿町</t>
  </si>
  <si>
    <t>松岸町</t>
  </si>
  <si>
    <t>松岸見晴台</t>
  </si>
  <si>
    <t>三門町</t>
  </si>
  <si>
    <t>南小川町</t>
  </si>
  <si>
    <t>三宅町</t>
  </si>
  <si>
    <t>宮原町</t>
  </si>
  <si>
    <t>妙見町</t>
  </si>
  <si>
    <t>森戸町</t>
  </si>
  <si>
    <t>諸持町</t>
  </si>
  <si>
    <t>四日市場台</t>
  </si>
  <si>
    <t>四日市場町</t>
  </si>
  <si>
    <t>余山町</t>
  </si>
  <si>
    <t>若宮町</t>
  </si>
  <si>
    <t>市川市</t>
  </si>
  <si>
    <t>相之川</t>
  </si>
  <si>
    <t>伊勢宿</t>
  </si>
  <si>
    <t>市川南</t>
  </si>
  <si>
    <t>稲越町</t>
  </si>
  <si>
    <t>大洲</t>
  </si>
  <si>
    <t>大野町</t>
  </si>
  <si>
    <t>鬼越</t>
  </si>
  <si>
    <t>鬼高</t>
  </si>
  <si>
    <t>欠真間</t>
  </si>
  <si>
    <t>加藤新田</t>
  </si>
  <si>
    <t>上妙典（１～９９９番地）</t>
  </si>
  <si>
    <t>上妙典（その他）</t>
  </si>
  <si>
    <t>河原</t>
  </si>
  <si>
    <t>北方</t>
  </si>
  <si>
    <t>北国分</t>
  </si>
  <si>
    <t>行徳駅前</t>
  </si>
  <si>
    <t>高谷新町</t>
  </si>
  <si>
    <t>国分</t>
  </si>
  <si>
    <t>幸</t>
  </si>
  <si>
    <t>塩焼</t>
  </si>
  <si>
    <t>島尻</t>
  </si>
  <si>
    <t>下新宿</t>
  </si>
  <si>
    <t>下妙典</t>
  </si>
  <si>
    <t>須和田</t>
  </si>
  <si>
    <t>関ケ島</t>
  </si>
  <si>
    <t>曽谷</t>
  </si>
  <si>
    <t>高石神</t>
  </si>
  <si>
    <t>高浜町</t>
  </si>
  <si>
    <t>宝</t>
  </si>
  <si>
    <t>田尻</t>
  </si>
  <si>
    <t>千鳥町</t>
  </si>
  <si>
    <t>稲荷木</t>
  </si>
  <si>
    <t>富浜</t>
  </si>
  <si>
    <t>中国分</t>
  </si>
  <si>
    <t>新浜</t>
  </si>
  <si>
    <t>原木</t>
  </si>
  <si>
    <t>東国分</t>
  </si>
  <si>
    <t>東菅野</t>
  </si>
  <si>
    <t>東浜</t>
  </si>
  <si>
    <t>日之出</t>
  </si>
  <si>
    <t>広尾</t>
  </si>
  <si>
    <t>福栄</t>
  </si>
  <si>
    <t>二俣</t>
  </si>
  <si>
    <t>二俣新町</t>
  </si>
  <si>
    <t>奉免町</t>
  </si>
  <si>
    <t>北方町</t>
  </si>
  <si>
    <t>本行徳</t>
  </si>
  <si>
    <t>本塩</t>
  </si>
  <si>
    <t>真間</t>
  </si>
  <si>
    <t>湊新田</t>
  </si>
  <si>
    <t>南大野</t>
  </si>
  <si>
    <t>南行徳</t>
  </si>
  <si>
    <t>南八幡</t>
  </si>
  <si>
    <t>宮久保</t>
  </si>
  <si>
    <t>妙典</t>
  </si>
  <si>
    <t>本北方</t>
  </si>
  <si>
    <t>船橋市</t>
  </si>
  <si>
    <t>成田市</t>
  </si>
  <si>
    <t>赤荻</t>
  </si>
  <si>
    <t>芦田</t>
  </si>
  <si>
    <t>吾妻</t>
  </si>
  <si>
    <t>荒海</t>
  </si>
  <si>
    <t>安西</t>
  </si>
  <si>
    <t>飯田町</t>
  </si>
  <si>
    <t>飯仲</t>
  </si>
  <si>
    <t>囲護台</t>
  </si>
  <si>
    <t>磯部</t>
  </si>
  <si>
    <t>伊能</t>
  </si>
  <si>
    <t>ウイング土屋</t>
  </si>
  <si>
    <t>臼作</t>
  </si>
  <si>
    <t>江弁須</t>
  </si>
  <si>
    <t>大生</t>
  </si>
  <si>
    <t>大菅</t>
  </si>
  <si>
    <t>大袋</t>
  </si>
  <si>
    <t>大山</t>
  </si>
  <si>
    <t>押畑</t>
  </si>
  <si>
    <t>上福田</t>
  </si>
  <si>
    <t>加良部</t>
  </si>
  <si>
    <t>川栗</t>
  </si>
  <si>
    <t>官林</t>
  </si>
  <si>
    <t>北須賀</t>
  </si>
  <si>
    <t>北羽鳥</t>
  </si>
  <si>
    <t>吉岡（成田国際空港内）</t>
  </si>
  <si>
    <t>吉岡（その他）</t>
  </si>
  <si>
    <t>木の根（成田国際空港内）</t>
  </si>
  <si>
    <t>木の根（その他）</t>
  </si>
  <si>
    <t>久井崎</t>
  </si>
  <si>
    <t>久米野</t>
  </si>
  <si>
    <t>倉水</t>
  </si>
  <si>
    <t>公津の杜</t>
  </si>
  <si>
    <t>郷部</t>
  </si>
  <si>
    <t>御所の内</t>
  </si>
  <si>
    <t>小菅（成田国際空港内）</t>
  </si>
  <si>
    <t>小菅（その他）</t>
  </si>
  <si>
    <t>小浮</t>
  </si>
  <si>
    <t>駒井野（成田国際空港内）</t>
  </si>
  <si>
    <t>駒井野（その他）</t>
  </si>
  <si>
    <t>猿山</t>
  </si>
  <si>
    <t>三里塚御料</t>
  </si>
  <si>
    <t>三里塚光ケ丘</t>
  </si>
  <si>
    <t>地蔵原新田</t>
  </si>
  <si>
    <t>三里塚（御料牧場・成田国際空港内）</t>
  </si>
  <si>
    <t>三里塚（その他）</t>
  </si>
  <si>
    <t>下方</t>
  </si>
  <si>
    <t>芝</t>
  </si>
  <si>
    <t>柴田</t>
  </si>
  <si>
    <t>下金山</t>
  </si>
  <si>
    <t>下福田</t>
  </si>
  <si>
    <t>新駒井野</t>
  </si>
  <si>
    <t>宗吾</t>
  </si>
  <si>
    <t>大栄十余三</t>
  </si>
  <si>
    <t>宝田</t>
  </si>
  <si>
    <t>竜台</t>
  </si>
  <si>
    <t>多良貝</t>
  </si>
  <si>
    <t>土室</t>
  </si>
  <si>
    <t>津富浦</t>
  </si>
  <si>
    <t>寺台</t>
  </si>
  <si>
    <t>天神峰（成田国際空港内）</t>
  </si>
  <si>
    <t>天神峰（その他）</t>
  </si>
  <si>
    <t>天浪</t>
  </si>
  <si>
    <t>稲荷山</t>
  </si>
  <si>
    <t>東峰（成田国際空港内）</t>
  </si>
  <si>
    <t>東峰（その他）</t>
  </si>
  <si>
    <t>所</t>
  </si>
  <si>
    <t>取香（成田国際空港内）</t>
  </si>
  <si>
    <t>取香（その他）</t>
  </si>
  <si>
    <t>冬父</t>
  </si>
  <si>
    <t>十余三（成田国際空港内）</t>
  </si>
  <si>
    <t>十余三（その他）</t>
  </si>
  <si>
    <t>名古屋</t>
  </si>
  <si>
    <t>南敷</t>
  </si>
  <si>
    <t>奈土</t>
  </si>
  <si>
    <t>七沢</t>
  </si>
  <si>
    <t>長田</t>
  </si>
  <si>
    <t>長沼</t>
  </si>
  <si>
    <t>滑川</t>
  </si>
  <si>
    <t>成田</t>
  </si>
  <si>
    <t>成井</t>
  </si>
  <si>
    <t>成毛</t>
  </si>
  <si>
    <t>南部</t>
  </si>
  <si>
    <t>西和泉</t>
  </si>
  <si>
    <t>西大須賀</t>
  </si>
  <si>
    <t>西三里塚</t>
  </si>
  <si>
    <t>新妻</t>
  </si>
  <si>
    <t>野毛平</t>
  </si>
  <si>
    <t>野馬込</t>
  </si>
  <si>
    <t>橋賀台</t>
  </si>
  <si>
    <t>畑ケ田</t>
  </si>
  <si>
    <t>幡谷</t>
  </si>
  <si>
    <t>花崎町</t>
  </si>
  <si>
    <t>東和泉</t>
  </si>
  <si>
    <t>東金山</t>
  </si>
  <si>
    <t>東三里塚（成田国際空港内）</t>
  </si>
  <si>
    <t>東三里塚（その他）</t>
  </si>
  <si>
    <t>東ノ台</t>
  </si>
  <si>
    <t>一坪田</t>
  </si>
  <si>
    <t>不動ケ岡</t>
  </si>
  <si>
    <t>古込（成田国際空港内）</t>
  </si>
  <si>
    <t>古込（その他）</t>
  </si>
  <si>
    <t>堀籠</t>
  </si>
  <si>
    <t>北部</t>
  </si>
  <si>
    <t>堀之内（成田国際空港内）</t>
  </si>
  <si>
    <t>堀之内（その他）</t>
  </si>
  <si>
    <t>本三里塚</t>
  </si>
  <si>
    <t>本城</t>
  </si>
  <si>
    <t>前林</t>
  </si>
  <si>
    <t>馬乗里</t>
  </si>
  <si>
    <t>松子</t>
  </si>
  <si>
    <t>赤門町</t>
  </si>
  <si>
    <t>平戸町</t>
  </si>
  <si>
    <t>美郷台</t>
  </si>
  <si>
    <t>水掛</t>
  </si>
  <si>
    <t>水の上</t>
  </si>
  <si>
    <t>南三里塚</t>
  </si>
  <si>
    <t>南羽鳥</t>
  </si>
  <si>
    <t>村田</t>
  </si>
  <si>
    <t>八代</t>
  </si>
  <si>
    <t>山之作</t>
  </si>
  <si>
    <t>四ツ谷</t>
  </si>
  <si>
    <t>米野</t>
  </si>
  <si>
    <t>池袋</t>
  </si>
  <si>
    <t>伊勢佐木町</t>
  </si>
  <si>
    <t>内田町</t>
  </si>
  <si>
    <t>大芝台</t>
  </si>
  <si>
    <t>大平町</t>
  </si>
  <si>
    <t>翁町</t>
  </si>
  <si>
    <t>尾上町</t>
  </si>
  <si>
    <t>海岸通</t>
  </si>
  <si>
    <t>柏葉</t>
  </si>
  <si>
    <t>かもめ町</t>
  </si>
  <si>
    <t>北仲通</t>
  </si>
  <si>
    <t>黄金町</t>
  </si>
  <si>
    <t>小港町</t>
  </si>
  <si>
    <t>鷺山</t>
  </si>
  <si>
    <t>新山下</t>
  </si>
  <si>
    <t>末吉町</t>
  </si>
  <si>
    <t>滝之上</t>
  </si>
  <si>
    <t>竹之丸</t>
  </si>
  <si>
    <t>千歳町</t>
  </si>
  <si>
    <t>長者町</t>
  </si>
  <si>
    <t>千代崎町</t>
  </si>
  <si>
    <t>寺久保</t>
  </si>
  <si>
    <t>豊浦町</t>
  </si>
  <si>
    <t>仲尾台</t>
  </si>
  <si>
    <t>西竹之丸</t>
  </si>
  <si>
    <t>西之谷町</t>
  </si>
  <si>
    <t>日本大通</t>
  </si>
  <si>
    <t>根岸旭台</t>
  </si>
  <si>
    <t>根岸加曽台</t>
  </si>
  <si>
    <t>野毛町</t>
  </si>
  <si>
    <t>初音町</t>
  </si>
  <si>
    <t>花咲町</t>
  </si>
  <si>
    <t>英町</t>
  </si>
  <si>
    <t>万代町</t>
  </si>
  <si>
    <t>福富町仲通</t>
  </si>
  <si>
    <t>福富町東通</t>
  </si>
  <si>
    <t>福富町西通</t>
  </si>
  <si>
    <t>不老町</t>
  </si>
  <si>
    <t>弁天通</t>
  </si>
  <si>
    <t>蓬莱町</t>
  </si>
  <si>
    <t>本牧荒井</t>
  </si>
  <si>
    <t>本牧大里町</t>
  </si>
  <si>
    <t>本牧三之谷</t>
  </si>
  <si>
    <t>本牧十二天</t>
  </si>
  <si>
    <t>本牧原</t>
  </si>
  <si>
    <t>本牧ふ頭</t>
  </si>
  <si>
    <t>本牧間門</t>
  </si>
  <si>
    <t>本牧満坂</t>
  </si>
  <si>
    <t>本牧緑ケ丘</t>
  </si>
  <si>
    <t>本牧宮原</t>
  </si>
  <si>
    <t>本牧元町</t>
  </si>
  <si>
    <t>本牧和田</t>
  </si>
  <si>
    <t>本牧町</t>
  </si>
  <si>
    <t>真砂町</t>
  </si>
  <si>
    <t>松影町</t>
  </si>
  <si>
    <t>豆口台</t>
  </si>
  <si>
    <t>南仲通</t>
  </si>
  <si>
    <t>南本牧</t>
  </si>
  <si>
    <t>簑沢</t>
  </si>
  <si>
    <t>宮川町</t>
  </si>
  <si>
    <t>妙香寺台</t>
  </si>
  <si>
    <t>三吉町</t>
  </si>
  <si>
    <t>麦田町</t>
  </si>
  <si>
    <t>元浜町</t>
  </si>
  <si>
    <t>矢口台</t>
  </si>
  <si>
    <t>山吹町</t>
  </si>
  <si>
    <t>山元町</t>
  </si>
  <si>
    <t>横浜公園</t>
  </si>
  <si>
    <t>吉田町</t>
  </si>
  <si>
    <t>吉浜町</t>
  </si>
  <si>
    <t>和田山</t>
  </si>
  <si>
    <t>横浜市南区</t>
  </si>
  <si>
    <t>井土ケ谷上町</t>
  </si>
  <si>
    <t>井土ケ谷中町</t>
  </si>
  <si>
    <t>井土ケ谷下町</t>
  </si>
  <si>
    <t>浦舟町</t>
  </si>
  <si>
    <t>永楽町</t>
  </si>
  <si>
    <t>大岡</t>
  </si>
  <si>
    <t>庚台</t>
  </si>
  <si>
    <t>唐沢</t>
  </si>
  <si>
    <t>共進町</t>
  </si>
  <si>
    <t>弘明寺町</t>
  </si>
  <si>
    <t>山谷</t>
  </si>
  <si>
    <t>清水ケ丘</t>
  </si>
  <si>
    <t>宿町</t>
  </si>
  <si>
    <t>白妙町</t>
  </si>
  <si>
    <t>高砂町</t>
  </si>
  <si>
    <t>中里町</t>
  </si>
  <si>
    <t>永田山王台</t>
  </si>
  <si>
    <t>永田みなみ台</t>
  </si>
  <si>
    <t>永田東</t>
  </si>
  <si>
    <t>永田南</t>
  </si>
  <si>
    <t>永田北</t>
  </si>
  <si>
    <t>西中町</t>
  </si>
  <si>
    <t>花之木町</t>
  </si>
  <si>
    <t>日枝町</t>
  </si>
  <si>
    <t>東蒔田町</t>
  </si>
  <si>
    <t>伏見町</t>
  </si>
  <si>
    <t>二葉町</t>
  </si>
  <si>
    <t>平楽</t>
  </si>
  <si>
    <t>別所中里台</t>
  </si>
  <si>
    <t>堀ノ内町</t>
  </si>
  <si>
    <t>蒔田町</t>
  </si>
  <si>
    <t>前里町</t>
  </si>
  <si>
    <t>真金町</t>
  </si>
  <si>
    <t>万世町</t>
  </si>
  <si>
    <t>南太田</t>
  </si>
  <si>
    <t>舞岡町</t>
  </si>
  <si>
    <t>前田町</t>
  </si>
  <si>
    <t>俣野町</t>
  </si>
  <si>
    <t>南舞岡</t>
  </si>
  <si>
    <t>横浜市港南区</t>
  </si>
  <si>
    <t>上大岡東</t>
  </si>
  <si>
    <t>上大岡西</t>
  </si>
  <si>
    <t>上永谷</t>
  </si>
  <si>
    <t>上永谷町</t>
  </si>
  <si>
    <t>港南</t>
  </si>
  <si>
    <t>港南中央通</t>
  </si>
  <si>
    <t>最戸</t>
  </si>
  <si>
    <t>笹下</t>
  </si>
  <si>
    <t>下永谷</t>
  </si>
  <si>
    <t>芹が谷</t>
  </si>
  <si>
    <t>野庭町</t>
  </si>
  <si>
    <t>東芹が谷</t>
  </si>
  <si>
    <t>東永谷</t>
  </si>
  <si>
    <t>日限山</t>
  </si>
  <si>
    <t>日野中央</t>
  </si>
  <si>
    <t>日野南</t>
  </si>
  <si>
    <t>丸山台</t>
  </si>
  <si>
    <t>横浜市旭区</t>
  </si>
  <si>
    <t>市沢町</t>
  </si>
  <si>
    <t>今川町</t>
  </si>
  <si>
    <t>今宿東町</t>
  </si>
  <si>
    <t>今宿西町</t>
  </si>
  <si>
    <t>今宿南町</t>
  </si>
  <si>
    <t>今宿町</t>
  </si>
  <si>
    <t>大池町</t>
  </si>
  <si>
    <t>小高町</t>
  </si>
  <si>
    <t>金が谷</t>
  </si>
  <si>
    <t>上川井町</t>
  </si>
  <si>
    <t>上白根</t>
  </si>
  <si>
    <t>上白根町</t>
  </si>
  <si>
    <t>川井宿町</t>
  </si>
  <si>
    <t>川井本町</t>
  </si>
  <si>
    <t>川島町</t>
  </si>
  <si>
    <t>桐が作</t>
  </si>
  <si>
    <t>左近山</t>
  </si>
  <si>
    <t>笹野台</t>
  </si>
  <si>
    <t>三反田町</t>
  </si>
  <si>
    <t>四季美台</t>
  </si>
  <si>
    <t>下川井町</t>
  </si>
  <si>
    <t>白根</t>
  </si>
  <si>
    <t>白根町</t>
  </si>
  <si>
    <t>善部町</t>
  </si>
  <si>
    <t>都岡町</t>
  </si>
  <si>
    <t>鶴ケ峰</t>
  </si>
  <si>
    <t>鶴ケ峰本町</t>
  </si>
  <si>
    <t>中希望が丘</t>
  </si>
  <si>
    <t>中白根</t>
  </si>
  <si>
    <t>西川島町</t>
  </si>
  <si>
    <t>東希望が丘</t>
  </si>
  <si>
    <t>二俣川</t>
  </si>
  <si>
    <t>本村町</t>
  </si>
  <si>
    <t>万騎が原</t>
  </si>
  <si>
    <t>南希望が丘</t>
  </si>
  <si>
    <t>南本宿町</t>
  </si>
  <si>
    <t>矢指町</t>
  </si>
  <si>
    <t>横浜市緑区</t>
  </si>
  <si>
    <t>青砥町</t>
  </si>
  <si>
    <t>いぶき野</t>
  </si>
  <si>
    <t>上山</t>
  </si>
  <si>
    <t>鴨居町</t>
  </si>
  <si>
    <t>北八朔町</t>
  </si>
  <si>
    <t>霧が丘</t>
  </si>
  <si>
    <t>台村町</t>
  </si>
  <si>
    <t>竹山</t>
  </si>
  <si>
    <t>寺山町</t>
  </si>
  <si>
    <t>十日市場町</t>
  </si>
  <si>
    <t>中山町</t>
  </si>
  <si>
    <t>長津田</t>
  </si>
  <si>
    <t>長津田町</t>
  </si>
  <si>
    <t>長津田みなみ台</t>
  </si>
  <si>
    <t>新治町</t>
  </si>
  <si>
    <t>西八朔町</t>
  </si>
  <si>
    <t>東本郷</t>
  </si>
  <si>
    <t>東本郷町</t>
  </si>
  <si>
    <t>三保町</t>
  </si>
  <si>
    <t>森の台</t>
  </si>
  <si>
    <t>横浜市瀬谷区</t>
  </si>
  <si>
    <t>相沢</t>
  </si>
  <si>
    <t>阿久和東</t>
  </si>
  <si>
    <t>阿久和西</t>
  </si>
  <si>
    <t>阿久和南</t>
  </si>
  <si>
    <t>東野台</t>
  </si>
  <si>
    <t>卸本町</t>
  </si>
  <si>
    <t>上瀬谷町</t>
  </si>
  <si>
    <t>北新</t>
  </si>
  <si>
    <t>五貫目町</t>
  </si>
  <si>
    <t>下瀬谷</t>
  </si>
  <si>
    <t>瀬谷</t>
  </si>
  <si>
    <t>瀬谷町</t>
  </si>
  <si>
    <t>竹村町</t>
  </si>
  <si>
    <t>中屋敷</t>
  </si>
  <si>
    <t>橋戸</t>
  </si>
  <si>
    <t>二ツ橋町</t>
  </si>
  <si>
    <t>三ツ境</t>
  </si>
  <si>
    <t>南瀬谷</t>
  </si>
  <si>
    <t>目黒町</t>
  </si>
  <si>
    <t>飯島町</t>
  </si>
  <si>
    <t>犬山町</t>
  </si>
  <si>
    <t>尾月</t>
  </si>
  <si>
    <t>笠間</t>
  </si>
  <si>
    <t>鍛冶ケ谷</t>
  </si>
  <si>
    <t>鍛冶ケ谷町</t>
  </si>
  <si>
    <t>桂台北</t>
  </si>
  <si>
    <t>桂台中</t>
  </si>
  <si>
    <t>桂台西</t>
  </si>
  <si>
    <t>桂台東</t>
  </si>
  <si>
    <t>桂台南</t>
  </si>
  <si>
    <t>桂町</t>
  </si>
  <si>
    <t>上郷町</t>
  </si>
  <si>
    <t>上之町</t>
  </si>
  <si>
    <t>公田町</t>
  </si>
  <si>
    <t>小菅ケ谷</t>
  </si>
  <si>
    <t>小菅ケ谷町</t>
  </si>
  <si>
    <t>庄戸</t>
  </si>
  <si>
    <t>田谷町</t>
  </si>
  <si>
    <t>長尾台町</t>
  </si>
  <si>
    <t>長倉町</t>
  </si>
  <si>
    <t>野七里</t>
  </si>
  <si>
    <t>柏陽</t>
  </si>
  <si>
    <t>田島町</t>
  </si>
  <si>
    <t>田辺新田</t>
  </si>
  <si>
    <t>大師駅前</t>
  </si>
  <si>
    <t>大師河原</t>
  </si>
  <si>
    <t>大師公園</t>
  </si>
  <si>
    <t>大師本町</t>
  </si>
  <si>
    <t>大師町</t>
  </si>
  <si>
    <t>出来野</t>
  </si>
  <si>
    <t>殿町</t>
  </si>
  <si>
    <t>日進町</t>
  </si>
  <si>
    <t>東扇島</t>
  </si>
  <si>
    <t>東田町</t>
  </si>
  <si>
    <t>東門前</t>
  </si>
  <si>
    <t>日ノ出</t>
  </si>
  <si>
    <t>堀之内町</t>
  </si>
  <si>
    <t>水江町</t>
  </si>
  <si>
    <t>南渡田町</t>
  </si>
  <si>
    <t>元木</t>
  </si>
  <si>
    <t>夜光</t>
  </si>
  <si>
    <t>四谷上町</t>
  </si>
  <si>
    <t>四谷下町</t>
  </si>
  <si>
    <t>渡田</t>
  </si>
  <si>
    <t>渡田山王町</t>
  </si>
  <si>
    <t>渡田新町</t>
  </si>
  <si>
    <t>渡田東町</t>
  </si>
  <si>
    <t>渡田向町</t>
  </si>
  <si>
    <t>川崎市幸区</t>
  </si>
  <si>
    <t>遠藤町</t>
  </si>
  <si>
    <t>鹿島田</t>
  </si>
  <si>
    <t>北加瀬</t>
  </si>
  <si>
    <t>小向東芝町</t>
  </si>
  <si>
    <t>小向仲野町</t>
  </si>
  <si>
    <t>小向西町</t>
  </si>
  <si>
    <t>小向町</t>
  </si>
  <si>
    <t>下平間</t>
  </si>
  <si>
    <t>新小倉</t>
  </si>
  <si>
    <t>新川崎</t>
  </si>
  <si>
    <t>新塚越</t>
  </si>
  <si>
    <t>戸手</t>
  </si>
  <si>
    <t>戸手本町</t>
  </si>
  <si>
    <t>中幸町</t>
  </si>
  <si>
    <t>東小倉</t>
  </si>
  <si>
    <t>東古市場</t>
  </si>
  <si>
    <t>古川町</t>
  </si>
  <si>
    <t>堀川町</t>
  </si>
  <si>
    <t>南加瀬</t>
  </si>
  <si>
    <t>南幸町</t>
  </si>
  <si>
    <t>矢上</t>
  </si>
  <si>
    <t>川崎市中原区</t>
  </si>
  <si>
    <t>井田</t>
  </si>
  <si>
    <t>井田三舞町</t>
  </si>
  <si>
    <t>井田杉山町</t>
  </si>
  <si>
    <t>井田中ノ町</t>
  </si>
  <si>
    <t>市ノ坪</t>
  </si>
  <si>
    <t>今井上町</t>
  </si>
  <si>
    <t>今井仲町</t>
  </si>
  <si>
    <t>今井西町</t>
  </si>
  <si>
    <t>今井南町</t>
  </si>
  <si>
    <t>大倉町</t>
  </si>
  <si>
    <t>上小田中</t>
  </si>
  <si>
    <t>上新城</t>
  </si>
  <si>
    <t>上平間</t>
  </si>
  <si>
    <t>上丸子</t>
  </si>
  <si>
    <t>上丸子山王町</t>
  </si>
  <si>
    <t>上丸子天神町</t>
  </si>
  <si>
    <t>上丸子八幡町</t>
  </si>
  <si>
    <t>苅宿</t>
  </si>
  <si>
    <t>木月</t>
  </si>
  <si>
    <t>木月伊勢町</t>
  </si>
  <si>
    <t>木月祗園町</t>
  </si>
  <si>
    <t>木月住吉町</t>
  </si>
  <si>
    <t>木月大町</t>
  </si>
  <si>
    <t>小杉御殿町</t>
  </si>
  <si>
    <t>小杉陣屋町</t>
  </si>
  <si>
    <t>小杉町</t>
  </si>
  <si>
    <t>下小田中</t>
  </si>
  <si>
    <t>下新城</t>
  </si>
  <si>
    <t>下沼部</t>
  </si>
  <si>
    <t>新城中町</t>
  </si>
  <si>
    <t>新丸子町</t>
  </si>
  <si>
    <t>新丸子東</t>
  </si>
  <si>
    <t>田尻町</t>
  </si>
  <si>
    <t>等々力</t>
  </si>
  <si>
    <t>中丸子</t>
  </si>
  <si>
    <t>西加瀬</t>
  </si>
  <si>
    <t>丸子通</t>
  </si>
  <si>
    <t>川崎市高津区</t>
  </si>
  <si>
    <t>明津</t>
  </si>
  <si>
    <t>宇奈根</t>
  </si>
  <si>
    <t>蟹ケ谷</t>
  </si>
  <si>
    <t>上作延</t>
  </si>
  <si>
    <t>北見方</t>
  </si>
  <si>
    <t>久地</t>
  </si>
  <si>
    <t>子母口</t>
  </si>
  <si>
    <t>下作延</t>
  </si>
  <si>
    <t>下野毛</t>
  </si>
  <si>
    <t>末長</t>
  </si>
  <si>
    <t>瀬田</t>
  </si>
  <si>
    <t>千年新町</t>
  </si>
  <si>
    <t>久末</t>
  </si>
  <si>
    <t>久本</t>
  </si>
  <si>
    <t>溝口</t>
  </si>
  <si>
    <t>向ケ丘</t>
  </si>
  <si>
    <t>生田</t>
  </si>
  <si>
    <t>栗谷</t>
  </si>
  <si>
    <t>宿河原</t>
  </si>
  <si>
    <t>菅</t>
  </si>
  <si>
    <t>菅稲田堤</t>
  </si>
  <si>
    <t>菅北浦</t>
  </si>
  <si>
    <t>菅城下</t>
  </si>
  <si>
    <t>菅仙谷</t>
  </si>
  <si>
    <t>菅野戸呂</t>
  </si>
  <si>
    <t>菅馬場</t>
  </si>
  <si>
    <t>堰</t>
  </si>
  <si>
    <t>笛田</t>
  </si>
  <si>
    <t>山ノ内</t>
  </si>
  <si>
    <t>由比ガ浜</t>
  </si>
  <si>
    <t>雪ノ下</t>
  </si>
  <si>
    <t>藤沢市</t>
  </si>
  <si>
    <t>今田</t>
  </si>
  <si>
    <t>打戻</t>
  </si>
  <si>
    <t>江の島</t>
  </si>
  <si>
    <t>円行</t>
  </si>
  <si>
    <t>遠藤</t>
  </si>
  <si>
    <t>獺郷</t>
  </si>
  <si>
    <t>片瀬</t>
  </si>
  <si>
    <t>片瀬海岸</t>
  </si>
  <si>
    <t>片瀬目白山</t>
  </si>
  <si>
    <t>片瀬山</t>
  </si>
  <si>
    <t>亀井野</t>
  </si>
  <si>
    <t>柄沢</t>
  </si>
  <si>
    <t>桐原町</t>
  </si>
  <si>
    <t>鵠沼</t>
  </si>
  <si>
    <t>鵠沼石上</t>
  </si>
  <si>
    <t>鵠沼海岸</t>
  </si>
  <si>
    <t>鵠沼桜が岡</t>
  </si>
  <si>
    <t>鵠沼神明</t>
  </si>
  <si>
    <t>鵠沼橘</t>
  </si>
  <si>
    <t>鵠沼花沢町</t>
  </si>
  <si>
    <t>鵠沼藤が谷</t>
  </si>
  <si>
    <t>鵠沼松が岡</t>
  </si>
  <si>
    <t>鵠沼東</t>
  </si>
  <si>
    <t>小塚</t>
  </si>
  <si>
    <t>下土棚</t>
  </si>
  <si>
    <t>湘南台</t>
  </si>
  <si>
    <t>菖蒲沢</t>
  </si>
  <si>
    <t>善行</t>
  </si>
  <si>
    <t>善行坂</t>
  </si>
  <si>
    <t>善行団地</t>
  </si>
  <si>
    <t>大鋸</t>
  </si>
  <si>
    <t>長後</t>
  </si>
  <si>
    <t>辻堂</t>
  </si>
  <si>
    <t>辻堂神台</t>
  </si>
  <si>
    <t>辻堂新町</t>
  </si>
  <si>
    <t>辻堂太平台</t>
  </si>
  <si>
    <t>辻堂東海岸</t>
  </si>
  <si>
    <t>辻堂西海岸</t>
  </si>
  <si>
    <t>辻堂元町</t>
  </si>
  <si>
    <t>土棚</t>
  </si>
  <si>
    <t>西富</t>
  </si>
  <si>
    <t>西俣野</t>
  </si>
  <si>
    <t>花の木</t>
  </si>
  <si>
    <t>藤が岡</t>
  </si>
  <si>
    <t>本鵠沼</t>
  </si>
  <si>
    <t>本藤沢</t>
  </si>
  <si>
    <t>みその台</t>
  </si>
  <si>
    <t>南藤沢</t>
  </si>
  <si>
    <t>弥勒寺</t>
  </si>
  <si>
    <t>村岡東</t>
  </si>
  <si>
    <t>用田</t>
  </si>
  <si>
    <t>渡内</t>
  </si>
  <si>
    <t>小田原市</t>
  </si>
  <si>
    <t>穴部</t>
  </si>
  <si>
    <t>穴部新田</t>
  </si>
  <si>
    <t>新屋</t>
  </si>
  <si>
    <t>飯泉</t>
  </si>
  <si>
    <t>飯田岡</t>
  </si>
  <si>
    <t>井細田</t>
  </si>
  <si>
    <t>板橋</t>
  </si>
  <si>
    <t>入生田</t>
  </si>
  <si>
    <t>江之浦</t>
  </si>
  <si>
    <t>鬼柳</t>
  </si>
  <si>
    <t>小船</t>
  </si>
  <si>
    <t>風祭</t>
  </si>
  <si>
    <t>上曽我</t>
  </si>
  <si>
    <t>鴨宮</t>
  </si>
  <si>
    <t>栢山</t>
  </si>
  <si>
    <t>川匂</t>
  </si>
  <si>
    <t>北ノ窪</t>
  </si>
  <si>
    <t>久野</t>
  </si>
  <si>
    <t>国府津</t>
  </si>
  <si>
    <t>米神</t>
  </si>
  <si>
    <t>小八幡</t>
  </si>
  <si>
    <t>酒匂</t>
  </si>
  <si>
    <t>清水新田</t>
  </si>
  <si>
    <t>下大井</t>
  </si>
  <si>
    <t>十字</t>
  </si>
  <si>
    <t>城内</t>
  </si>
  <si>
    <t>城山</t>
  </si>
  <si>
    <t>曽我大沢</t>
  </si>
  <si>
    <t>曽我岸</t>
  </si>
  <si>
    <t>曽我光海</t>
  </si>
  <si>
    <t>曽我別所</t>
  </si>
  <si>
    <t>曽我谷津</t>
  </si>
  <si>
    <t>曽我原</t>
  </si>
  <si>
    <t>曽比</t>
  </si>
  <si>
    <t>中新田</t>
  </si>
  <si>
    <t>中村原</t>
  </si>
  <si>
    <t>永塚</t>
  </si>
  <si>
    <t>西大友</t>
  </si>
  <si>
    <t>西酒匂</t>
  </si>
  <si>
    <t>沼代</t>
  </si>
  <si>
    <t>根府川</t>
  </si>
  <si>
    <t>延清</t>
  </si>
  <si>
    <t>羽根尾</t>
  </si>
  <si>
    <t>早川</t>
  </si>
  <si>
    <t>東大友</t>
  </si>
  <si>
    <t>東ヶ丘</t>
  </si>
  <si>
    <t>府川</t>
  </si>
  <si>
    <t>別堀</t>
  </si>
  <si>
    <t>前川</t>
  </si>
  <si>
    <t>水之尾</t>
  </si>
  <si>
    <t>南板橋</t>
  </si>
  <si>
    <t>南鴨宮</t>
  </si>
  <si>
    <t>柳新田</t>
  </si>
  <si>
    <t>山西</t>
  </si>
  <si>
    <t>蓮正寺</t>
  </si>
  <si>
    <t>茅ヶ崎市</t>
  </si>
  <si>
    <t>赤松町</t>
  </si>
  <si>
    <t>甘沼</t>
  </si>
  <si>
    <t>円蔵</t>
  </si>
  <si>
    <t>香川</t>
  </si>
  <si>
    <t>小桜町</t>
  </si>
  <si>
    <t>小和田</t>
  </si>
  <si>
    <t>下寺尾</t>
  </si>
  <si>
    <t>下町屋</t>
  </si>
  <si>
    <t>十間坂</t>
  </si>
  <si>
    <t>松林</t>
  </si>
  <si>
    <t>白浜町</t>
  </si>
  <si>
    <t>芹沢</t>
  </si>
  <si>
    <t>茅ヶ崎</t>
  </si>
  <si>
    <t>鶴が台</t>
  </si>
  <si>
    <t>出口町</t>
  </si>
  <si>
    <t>共恵</t>
  </si>
  <si>
    <t>中海岸</t>
  </si>
  <si>
    <t>行谷</t>
  </si>
  <si>
    <t>南湖</t>
  </si>
  <si>
    <t>浜須賀</t>
  </si>
  <si>
    <t>浜竹</t>
  </si>
  <si>
    <t>浜之郷</t>
  </si>
  <si>
    <t>浜見平</t>
  </si>
  <si>
    <t>東海岸南</t>
  </si>
  <si>
    <t>東海岸北</t>
  </si>
  <si>
    <t>菱沼海岸</t>
  </si>
  <si>
    <t>平太夫新田</t>
  </si>
  <si>
    <t>平和町</t>
  </si>
  <si>
    <t>本村</t>
  </si>
  <si>
    <t>松浪</t>
  </si>
  <si>
    <t>緑が浜</t>
  </si>
  <si>
    <t>室田</t>
  </si>
  <si>
    <t>柳島</t>
  </si>
  <si>
    <t>柳島海岸</t>
  </si>
  <si>
    <t>矢畑</t>
  </si>
  <si>
    <t>逗子市</t>
  </si>
  <si>
    <t>池子</t>
  </si>
  <si>
    <t>小坪</t>
  </si>
  <si>
    <t>桜山</t>
  </si>
  <si>
    <t>逗子</t>
  </si>
  <si>
    <t>沼間</t>
  </si>
  <si>
    <t>久木</t>
  </si>
  <si>
    <t>山の根</t>
  </si>
  <si>
    <t>相模原市</t>
  </si>
  <si>
    <t>相生</t>
  </si>
  <si>
    <t>相原</t>
  </si>
  <si>
    <t>麻溝台</t>
  </si>
  <si>
    <t>新磯野</t>
  </si>
  <si>
    <t>鵜野森</t>
  </si>
  <si>
    <t>大山町</t>
  </si>
  <si>
    <t>鹿沼台</t>
  </si>
  <si>
    <t>上九沢</t>
  </si>
  <si>
    <t>上鶴間</t>
  </si>
  <si>
    <t>上鶴間本町</t>
  </si>
  <si>
    <t>上溝</t>
  </si>
  <si>
    <t>上矢部</t>
  </si>
  <si>
    <t>北里</t>
  </si>
  <si>
    <t>共和</t>
  </si>
  <si>
    <t>古淵</t>
  </si>
  <si>
    <t>小町通</t>
  </si>
  <si>
    <t>相模大野</t>
  </si>
  <si>
    <t>相模湖町小原</t>
  </si>
  <si>
    <t>相模湖町寸沢嵐（新戸）</t>
  </si>
  <si>
    <t>相模湖町寸沢嵐（その他）</t>
  </si>
  <si>
    <t>相模湖町千木良</t>
  </si>
  <si>
    <t>相模湖町与瀬</t>
  </si>
  <si>
    <t>相模湖町与瀬本町</t>
  </si>
  <si>
    <t>相模湖町若柳</t>
  </si>
  <si>
    <t>相模台</t>
  </si>
  <si>
    <t>相模台団地</t>
  </si>
  <si>
    <t>相模原</t>
  </si>
  <si>
    <t>下九沢</t>
  </si>
  <si>
    <t>下溝</t>
  </si>
  <si>
    <t>城山町小倉</t>
  </si>
  <si>
    <t>城山町川尻</t>
  </si>
  <si>
    <t>城山町久保沢</t>
  </si>
  <si>
    <t>城山町城山</t>
  </si>
  <si>
    <t>城山町谷ヶ原</t>
  </si>
  <si>
    <t>城山町中沢</t>
  </si>
  <si>
    <t>城山町葉山島</t>
  </si>
  <si>
    <t>城山町原宿</t>
  </si>
  <si>
    <t>城山町原宿南</t>
  </si>
  <si>
    <t>城山町広田</t>
  </si>
  <si>
    <t>城山町町屋</t>
  </si>
  <si>
    <t>城山町向原</t>
  </si>
  <si>
    <t>城山町若葉台</t>
  </si>
  <si>
    <t>水郷田名</t>
  </si>
  <si>
    <t>すすきの町</t>
  </si>
  <si>
    <t>清新</t>
  </si>
  <si>
    <t>相南</t>
  </si>
  <si>
    <t>相武台</t>
  </si>
  <si>
    <t>相武台団地</t>
  </si>
  <si>
    <t>当麻</t>
  </si>
  <si>
    <t>田名</t>
  </si>
  <si>
    <t>田名塩田</t>
  </si>
  <si>
    <t>津久井町青根</t>
  </si>
  <si>
    <t>津久井町青野原</t>
  </si>
  <si>
    <t>津久井町青山</t>
  </si>
  <si>
    <t>津久井町太井</t>
  </si>
  <si>
    <t>津久井町鳥屋</t>
  </si>
  <si>
    <t>津久井町長竹</t>
  </si>
  <si>
    <t>津久井町中野</t>
  </si>
  <si>
    <t>津久井町根小屋</t>
  </si>
  <si>
    <t>津久井町又野</t>
  </si>
  <si>
    <t>津久井町三井</t>
  </si>
  <si>
    <t>津久井町三ケ木</t>
  </si>
  <si>
    <t>西橋本</t>
  </si>
  <si>
    <t>二本松</t>
  </si>
  <si>
    <t>橋本台</t>
  </si>
  <si>
    <t>東橋本</t>
  </si>
  <si>
    <t>東淵野辺</t>
  </si>
  <si>
    <t>東林間</t>
  </si>
  <si>
    <t>藤野町小渕</t>
  </si>
  <si>
    <t>藤野町佐野川</t>
  </si>
  <si>
    <t>藤野町澤井</t>
  </si>
  <si>
    <t>藤野町名倉</t>
  </si>
  <si>
    <t>藤野町日連</t>
  </si>
  <si>
    <t>藤野町牧野</t>
  </si>
  <si>
    <t>藤野町吉野</t>
  </si>
  <si>
    <t>双葉</t>
  </si>
  <si>
    <t>淵野辺</t>
  </si>
  <si>
    <t>淵野辺本町</t>
  </si>
  <si>
    <t>星が丘</t>
  </si>
  <si>
    <t>松が枝町</t>
  </si>
  <si>
    <t>御園</t>
  </si>
  <si>
    <t>南橋本</t>
  </si>
  <si>
    <t>宮下本町</t>
  </si>
  <si>
    <t>元橋本町</t>
  </si>
  <si>
    <t>弥栄</t>
  </si>
  <si>
    <t>矢部新町</t>
  </si>
  <si>
    <t>横山台</t>
  </si>
  <si>
    <t>由野台</t>
  </si>
  <si>
    <t>三浦市</t>
  </si>
  <si>
    <t>海外町</t>
  </si>
  <si>
    <t>岬陽町</t>
  </si>
  <si>
    <t>城山町</t>
  </si>
  <si>
    <t>初声町入江</t>
  </si>
  <si>
    <t>初声町高円坊</t>
  </si>
  <si>
    <t>初声町下宮田</t>
  </si>
  <si>
    <t>初声町三戸</t>
  </si>
  <si>
    <t>初声町和田</t>
  </si>
  <si>
    <t>晴海町</t>
  </si>
  <si>
    <t>東岡町</t>
  </si>
  <si>
    <t>三崎町小網代</t>
  </si>
  <si>
    <t>三崎町城ケ島</t>
  </si>
  <si>
    <t>三崎町六合</t>
  </si>
  <si>
    <t>三崎町諸磯</t>
  </si>
  <si>
    <t>南下浦町金田</t>
  </si>
  <si>
    <t>南下浦町上宮田</t>
  </si>
  <si>
    <t>南下浦町菊名</t>
  </si>
  <si>
    <t>南下浦町毘沙門</t>
  </si>
  <si>
    <t>南下浦町松輪</t>
  </si>
  <si>
    <t>向ケ崎町</t>
  </si>
  <si>
    <t>秦野市</t>
  </si>
  <si>
    <t>入船町</t>
  </si>
  <si>
    <t>尾尻</t>
  </si>
  <si>
    <t>上今川町</t>
  </si>
  <si>
    <t>上大槻</t>
  </si>
  <si>
    <t>北矢名</t>
  </si>
  <si>
    <t>小蓑毛</t>
  </si>
  <si>
    <t>三屋</t>
  </si>
  <si>
    <t>渋沢</t>
  </si>
  <si>
    <t>渋沢上</t>
  </si>
  <si>
    <t>下大槻</t>
  </si>
  <si>
    <t>下落合</t>
  </si>
  <si>
    <t>水神町</t>
  </si>
  <si>
    <t>鈴張町</t>
  </si>
  <si>
    <t>曽屋</t>
  </si>
  <si>
    <t>大秦町</t>
  </si>
  <si>
    <t>立野台</t>
  </si>
  <si>
    <t>千村</t>
  </si>
  <si>
    <t>鶴巻</t>
  </si>
  <si>
    <t>鶴巻南</t>
  </si>
  <si>
    <t>鶴巻北</t>
  </si>
  <si>
    <t>栃窪（６００～６０３番地）</t>
  </si>
  <si>
    <t>栃窪（その他）</t>
  </si>
  <si>
    <t>名古木</t>
  </si>
  <si>
    <t>西大竹</t>
  </si>
  <si>
    <t>西田原</t>
  </si>
  <si>
    <t>沼代新町</t>
  </si>
  <si>
    <t>萩が丘</t>
  </si>
  <si>
    <t>八沢</t>
  </si>
  <si>
    <t>羽根</t>
  </si>
  <si>
    <t>東田原</t>
  </si>
  <si>
    <t>ひばりケ丘</t>
  </si>
  <si>
    <t>菩提</t>
  </si>
  <si>
    <t>堀山下</t>
  </si>
  <si>
    <t>堀西</t>
  </si>
  <si>
    <t>曲松</t>
  </si>
  <si>
    <t>三廻部</t>
  </si>
  <si>
    <t>南が丘</t>
  </si>
  <si>
    <t>南矢名</t>
  </si>
  <si>
    <t>蓑毛</t>
  </si>
  <si>
    <t>室町</t>
  </si>
  <si>
    <t>横野</t>
  </si>
  <si>
    <t>厚木市</t>
  </si>
  <si>
    <t>愛甲</t>
  </si>
  <si>
    <t>愛名</t>
  </si>
  <si>
    <t>厚木</t>
  </si>
  <si>
    <t>厚木町</t>
  </si>
  <si>
    <t>吾妻町</t>
  </si>
  <si>
    <t>飯山</t>
  </si>
  <si>
    <t>及川</t>
  </si>
  <si>
    <t>王子</t>
  </si>
  <si>
    <t>岡津古久</t>
  </si>
  <si>
    <t>恩名</t>
  </si>
  <si>
    <t>上依知</t>
  </si>
  <si>
    <t>上荻野</t>
  </si>
  <si>
    <t>上落合</t>
  </si>
  <si>
    <t>上古沢</t>
  </si>
  <si>
    <t>酒井</t>
  </si>
  <si>
    <t>猿ケ島</t>
  </si>
  <si>
    <t>三田南</t>
  </si>
  <si>
    <t>下依知</t>
  </si>
  <si>
    <t>下荻野</t>
  </si>
  <si>
    <t>下川入</t>
  </si>
  <si>
    <t>下津古久</t>
  </si>
  <si>
    <t>下古沢</t>
  </si>
  <si>
    <t>棚沢</t>
  </si>
  <si>
    <t>田村町</t>
  </si>
  <si>
    <t>妻田</t>
  </si>
  <si>
    <t>妻田東</t>
  </si>
  <si>
    <t>妻田西</t>
  </si>
  <si>
    <t>妻田南</t>
  </si>
  <si>
    <t>妻田北</t>
  </si>
  <si>
    <t>鳶尾</t>
  </si>
  <si>
    <t>中依知</t>
  </si>
  <si>
    <t>中荻野</t>
  </si>
  <si>
    <t>温水</t>
  </si>
  <si>
    <t>温水西</t>
  </si>
  <si>
    <t>松枝</t>
  </si>
  <si>
    <t>まつかげ台</t>
  </si>
  <si>
    <t>水引</t>
  </si>
  <si>
    <t>みはる野</t>
  </si>
  <si>
    <t>宮の里</t>
  </si>
  <si>
    <t>毛利台</t>
  </si>
  <si>
    <t>森の里</t>
  </si>
  <si>
    <t>森の里青山</t>
  </si>
  <si>
    <t>森の里若宮</t>
  </si>
  <si>
    <t>山際</t>
  </si>
  <si>
    <t>大和市</t>
  </si>
  <si>
    <t>上草柳</t>
  </si>
  <si>
    <t>上和田</t>
  </si>
  <si>
    <t>桜森</t>
  </si>
  <si>
    <t>下草柳</t>
  </si>
  <si>
    <t>下鶴間</t>
  </si>
  <si>
    <t>下和田</t>
  </si>
  <si>
    <t>草柳</t>
  </si>
  <si>
    <t>代官</t>
  </si>
  <si>
    <t>中央林間</t>
  </si>
  <si>
    <t>つきみ野</t>
  </si>
  <si>
    <t>西鶴間</t>
  </si>
  <si>
    <t>深見</t>
  </si>
  <si>
    <t>深見台</t>
  </si>
  <si>
    <t>深見東</t>
  </si>
  <si>
    <t>深見西</t>
  </si>
  <si>
    <t>南林間</t>
  </si>
  <si>
    <t>大和東</t>
  </si>
  <si>
    <t>大和南</t>
  </si>
  <si>
    <t>林間</t>
  </si>
  <si>
    <t>伊勢原市</t>
  </si>
  <si>
    <t>粟窪</t>
  </si>
  <si>
    <t>池端</t>
  </si>
  <si>
    <t>板戸</t>
  </si>
  <si>
    <t>歌川</t>
  </si>
  <si>
    <t>大住台</t>
  </si>
  <si>
    <t>笠窪</t>
  </si>
  <si>
    <t>上粕屋</t>
  </si>
  <si>
    <t>串橋</t>
  </si>
  <si>
    <t>小稲葉</t>
  </si>
  <si>
    <t>子易</t>
  </si>
  <si>
    <t>三ノ宮</t>
  </si>
  <si>
    <t>下糟屋</t>
  </si>
  <si>
    <t>鈴川</t>
  </si>
  <si>
    <t>善波</t>
  </si>
  <si>
    <t>高森</t>
  </si>
  <si>
    <t>高森台</t>
  </si>
  <si>
    <t>坪ノ内</t>
  </si>
  <si>
    <t>西富岡</t>
  </si>
  <si>
    <t>沼目</t>
  </si>
  <si>
    <t>東大竹</t>
  </si>
  <si>
    <t>東富岡</t>
  </si>
  <si>
    <t>東成瀬</t>
  </si>
  <si>
    <t>日向</t>
  </si>
  <si>
    <t>見附島</t>
  </si>
  <si>
    <t>海老名市</t>
  </si>
  <si>
    <t>今里</t>
  </si>
  <si>
    <t>大谷北</t>
  </si>
  <si>
    <t>大谷南</t>
  </si>
  <si>
    <t>柏ケ谷</t>
  </si>
  <si>
    <t>勝瀬</t>
  </si>
  <si>
    <t>門沢橋</t>
  </si>
  <si>
    <t>上今泉</t>
  </si>
  <si>
    <t>上郷</t>
  </si>
  <si>
    <t>上河内</t>
  </si>
  <si>
    <t>河原口</t>
  </si>
  <si>
    <t>国分寺台</t>
  </si>
  <si>
    <t>国分南</t>
  </si>
  <si>
    <t>国分北</t>
  </si>
  <si>
    <t>さつき町</t>
  </si>
  <si>
    <t>下今泉</t>
  </si>
  <si>
    <t>社家</t>
  </si>
  <si>
    <t>杉久保</t>
  </si>
  <si>
    <t>杉久保北</t>
  </si>
  <si>
    <t>杉久保南</t>
  </si>
  <si>
    <t>中河内</t>
  </si>
  <si>
    <t>浜田町</t>
  </si>
  <si>
    <t>東柏ケ谷</t>
  </si>
  <si>
    <t>望地</t>
  </si>
  <si>
    <t>座間市</t>
  </si>
  <si>
    <t>栗原中央</t>
  </si>
  <si>
    <t>小松原</t>
  </si>
  <si>
    <t>相模が丘</t>
  </si>
  <si>
    <t>さがみ野</t>
  </si>
  <si>
    <t>座間</t>
  </si>
  <si>
    <t>新田宿</t>
  </si>
  <si>
    <t>西栗原</t>
  </si>
  <si>
    <t>東原</t>
  </si>
  <si>
    <t>広野台</t>
  </si>
  <si>
    <t>南栗原</t>
  </si>
  <si>
    <t>明王</t>
  </si>
  <si>
    <t>南足柄市</t>
  </si>
  <si>
    <t>飯沢</t>
  </si>
  <si>
    <t>生駒</t>
  </si>
  <si>
    <t>岩原</t>
  </si>
  <si>
    <t>狩野</t>
  </si>
  <si>
    <t>苅野</t>
  </si>
  <si>
    <t>北窪</t>
  </si>
  <si>
    <t>小市</t>
  </si>
  <si>
    <t>弘西寺</t>
  </si>
  <si>
    <t>駒形新宿</t>
  </si>
  <si>
    <t>関本</t>
  </si>
  <si>
    <t>千津島</t>
  </si>
  <si>
    <t>大雄町</t>
  </si>
  <si>
    <t>竹松</t>
  </si>
  <si>
    <t>中沼</t>
  </si>
  <si>
    <t>沼田</t>
  </si>
  <si>
    <t>福泉</t>
  </si>
  <si>
    <t>班目</t>
  </si>
  <si>
    <t>壗下</t>
  </si>
  <si>
    <t>三竹</t>
  </si>
  <si>
    <t>向田</t>
  </si>
  <si>
    <t>矢倉沢</t>
  </si>
  <si>
    <t>和田河原</t>
  </si>
  <si>
    <t>綾瀬市</t>
  </si>
  <si>
    <t>厚木航空基地</t>
  </si>
  <si>
    <t>落合南</t>
  </si>
  <si>
    <t>落合北</t>
  </si>
  <si>
    <t>上土棚</t>
  </si>
  <si>
    <t>上土棚中</t>
  </si>
  <si>
    <t>上土棚南</t>
  </si>
  <si>
    <t>上土棚北</t>
  </si>
  <si>
    <t>小園南</t>
  </si>
  <si>
    <t>蓼川</t>
  </si>
  <si>
    <t>寺尾釜田</t>
  </si>
  <si>
    <t>寺尾中</t>
  </si>
  <si>
    <t>寺尾西</t>
  </si>
  <si>
    <t>寺尾南</t>
  </si>
  <si>
    <t>寺尾北</t>
  </si>
  <si>
    <t>寺尾本町</t>
  </si>
  <si>
    <t>早川城山</t>
  </si>
  <si>
    <t>深谷上</t>
  </si>
  <si>
    <t>深谷中</t>
  </si>
  <si>
    <t>深谷南</t>
  </si>
  <si>
    <t>本蓼川</t>
  </si>
  <si>
    <t>吉岡東</t>
  </si>
  <si>
    <t>綾西</t>
  </si>
  <si>
    <t>三浦郡葉山町</t>
  </si>
  <si>
    <t>木古庭</t>
  </si>
  <si>
    <t>下山口</t>
  </si>
  <si>
    <t>長柄</t>
  </si>
  <si>
    <t>堀内</t>
  </si>
  <si>
    <t>高座郡寒川町</t>
  </si>
  <si>
    <t>一之宮</t>
  </si>
  <si>
    <t>大曲</t>
  </si>
  <si>
    <t>倉見</t>
  </si>
  <si>
    <t>小動</t>
  </si>
  <si>
    <t>田端</t>
  </si>
  <si>
    <t>中郡大磯町</t>
  </si>
  <si>
    <t>生沢</t>
  </si>
  <si>
    <t>石神台</t>
  </si>
  <si>
    <t>大磯</t>
  </si>
  <si>
    <t>月京</t>
  </si>
  <si>
    <t>国府新宿</t>
  </si>
  <si>
    <t>国府本郷</t>
  </si>
  <si>
    <t>高麗</t>
  </si>
  <si>
    <t>寺坂</t>
  </si>
  <si>
    <t>西小磯</t>
  </si>
  <si>
    <t>東小磯</t>
  </si>
  <si>
    <t>虫窪</t>
  </si>
  <si>
    <t>中郡二宮町</t>
  </si>
  <si>
    <t>二宮</t>
  </si>
  <si>
    <t>松根</t>
  </si>
  <si>
    <t>百合が丘</t>
  </si>
  <si>
    <t>足柄上郡中井町</t>
  </si>
  <si>
    <t>井ノ口</t>
  </si>
  <si>
    <t>岩倉</t>
  </si>
  <si>
    <t>鴨沢</t>
  </si>
  <si>
    <t>北田</t>
  </si>
  <si>
    <t>久所</t>
  </si>
  <si>
    <t>古怒田</t>
  </si>
  <si>
    <t>境別所</t>
  </si>
  <si>
    <t>雑色</t>
  </si>
  <si>
    <t>半分形</t>
  </si>
  <si>
    <t>比奈窪</t>
  </si>
  <si>
    <t>足柄上郡大井町</t>
  </si>
  <si>
    <t>赤田</t>
  </si>
  <si>
    <t>金手</t>
  </si>
  <si>
    <t>金子</t>
  </si>
  <si>
    <t>上大井</t>
  </si>
  <si>
    <t>篠窪</t>
  </si>
  <si>
    <t>高尾</t>
  </si>
  <si>
    <t>柳</t>
  </si>
  <si>
    <t>足柄上郡松田町</t>
  </si>
  <si>
    <t>松田惣領</t>
  </si>
  <si>
    <t>松田庶子</t>
  </si>
  <si>
    <t>寄</t>
  </si>
  <si>
    <t>足柄上郡山北町</t>
  </si>
  <si>
    <t>神尾田</t>
  </si>
  <si>
    <t>神縄</t>
  </si>
  <si>
    <t>川西</t>
  </si>
  <si>
    <t>岸</t>
  </si>
  <si>
    <t>玄倉</t>
  </si>
  <si>
    <t>都夫良野</t>
  </si>
  <si>
    <t>皆瀬川</t>
  </si>
  <si>
    <t>谷ケ</t>
  </si>
  <si>
    <t>山市場</t>
  </si>
  <si>
    <t>山北</t>
  </si>
  <si>
    <t>湯触</t>
  </si>
  <si>
    <t>世附</t>
  </si>
  <si>
    <t>足柄上郡開成町</t>
  </si>
  <si>
    <t>円通寺</t>
  </si>
  <si>
    <t>岡野</t>
  </si>
  <si>
    <t>金井島</t>
  </si>
  <si>
    <t>中之名</t>
  </si>
  <si>
    <t>延沢</t>
  </si>
  <si>
    <t>宮台</t>
  </si>
  <si>
    <t>吉田島</t>
  </si>
  <si>
    <t>足柄下郡箱根町</t>
  </si>
  <si>
    <t>芦之湯</t>
  </si>
  <si>
    <t>大平台</t>
  </si>
  <si>
    <t>木賀</t>
  </si>
  <si>
    <t>小涌谷</t>
  </si>
  <si>
    <t>強羅</t>
  </si>
  <si>
    <t>須雲川</t>
  </si>
  <si>
    <t>仙石原</t>
  </si>
  <si>
    <t>底倉</t>
  </si>
  <si>
    <t>塔之澤</t>
  </si>
  <si>
    <t>二ノ平</t>
  </si>
  <si>
    <t>箱根</t>
  </si>
  <si>
    <t>畑宿</t>
  </si>
  <si>
    <t>宮城野</t>
  </si>
  <si>
    <t>宮ノ下</t>
  </si>
  <si>
    <t>元箱根</t>
  </si>
  <si>
    <t>湯本</t>
  </si>
  <si>
    <t>湯本茶屋</t>
  </si>
  <si>
    <t>足柄下郡真鶴町</t>
  </si>
  <si>
    <t>真鶴</t>
  </si>
  <si>
    <t>足柄下郡湯河原町</t>
  </si>
  <si>
    <t>鍛冶屋</t>
  </si>
  <si>
    <t>城堀</t>
  </si>
  <si>
    <t>土肥</t>
  </si>
  <si>
    <t>福浦鍛冶屋</t>
  </si>
  <si>
    <t>福浦吉浜</t>
  </si>
  <si>
    <t>安善町</t>
  </si>
  <si>
    <t>市場上町</t>
  </si>
  <si>
    <t>市場下町</t>
  </si>
  <si>
    <t>市場東中町</t>
  </si>
  <si>
    <t>市場西中町</t>
  </si>
  <si>
    <t>市場富士見町</t>
  </si>
  <si>
    <t>市場大和町</t>
  </si>
  <si>
    <t>潮田町</t>
  </si>
  <si>
    <t>江ケ崎町</t>
  </si>
  <si>
    <t>小野町</t>
  </si>
  <si>
    <t>梶山</t>
  </si>
  <si>
    <t>上末吉</t>
  </si>
  <si>
    <t>上の宮</t>
  </si>
  <si>
    <t>寛政町</t>
  </si>
  <si>
    <t>岸谷</t>
  </si>
  <si>
    <t>北寺尾</t>
  </si>
  <si>
    <t>駒岡</t>
  </si>
  <si>
    <t>栄町通</t>
  </si>
  <si>
    <t>獅子ケ谷</t>
  </si>
  <si>
    <t>下野谷町</t>
  </si>
  <si>
    <t>尻手</t>
  </si>
  <si>
    <t>下末吉</t>
  </si>
  <si>
    <t>菅沢町</t>
  </si>
  <si>
    <t>諏訪坂</t>
  </si>
  <si>
    <t>大黒町</t>
  </si>
  <si>
    <t>大黒ふ頭</t>
  </si>
  <si>
    <t>大東町</t>
  </si>
  <si>
    <t>佃野町</t>
  </si>
  <si>
    <t>鶴見</t>
  </si>
  <si>
    <t>鶴見中央</t>
  </si>
  <si>
    <t>豊岡町</t>
  </si>
  <si>
    <t>仲通</t>
  </si>
  <si>
    <t>生麦</t>
  </si>
  <si>
    <t>東寺尾</t>
  </si>
  <si>
    <t>東寺尾中台</t>
  </si>
  <si>
    <t>東寺尾東台</t>
  </si>
  <si>
    <t>東寺尾北台</t>
  </si>
  <si>
    <t>平安町</t>
  </si>
  <si>
    <t>弁天町</t>
  </si>
  <si>
    <t>本町通</t>
  </si>
  <si>
    <t>三ツ池公園</t>
  </si>
  <si>
    <t>向井町</t>
  </si>
  <si>
    <t>元宮</t>
  </si>
  <si>
    <t>矢向</t>
  </si>
  <si>
    <t>横浜市神奈川区</t>
  </si>
  <si>
    <t>青木町</t>
  </si>
  <si>
    <t>出田町</t>
  </si>
  <si>
    <t>入江</t>
  </si>
  <si>
    <t>浦島丘</t>
  </si>
  <si>
    <t>浦島町</t>
  </si>
  <si>
    <t>恵比須町</t>
  </si>
  <si>
    <t>大口通</t>
  </si>
  <si>
    <t>大口仲町</t>
  </si>
  <si>
    <t>片倉</t>
  </si>
  <si>
    <t>神奈川</t>
  </si>
  <si>
    <t>神奈川本町</t>
  </si>
  <si>
    <t>上反町</t>
  </si>
  <si>
    <t>神之木台</t>
  </si>
  <si>
    <t>神之木町</t>
  </si>
  <si>
    <t>亀住町</t>
  </si>
  <si>
    <t>神大寺</t>
  </si>
  <si>
    <t>桐畑</t>
  </si>
  <si>
    <t>金港町</t>
  </si>
  <si>
    <t>栗田谷</t>
  </si>
  <si>
    <t>幸ケ谷</t>
  </si>
  <si>
    <t>子安台</t>
  </si>
  <si>
    <t>子安通</t>
  </si>
  <si>
    <t>斎藤分町</t>
  </si>
  <si>
    <t>沢渡</t>
  </si>
  <si>
    <t>三枚町</t>
  </si>
  <si>
    <t>白幡上町</t>
  </si>
  <si>
    <t>白幡仲町</t>
  </si>
  <si>
    <t>白幡東町</t>
  </si>
  <si>
    <t>白幡西町</t>
  </si>
  <si>
    <t>白幡南町</t>
  </si>
  <si>
    <t>白幡向町</t>
  </si>
  <si>
    <t>白幡町</t>
  </si>
  <si>
    <t>新浦島町</t>
  </si>
  <si>
    <t>新子安</t>
  </si>
  <si>
    <t>菅田町</t>
  </si>
  <si>
    <t>鈴繁町</t>
  </si>
  <si>
    <t>高島台</t>
  </si>
  <si>
    <t>立町</t>
  </si>
  <si>
    <t>反町</t>
  </si>
  <si>
    <t>千若町</t>
  </si>
  <si>
    <t>鶴屋町</t>
  </si>
  <si>
    <t>富家町</t>
  </si>
  <si>
    <t>中丸</t>
  </si>
  <si>
    <t>七島町</t>
  </si>
  <si>
    <t>西大口</t>
  </si>
  <si>
    <t>西神奈川</t>
  </si>
  <si>
    <t>西寺尾</t>
  </si>
  <si>
    <t>二本榎</t>
  </si>
  <si>
    <t>白楽</t>
  </si>
  <si>
    <t>羽沢町</t>
  </si>
  <si>
    <t>羽沢南</t>
  </si>
  <si>
    <t>東神奈川</t>
  </si>
  <si>
    <t>広台太田町</t>
  </si>
  <si>
    <t>二ツ谷町</t>
  </si>
  <si>
    <t>星野町</t>
  </si>
  <si>
    <t>松見町</t>
  </si>
  <si>
    <t>瑞穂町</t>
  </si>
  <si>
    <t>三ツ沢上町</t>
  </si>
  <si>
    <t>三ツ沢中町</t>
  </si>
  <si>
    <t>三ツ沢下町</t>
  </si>
  <si>
    <t>三ツ沢東町</t>
  </si>
  <si>
    <t>三ツ沢西町</t>
  </si>
  <si>
    <t>三ツ沢南町</t>
  </si>
  <si>
    <t>守屋町</t>
  </si>
  <si>
    <t>山内町</t>
  </si>
  <si>
    <t>六角橋</t>
  </si>
  <si>
    <t>東ケ丘</t>
  </si>
  <si>
    <t>霞ケ丘</t>
  </si>
  <si>
    <t>北軽井沢</t>
  </si>
  <si>
    <t>北幸</t>
  </si>
  <si>
    <t>楠町</t>
  </si>
  <si>
    <t>久保町</t>
  </si>
  <si>
    <t>御所山町</t>
  </si>
  <si>
    <t>境之谷</t>
  </si>
  <si>
    <t>桜木町（４～７丁目）</t>
  </si>
  <si>
    <t>宮上</t>
  </si>
  <si>
    <t>門川</t>
  </si>
  <si>
    <t>吉浜福浦</t>
  </si>
  <si>
    <t>愛甲郡愛川町</t>
  </si>
  <si>
    <t>春日台</t>
  </si>
  <si>
    <t>中津</t>
  </si>
  <si>
    <t>八菅山</t>
  </si>
  <si>
    <t>半原</t>
  </si>
  <si>
    <t>三増</t>
  </si>
  <si>
    <t>愛甲郡清川村</t>
  </si>
  <si>
    <t>煤ケ谷（丹沢山札掛）</t>
  </si>
  <si>
    <t>煤ケ谷（その他）</t>
  </si>
  <si>
    <t>宮ケ瀬</t>
  </si>
  <si>
    <t>赤堤</t>
  </si>
  <si>
    <t>池尻</t>
  </si>
  <si>
    <t>梅丘</t>
  </si>
  <si>
    <t>尾山台</t>
  </si>
  <si>
    <t>粕谷</t>
  </si>
  <si>
    <t>鎌田</t>
  </si>
  <si>
    <t>上馬</t>
  </si>
  <si>
    <t>上北沢</t>
  </si>
  <si>
    <t>上祖師谷</t>
  </si>
  <si>
    <t>上野毛</t>
  </si>
  <si>
    <t>上用賀</t>
  </si>
  <si>
    <t>北烏山</t>
  </si>
  <si>
    <t>北沢</t>
  </si>
  <si>
    <t>喜多見</t>
  </si>
  <si>
    <t>砧</t>
  </si>
  <si>
    <t>砧公園</t>
  </si>
  <si>
    <t>経堂</t>
  </si>
  <si>
    <t>豪徳寺</t>
  </si>
  <si>
    <t>駒沢</t>
  </si>
  <si>
    <t>駒沢公園</t>
  </si>
  <si>
    <t>桜</t>
  </si>
  <si>
    <t>桜丘</t>
  </si>
  <si>
    <t>桜新町</t>
  </si>
  <si>
    <t>桜上水</t>
  </si>
  <si>
    <t>三軒茶屋</t>
  </si>
  <si>
    <t>下馬</t>
  </si>
  <si>
    <t>成城</t>
  </si>
  <si>
    <t>世田谷</t>
  </si>
  <si>
    <t>祖師谷</t>
  </si>
  <si>
    <t>太子堂</t>
  </si>
  <si>
    <t>代沢</t>
  </si>
  <si>
    <t>代田</t>
  </si>
  <si>
    <t>玉川台</t>
  </si>
  <si>
    <t>玉川田園調布</t>
  </si>
  <si>
    <t>玉堤</t>
  </si>
  <si>
    <t>千歳台</t>
  </si>
  <si>
    <t>弦巻</t>
  </si>
  <si>
    <t>八幡山</t>
  </si>
  <si>
    <t>羽根木</t>
  </si>
  <si>
    <t>東玉川</t>
  </si>
  <si>
    <t>船橋</t>
  </si>
  <si>
    <t>三宿</t>
  </si>
  <si>
    <t>南烏山</t>
  </si>
  <si>
    <t>宮坂</t>
  </si>
  <si>
    <t>用賀</t>
  </si>
  <si>
    <t>若林</t>
  </si>
  <si>
    <t>渋谷区</t>
  </si>
  <si>
    <t>鶯谷町</t>
  </si>
  <si>
    <t>宇田川町</t>
  </si>
  <si>
    <t>恵比寿（次のビルを除く）</t>
  </si>
  <si>
    <t>恵比寿恵比寿ガーデンプレイス（地階・階層不明）</t>
  </si>
  <si>
    <t>恵比寿恵比寿ガーデンプレイス（１階）</t>
  </si>
  <si>
    <t>恵比寿恵比寿ガーデンプレイス（２階）</t>
  </si>
  <si>
    <t>恵比寿恵比寿ガーデンプレイス（３階）</t>
  </si>
  <si>
    <t>恵比寿恵比寿ガーデンプレイス（４階）</t>
  </si>
  <si>
    <t>恵比寿恵比寿ガーデンプレイス（５階）</t>
  </si>
  <si>
    <t>恵比寿恵比寿ガーデンプレイス（６階）</t>
  </si>
  <si>
    <t>恵比寿恵比寿ガーデンプレイス（７階）</t>
  </si>
  <si>
    <t>恵比寿恵比寿ガーデンプレイス（８階）</t>
  </si>
  <si>
    <t>恵比寿恵比寿ガーデンプレイス（９階）</t>
  </si>
  <si>
    <t>恵比寿恵比寿ガーデンプレイス（１０階）</t>
  </si>
  <si>
    <t>恵比寿恵比寿ガーデンプレイス（１１階）</t>
  </si>
  <si>
    <t>恵比寿恵比寿ガーデンプレイス（１２階）</t>
  </si>
  <si>
    <t>恵比寿恵比寿ガーデンプレイス（１３階）</t>
  </si>
  <si>
    <t>恵比寿恵比寿ガーデンプレイス（１４階）</t>
  </si>
  <si>
    <t>恵比寿恵比寿ガーデンプレイス（１５階）</t>
  </si>
  <si>
    <t>恵比寿恵比寿ガーデンプレイス（１６階）</t>
  </si>
  <si>
    <t>恵比寿恵比寿ガーデンプレイス（１７階）</t>
  </si>
  <si>
    <t>恵比寿恵比寿ガーデンプレイス（１８階）</t>
  </si>
  <si>
    <t>恵比寿恵比寿ガーデンプレイス（１９階）</t>
  </si>
  <si>
    <t>恵比寿恵比寿ガーデンプレイス（２０階）</t>
  </si>
  <si>
    <t>恵比寿恵比寿ガーデンプレイス（２１階）</t>
  </si>
  <si>
    <t>恵比寿恵比寿ガーデンプレイス（２２階）</t>
  </si>
  <si>
    <t>恵比寿恵比寿ガーデンプレイス（２３階）</t>
  </si>
  <si>
    <t>恵比寿恵比寿ガーデンプレイス（２４階）</t>
  </si>
  <si>
    <t>恵比寿恵比寿ガーデンプレイス（２５階）</t>
  </si>
  <si>
    <t>恵比寿恵比寿ガーデンプレイス（２６階）</t>
  </si>
  <si>
    <t>恵比寿恵比寿ガーデンプレイス（２７階）</t>
  </si>
  <si>
    <t>恵比寿恵比寿ガーデンプレイス（２８階）</t>
  </si>
  <si>
    <t>恵比寿恵比寿ガーデンプレイス（２９階）</t>
  </si>
  <si>
    <t>恵比寿恵比寿ガーデンプレイス（３０階）</t>
  </si>
  <si>
    <t>恵比寿恵比寿ガーデンプレイス（３１階）</t>
  </si>
  <si>
    <t>恵比寿恵比寿ガーデンプレイス（３２階）</t>
  </si>
  <si>
    <t>恵比寿恵比寿ガーデンプレイス（３３階）</t>
  </si>
  <si>
    <t>恵比寿恵比寿ガーデンプレイス（３４階）</t>
  </si>
  <si>
    <t>恵比寿恵比寿ガーデンプレイス（３５階）</t>
  </si>
  <si>
    <t>恵比寿恵比寿ガーデンプレイス（３６階）</t>
  </si>
  <si>
    <t>恵比寿恵比寿ガーデンプレイス（３７階）</t>
  </si>
  <si>
    <t>恵比寿恵比寿ガーデンプレイス（３８階）</t>
  </si>
  <si>
    <t>恵比寿恵比寿ガーデンプレイス（３９階）</t>
  </si>
  <si>
    <t>恵比寿西</t>
  </si>
  <si>
    <t>恵比寿南</t>
  </si>
  <si>
    <t>神山町</t>
  </si>
  <si>
    <t>桜丘町</t>
  </si>
  <si>
    <t>猿楽町</t>
  </si>
  <si>
    <t>松濤</t>
  </si>
  <si>
    <t>神宮前</t>
  </si>
  <si>
    <t>神泉町</t>
  </si>
  <si>
    <t>神南</t>
  </si>
  <si>
    <t>千駄ケ谷</t>
  </si>
  <si>
    <t>代官山町</t>
  </si>
  <si>
    <t>道玄坂</t>
  </si>
  <si>
    <t>富ケ谷</t>
  </si>
  <si>
    <t>南平台町</t>
  </si>
  <si>
    <t>赤坂ミッドタウン・タワー（１７階）</t>
  </si>
  <si>
    <t>赤坂ミッドタウン・タワー（１８階）</t>
  </si>
  <si>
    <t>赤坂ミッドタウン・タワー（１９階）</t>
  </si>
  <si>
    <t>赤坂ミッドタウン・タワー（２０階）</t>
  </si>
  <si>
    <t>赤坂ミッドタウン・タワー（２１階）</t>
  </si>
  <si>
    <t>赤坂ミッドタウン・タワー（２２階）</t>
  </si>
  <si>
    <t>赤坂ミッドタウン・タワー（２３階）</t>
  </si>
  <si>
    <t>赤坂ミッドタウン・タワー（２４階）</t>
  </si>
  <si>
    <t>赤坂ミッドタウン・タワー（２５階）</t>
  </si>
  <si>
    <t>赤坂ミッドタウン・タワー（２６階）</t>
  </si>
  <si>
    <t>赤坂ミッドタウン・タワー（２７階）</t>
  </si>
  <si>
    <t>赤坂ミッドタウン・タワー（２８階）</t>
  </si>
  <si>
    <t>赤坂ミッドタウン・タワー（２９階）</t>
  </si>
  <si>
    <t>赤坂ミッドタウン・タワー（３０階）</t>
  </si>
  <si>
    <t>赤坂ミッドタウン・タワー（３１階）</t>
  </si>
  <si>
    <t>赤坂ミッドタウン・タワー（３２階）</t>
  </si>
  <si>
    <t>赤坂ミッドタウン・タワー（３３階）</t>
  </si>
  <si>
    <t>赤坂ミッドタウン・タワー（３４階）</t>
  </si>
  <si>
    <t>赤坂ミッドタウン・タワー（３５階）</t>
  </si>
  <si>
    <t>赤坂ミッドタウン・タワー（３６階）</t>
  </si>
  <si>
    <t>赤坂ミッドタウン・タワー（３７階）</t>
  </si>
  <si>
    <t>赤坂ミッドタウン・タワー（３８階）</t>
  </si>
  <si>
    <t>赤坂ミッドタウン・タワー（３９階）</t>
  </si>
  <si>
    <t>赤坂ミッドタウン・タワー（４０階）</t>
  </si>
  <si>
    <t>赤坂ミッドタウン・タワー（４１階）</t>
  </si>
  <si>
    <t>赤坂ミッドタウン・タワー（４２階）</t>
  </si>
  <si>
    <t>赤坂ミッドタウン・タワー（４３階）</t>
  </si>
  <si>
    <t>赤坂ミッドタウン・タワー（４４階）</t>
  </si>
  <si>
    <t>赤坂ミッドタウン・タワー（４５階）</t>
  </si>
  <si>
    <t>麻布十番</t>
  </si>
  <si>
    <t>麻布台</t>
  </si>
  <si>
    <t>麻布永坂町</t>
  </si>
  <si>
    <t>麻布狸穴町</t>
  </si>
  <si>
    <t>愛宕（次のビルを除く）</t>
  </si>
  <si>
    <t>愛宕愛宕グリーンヒルズＭＯＲＩタワー（地階・階層不明）</t>
  </si>
  <si>
    <t>愛宕愛宕グリーンヒルズＭＯＲＩタワー（１階）</t>
  </si>
  <si>
    <t>愛宕愛宕グリーンヒルズＭＯＲＩタワー（２階）</t>
  </si>
  <si>
    <t>愛宕愛宕グリーンヒルズＭＯＲＩタワー（３階）</t>
  </si>
  <si>
    <t>愛宕愛宕グリーンヒルズＭＯＲＩタワー（４階）</t>
  </si>
  <si>
    <t>愛宕愛宕グリーンヒルズＭＯＲＩタワー（５階）</t>
  </si>
  <si>
    <t>愛宕愛宕グリーンヒルズＭＯＲＩタワー（６階）</t>
  </si>
  <si>
    <t>愛宕愛宕グリーンヒルズＭＯＲＩタワー（７階）</t>
  </si>
  <si>
    <t>愛宕愛宕グリーンヒルズＭＯＲＩタワー（８階）</t>
  </si>
  <si>
    <t>愛宕愛宕グリーンヒルズＭＯＲＩタワー（９階）</t>
  </si>
  <si>
    <t>愛宕愛宕グリーンヒルズＭＯＲＩタワー（１０階）</t>
  </si>
  <si>
    <t>愛宕愛宕グリーンヒルズＭＯＲＩタワー（１１階）</t>
  </si>
  <si>
    <t>愛宕愛宕グリーンヒルズＭＯＲＩタワー（１２階）</t>
  </si>
  <si>
    <t>愛宕愛宕グリーンヒルズＭＯＲＩタワー（１３階）</t>
  </si>
  <si>
    <t>愛宕愛宕グリーンヒルズＭＯＲＩタワー（１４階）</t>
  </si>
  <si>
    <t>愛宕愛宕グリーンヒルズＭＯＲＩタワー（１５階）</t>
  </si>
  <si>
    <t>愛宕愛宕グリーンヒルズＭＯＲＩタワー（１６階）</t>
  </si>
  <si>
    <t>愛宕愛宕グリーンヒルズＭＯＲＩタワー（１７階）</t>
  </si>
  <si>
    <t>愛宕愛宕グリーンヒルズＭＯＲＩタワー（１８階）</t>
  </si>
  <si>
    <t>愛宕愛宕グリーンヒルズＭＯＲＩタワー（１９階）</t>
  </si>
  <si>
    <t>愛宕愛宕グリーンヒルズＭＯＲＩタワー（２０階）</t>
  </si>
  <si>
    <t>愛宕愛宕グリーンヒルズＭＯＲＩタワー（２１階）</t>
  </si>
  <si>
    <t>愛宕愛宕グリーンヒルズＭＯＲＩタワー（２２階）</t>
  </si>
  <si>
    <t>愛宕愛宕グリーンヒルズＭＯＲＩタワー（２３階）</t>
  </si>
  <si>
    <t>愛宕愛宕グリーンヒルズＭＯＲＩタワー（２４階）</t>
  </si>
  <si>
    <t>愛宕愛宕グリーンヒルズＭＯＲＩタワー（２５階）</t>
  </si>
  <si>
    <t>愛宕愛宕グリーンヒルズＭＯＲＩタワー（２６階）</t>
  </si>
  <si>
    <t>愛宕愛宕グリーンヒルズＭＯＲＩタワー（２７階）</t>
  </si>
  <si>
    <t>愛宕愛宕グリーンヒルズＭＯＲＩタワー（２８階）</t>
  </si>
  <si>
    <t>愛宕愛宕グリーンヒルズＭＯＲＩタワー（２９階）</t>
  </si>
  <si>
    <t>愛宕愛宕グリーンヒルズＭＯＲＩタワー（３０階）</t>
  </si>
  <si>
    <t>愛宕愛宕グリーンヒルズＭＯＲＩタワー（３１階）</t>
  </si>
  <si>
    <t>愛宕愛宕グリーンヒルズＭＯＲＩタワー（３２階）</t>
  </si>
  <si>
    <t>愛宕愛宕グリーンヒルズＭＯＲＩタワー（３３階）</t>
  </si>
  <si>
    <t>愛宕愛宕グリーンヒルズＭＯＲＩタワー（３４階）</t>
  </si>
  <si>
    <t>愛宕愛宕グリーンヒルズＭＯＲＩタワー（３５階）</t>
  </si>
  <si>
    <t>愛宕愛宕グリーンヒルズＭＯＲＩタワー（３６階）</t>
  </si>
  <si>
    <t>愛宕愛宕グリーンヒルズＭＯＲＩタワー（３７階）</t>
  </si>
  <si>
    <t>愛宕愛宕グリーンヒルズＭＯＲＩタワー（３８階）</t>
  </si>
  <si>
    <t>愛宕愛宕グリーンヒルズＭＯＲＩタワー（３９階）</t>
  </si>
  <si>
    <t>愛宕愛宕グリーンヒルズＭＯＲＩタワー（４０階）</t>
  </si>
  <si>
    <t>愛宕愛宕グリーンヒルズＭＯＲＩタワー（４１階）</t>
  </si>
  <si>
    <t>愛宕愛宕グリーンヒルズＭＯＲＩタワー（４２階）</t>
  </si>
  <si>
    <t>海岸（１、２丁目）</t>
  </si>
  <si>
    <t>海岸（３丁目）</t>
  </si>
  <si>
    <t>北青山</t>
  </si>
  <si>
    <t>港南（次のビルを除く）</t>
  </si>
  <si>
    <t>港南品川インターシティＡ棟（地階・階層不明）</t>
  </si>
  <si>
    <t>港南品川インターシティＡ棟（１階）</t>
  </si>
  <si>
    <t>港南品川インターシティＡ棟（２階）</t>
  </si>
  <si>
    <t>港南品川インターシティＡ棟（３階）</t>
  </si>
  <si>
    <t>港南品川インターシティＡ棟（４階）</t>
  </si>
  <si>
    <t>港南品川インターシティＡ棟（５階）</t>
  </si>
  <si>
    <t>港南品川インターシティＡ棟（６階）</t>
  </si>
  <si>
    <t>港南品川インターシティＡ棟（７階）</t>
  </si>
  <si>
    <t>港南品川インターシティＡ棟（８階）</t>
  </si>
  <si>
    <t>港南品川インターシティＡ棟（９階）</t>
  </si>
  <si>
    <t>港南品川インターシティＡ棟（１０階）</t>
  </si>
  <si>
    <t>港南品川インターシティＡ棟（１１階）</t>
  </si>
  <si>
    <t>港南品川インターシティＡ棟（１２階）</t>
  </si>
  <si>
    <t>港南品川インターシティＡ棟（１３階）</t>
  </si>
  <si>
    <t>港南品川インターシティＡ棟（１４階）</t>
  </si>
  <si>
    <t>港南品川インターシティＡ棟（１５階）</t>
  </si>
  <si>
    <t>港南品川インターシティＡ棟（１６階）</t>
  </si>
  <si>
    <t>港南品川インターシティＡ棟（１７階）</t>
  </si>
  <si>
    <t>港南品川インターシティＡ棟（１８階）</t>
  </si>
  <si>
    <t>港南品川インターシティＡ棟（１９階）</t>
  </si>
  <si>
    <t>港南品川インターシティＡ棟（２０階）</t>
  </si>
  <si>
    <t>港南品川インターシティＡ棟（２１階）</t>
  </si>
  <si>
    <t>港南品川インターシティＡ棟（２２階）</t>
  </si>
  <si>
    <t>港南品川インターシティＡ棟（２３階）</t>
  </si>
  <si>
    <t>六本木六本木ヒルズ森タワー（４階）</t>
  </si>
  <si>
    <t>六本木六本木ヒルズ森タワー（５階）</t>
  </si>
  <si>
    <t>六本木六本木ヒルズ森タワー（６階）</t>
  </si>
  <si>
    <t>六本木六本木ヒルズ森タワー（７階）</t>
  </si>
  <si>
    <t>六本木六本木ヒルズ森タワー（８階）</t>
  </si>
  <si>
    <t>六本木六本木ヒルズ森タワー（９階）</t>
  </si>
  <si>
    <t>六本木六本木ヒルズ森タワー（１０階）</t>
  </si>
  <si>
    <t>六本木六本木ヒルズ森タワー（１１階）</t>
  </si>
  <si>
    <t>六本木六本木ヒルズ森タワー（１２階）</t>
  </si>
  <si>
    <t>六本木六本木ヒルズ森タワー（１３階）</t>
  </si>
  <si>
    <t>六本木六本木ヒルズ森タワー（１４階）</t>
  </si>
  <si>
    <t>六本木六本木ヒルズ森タワー（１５階）</t>
  </si>
  <si>
    <t>六本木六本木ヒルズ森タワー（１６階）</t>
  </si>
  <si>
    <t>六本木六本木ヒルズ森タワー（１７階）</t>
  </si>
  <si>
    <t>六本木六本木ヒルズ森タワー（１８階）</t>
  </si>
  <si>
    <t>六本木六本木ヒルズ森タワー（１９階）</t>
  </si>
  <si>
    <t>六本木六本木ヒルズ森タワー（２０階）</t>
  </si>
  <si>
    <t>六本木六本木ヒルズ森タワー（２１階）</t>
  </si>
  <si>
    <t>六本木六本木ヒルズ森タワー（２２階）</t>
  </si>
  <si>
    <t>六本木六本木ヒルズ森タワー（２３階）</t>
  </si>
  <si>
    <t>六本木六本木ヒルズ森タワー（２４階）</t>
  </si>
  <si>
    <t>六本木六本木ヒルズ森タワー（２５階）</t>
  </si>
  <si>
    <t>六本木六本木ヒルズ森タワー（２６階）</t>
  </si>
  <si>
    <t>六本木六本木ヒルズ森タワー（２７階）</t>
  </si>
  <si>
    <t>六本木六本木ヒルズ森タワー（２８階）</t>
  </si>
  <si>
    <t>六本木六本木ヒルズ森タワー（２９階）</t>
  </si>
  <si>
    <t>六本木六本木ヒルズ森タワー（３０階）</t>
  </si>
  <si>
    <t>六本木六本木ヒルズ森タワー（３１階）</t>
  </si>
  <si>
    <t>六本木六本木ヒルズ森タワー（３２階）</t>
  </si>
  <si>
    <t>六本木六本木ヒルズ森タワー（３３階）</t>
  </si>
  <si>
    <t>六本木六本木ヒルズ森タワー（３４階）</t>
  </si>
  <si>
    <t>六本木六本木ヒルズ森タワー（３５階）</t>
  </si>
  <si>
    <t>六本木六本木ヒルズ森タワー（３６階）</t>
  </si>
  <si>
    <t>六本木六本木ヒルズ森タワー（３７階）</t>
  </si>
  <si>
    <t>六本木六本木ヒルズ森タワー（３８階）</t>
  </si>
  <si>
    <t>六本木六本木ヒルズ森タワー（３９階）</t>
  </si>
  <si>
    <t>六本木六本木ヒルズ森タワー（４０階）</t>
  </si>
  <si>
    <t>六本木六本木ヒルズ森タワー（４１階）</t>
  </si>
  <si>
    <t>六本木六本木ヒルズ森タワー（４２階）</t>
  </si>
  <si>
    <t>六本木六本木ヒルズ森タワー（４３階）</t>
  </si>
  <si>
    <t>六本木六本木ヒルズ森タワー（４４階）</t>
  </si>
  <si>
    <t>六本木六本木ヒルズ森タワー（４５階）</t>
  </si>
  <si>
    <t>六本木六本木ヒルズ森タワー（４６階）</t>
  </si>
  <si>
    <t>六本木六本木ヒルズ森タワー（４７階）</t>
  </si>
  <si>
    <t>六本木六本木ヒルズ森タワー（４８階）</t>
  </si>
  <si>
    <t>六本木六本木ヒルズ森タワー（４９階）</t>
  </si>
  <si>
    <t>六本木六本木ヒルズ森タワー（５０階）</t>
  </si>
  <si>
    <t>六本木六本木ヒルズ森タワー（５１階）</t>
  </si>
  <si>
    <t>六本木六本木ヒルズ森タワー（５２階）</t>
  </si>
  <si>
    <t>六本木六本木ヒルズ森タワー（５３階）</t>
  </si>
  <si>
    <t>六本木六本木ヒルズ森タワー（５４階）</t>
  </si>
  <si>
    <t>愛住町</t>
  </si>
  <si>
    <t>赤城下町</t>
  </si>
  <si>
    <t>赤城元町</t>
  </si>
  <si>
    <t>揚場町</t>
  </si>
  <si>
    <t>荒木町</t>
  </si>
  <si>
    <t>市谷加賀町</t>
  </si>
  <si>
    <t>市谷甲良町</t>
  </si>
  <si>
    <t>市谷砂土原町</t>
  </si>
  <si>
    <t>市谷左内町</t>
  </si>
  <si>
    <t>市谷鷹匠町</t>
  </si>
  <si>
    <t>市谷田町</t>
  </si>
  <si>
    <t>市谷台町</t>
  </si>
  <si>
    <t>市谷長延寺町</t>
  </si>
  <si>
    <t>市谷仲之町</t>
  </si>
  <si>
    <t>市谷八幡町</t>
  </si>
  <si>
    <t>市谷船河原町</t>
  </si>
  <si>
    <t>市谷本村町</t>
  </si>
  <si>
    <t>市谷薬王寺町</t>
  </si>
  <si>
    <t>市谷柳町</t>
  </si>
  <si>
    <t>市谷山伏町</t>
  </si>
  <si>
    <t>岩戸町</t>
  </si>
  <si>
    <t>改代町</t>
  </si>
  <si>
    <t>神楽河岸</t>
  </si>
  <si>
    <t>神楽坂</t>
  </si>
  <si>
    <t>霞ケ丘町</t>
  </si>
  <si>
    <t>歌舞伎町</t>
  </si>
  <si>
    <t>河田町</t>
  </si>
  <si>
    <t>喜久井町</t>
  </si>
  <si>
    <t>北山伏町</t>
  </si>
  <si>
    <t>細工町</t>
  </si>
  <si>
    <t>坂町</t>
  </si>
  <si>
    <t>左門町</t>
  </si>
  <si>
    <t>三栄町</t>
  </si>
  <si>
    <t>信濃町</t>
  </si>
  <si>
    <t>下宮比町</t>
  </si>
  <si>
    <t>新小川町</t>
  </si>
  <si>
    <t>水道町</t>
  </si>
  <si>
    <t>須賀町</t>
  </si>
  <si>
    <t>大京町</t>
  </si>
  <si>
    <t>高田馬場</t>
  </si>
  <si>
    <t>箪笥町</t>
  </si>
  <si>
    <t>津久戸町</t>
  </si>
  <si>
    <t>筑土八幡町</t>
  </si>
  <si>
    <t>富久町</t>
  </si>
  <si>
    <t>戸山（３丁目１８・２１番）</t>
  </si>
  <si>
    <t>内藤町</t>
  </si>
  <si>
    <t>中落合</t>
  </si>
  <si>
    <t>納戸町</t>
  </si>
  <si>
    <t>西落合</t>
  </si>
  <si>
    <t>西五軒町</t>
  </si>
  <si>
    <t>西新宿（次のビルを除く）</t>
  </si>
  <si>
    <t>西新宿新宿アイランドタワー（地階・階層不明）</t>
  </si>
  <si>
    <t>西新宿新宿アイランドタワー（１階）</t>
  </si>
  <si>
    <t>西新宿新宿アイランドタワー（２階）</t>
  </si>
  <si>
    <t>西新宿新宿アイランドタワー（３階）</t>
  </si>
  <si>
    <t>西新宿新宿アイランドタワー（４階）</t>
  </si>
  <si>
    <t>西新宿新宿アイランドタワー（５階）</t>
  </si>
  <si>
    <t>西新宿新宿アイランドタワー（６階）</t>
  </si>
  <si>
    <t>西新宿新宿アイランドタワー（７階）</t>
  </si>
  <si>
    <t>西新宿新宿アイランドタワー（８階）</t>
  </si>
  <si>
    <t>西新宿新宿アイランドタワー（９階）</t>
  </si>
  <si>
    <t>西新宿新宿アイランドタワー（１０階）</t>
  </si>
  <si>
    <t>西新宿新宿アイランドタワー（１１階）</t>
  </si>
  <si>
    <t>西新宿新宿アイランドタワー（１２階）</t>
  </si>
  <si>
    <t>駒井町</t>
  </si>
  <si>
    <t>中和泉</t>
  </si>
  <si>
    <t>西野川</t>
  </si>
  <si>
    <t>東野川</t>
  </si>
  <si>
    <t>元和泉</t>
  </si>
  <si>
    <t>東大和市</t>
  </si>
  <si>
    <t>上北台</t>
  </si>
  <si>
    <t>湖畔</t>
  </si>
  <si>
    <t>狭山</t>
  </si>
  <si>
    <t>蔵敷</t>
  </si>
  <si>
    <t>高木</t>
  </si>
  <si>
    <t>多摩湖</t>
  </si>
  <si>
    <t>仲原</t>
  </si>
  <si>
    <t>奈良橋</t>
  </si>
  <si>
    <t>南街</t>
  </si>
  <si>
    <t>清瀬市</t>
  </si>
  <si>
    <t>梅園</t>
  </si>
  <si>
    <t>上清戸</t>
  </si>
  <si>
    <t>下宿</t>
  </si>
  <si>
    <t>下清戸</t>
  </si>
  <si>
    <t>竹丘</t>
  </si>
  <si>
    <t>中清戸</t>
  </si>
  <si>
    <t>野塩</t>
  </si>
  <si>
    <t>東久留米市</t>
  </si>
  <si>
    <t>上の原</t>
  </si>
  <si>
    <t>神宝町</t>
  </si>
  <si>
    <t>滝山</t>
  </si>
  <si>
    <t>野火止</t>
  </si>
  <si>
    <t>ひばりが丘団地</t>
  </si>
  <si>
    <t>前沢</t>
  </si>
  <si>
    <t>南沢</t>
  </si>
  <si>
    <t>柳窪</t>
  </si>
  <si>
    <t>武蔵村山市</t>
  </si>
  <si>
    <t>伊奈平</t>
  </si>
  <si>
    <t>大南</t>
  </si>
  <si>
    <t>学園</t>
  </si>
  <si>
    <t>残堀</t>
  </si>
  <si>
    <t>中藤</t>
  </si>
  <si>
    <t>三ツ木（大字）</t>
  </si>
  <si>
    <t>三ツ木（１～５丁目）</t>
  </si>
  <si>
    <t>三ツ藤</t>
  </si>
  <si>
    <t>多摩市</t>
  </si>
  <si>
    <t>一ノ宮</t>
  </si>
  <si>
    <t>貝取</t>
  </si>
  <si>
    <t>唐木田</t>
  </si>
  <si>
    <t>乞田</t>
  </si>
  <si>
    <t>山王下</t>
  </si>
  <si>
    <t>鶴牧</t>
  </si>
  <si>
    <t>豊ケ丘</t>
  </si>
  <si>
    <t>永山</t>
  </si>
  <si>
    <t>東寺方</t>
  </si>
  <si>
    <t>聖ケ丘</t>
  </si>
  <si>
    <t>馬引沢</t>
  </si>
  <si>
    <t>南野</t>
  </si>
  <si>
    <t>連光寺</t>
  </si>
  <si>
    <t>稲城市</t>
  </si>
  <si>
    <t>押立</t>
  </si>
  <si>
    <t>坂浜</t>
  </si>
  <si>
    <t>長峰</t>
  </si>
  <si>
    <t>東長沼</t>
  </si>
  <si>
    <t>平尾</t>
  </si>
  <si>
    <t>百村</t>
  </si>
  <si>
    <t>矢野口</t>
  </si>
  <si>
    <t>羽村市</t>
  </si>
  <si>
    <t>小作台</t>
  </si>
  <si>
    <t>五ノ神</t>
  </si>
  <si>
    <t>神明台</t>
  </si>
  <si>
    <t>羽</t>
  </si>
  <si>
    <t>羽加美</t>
  </si>
  <si>
    <t>羽中</t>
  </si>
  <si>
    <t>羽東</t>
  </si>
  <si>
    <t>羽西</t>
  </si>
  <si>
    <t>富士見平</t>
  </si>
  <si>
    <t>あきる野市</t>
  </si>
  <si>
    <t>秋川</t>
  </si>
  <si>
    <t>秋留</t>
  </si>
  <si>
    <t>網代</t>
  </si>
  <si>
    <t>油平</t>
  </si>
  <si>
    <t>雨間</t>
  </si>
  <si>
    <t>五日市</t>
  </si>
  <si>
    <t>伊奈</t>
  </si>
  <si>
    <t>上ノ台</t>
  </si>
  <si>
    <t>小川東</t>
  </si>
  <si>
    <t>乙津</t>
  </si>
  <si>
    <t>上代継</t>
  </si>
  <si>
    <t>切欠</t>
  </si>
  <si>
    <t>草花</t>
  </si>
  <si>
    <t>小峰台</t>
  </si>
  <si>
    <t>下代継</t>
  </si>
  <si>
    <t>瀬戸岡</t>
  </si>
  <si>
    <t>舘谷</t>
  </si>
  <si>
    <t>舘谷台</t>
  </si>
  <si>
    <t>留原</t>
  </si>
  <si>
    <t>二宮東</t>
  </si>
  <si>
    <t>野辺</t>
  </si>
  <si>
    <t>原小宮</t>
  </si>
  <si>
    <t>平沢西</t>
  </si>
  <si>
    <t>平沢東</t>
  </si>
  <si>
    <t>渕上</t>
  </si>
  <si>
    <t>養沢</t>
  </si>
  <si>
    <t>横沢</t>
  </si>
  <si>
    <t>西東京市</t>
  </si>
  <si>
    <t>尾ケ崎</t>
  </si>
  <si>
    <t>尾ケ崎新田</t>
  </si>
  <si>
    <t>表慈恩寺</t>
  </si>
  <si>
    <t>釣上</t>
  </si>
  <si>
    <t>釣上新田</t>
  </si>
  <si>
    <t>加倉</t>
  </si>
  <si>
    <t>掛</t>
  </si>
  <si>
    <t>金重</t>
  </si>
  <si>
    <t>鹿室</t>
  </si>
  <si>
    <t>上里</t>
  </si>
  <si>
    <t>古ケ場</t>
  </si>
  <si>
    <t>小溝</t>
  </si>
  <si>
    <t>笹久保</t>
  </si>
  <si>
    <t>笹久保新田</t>
  </si>
  <si>
    <t>慈恩寺</t>
  </si>
  <si>
    <t>城町</t>
  </si>
  <si>
    <t>真福寺</t>
  </si>
  <si>
    <t>末田</t>
  </si>
  <si>
    <t>高曽根</t>
  </si>
  <si>
    <t>徳力</t>
  </si>
  <si>
    <t>長宮</t>
  </si>
  <si>
    <t>新方須賀</t>
  </si>
  <si>
    <t>西原台</t>
  </si>
  <si>
    <t>野孫</t>
  </si>
  <si>
    <t>東岩槻</t>
  </si>
  <si>
    <t>府内</t>
  </si>
  <si>
    <t>平林寺</t>
  </si>
  <si>
    <t>本宿</t>
  </si>
  <si>
    <t>馬込</t>
  </si>
  <si>
    <t>増長</t>
  </si>
  <si>
    <t>南下新井</t>
  </si>
  <si>
    <t>南辻</t>
  </si>
  <si>
    <t>南平野</t>
  </si>
  <si>
    <t>美幸町</t>
  </si>
  <si>
    <t>村国</t>
  </si>
  <si>
    <t>谷下</t>
  </si>
  <si>
    <t>川越市</t>
  </si>
  <si>
    <t>安比奈新田</t>
  </si>
  <si>
    <t>天沼新田</t>
  </si>
  <si>
    <t>池辺</t>
  </si>
  <si>
    <t>伊佐沼</t>
  </si>
  <si>
    <t>石田本郷</t>
  </si>
  <si>
    <t>石原町</t>
  </si>
  <si>
    <t>伊勢原町</t>
  </si>
  <si>
    <t>今成</t>
  </si>
  <si>
    <t>今福</t>
  </si>
  <si>
    <t>牛子</t>
  </si>
  <si>
    <t>上戸</t>
  </si>
  <si>
    <t>上戸新町</t>
  </si>
  <si>
    <t>扇河岸</t>
  </si>
  <si>
    <t>大仙波</t>
  </si>
  <si>
    <t>大仙波新田</t>
  </si>
  <si>
    <t>大塚新田</t>
  </si>
  <si>
    <t>大塚新町</t>
  </si>
  <si>
    <t>大手町</t>
  </si>
  <si>
    <t>大中居</t>
  </si>
  <si>
    <t>大袋新田</t>
  </si>
  <si>
    <t>小ケ谷</t>
  </si>
  <si>
    <t>萱沼</t>
  </si>
  <si>
    <t>笠幡</t>
  </si>
  <si>
    <t>霞ケ関東</t>
  </si>
  <si>
    <t>霞ケ関北</t>
  </si>
  <si>
    <t>かすみ野</t>
  </si>
  <si>
    <t>上老袋</t>
  </si>
  <si>
    <t>上新河岸</t>
  </si>
  <si>
    <t>上寺山</t>
  </si>
  <si>
    <t>上野田町</t>
  </si>
  <si>
    <t>上松原</t>
  </si>
  <si>
    <t>鴨田</t>
  </si>
  <si>
    <t>川越</t>
  </si>
  <si>
    <t>川鶴</t>
  </si>
  <si>
    <t>かわつる三芳野</t>
  </si>
  <si>
    <t>北田島</t>
  </si>
  <si>
    <t>木野目</t>
  </si>
  <si>
    <t>久下戸</t>
  </si>
  <si>
    <t>鯨井</t>
  </si>
  <si>
    <t>鯨井新田</t>
  </si>
  <si>
    <t>熊野町</t>
  </si>
  <si>
    <t>郭町</t>
  </si>
  <si>
    <t>広栄町</t>
  </si>
  <si>
    <t>小仙波</t>
  </si>
  <si>
    <t>小仙波町</t>
  </si>
  <si>
    <t>小中居</t>
  </si>
  <si>
    <t>小室</t>
  </si>
  <si>
    <t>三久保町</t>
  </si>
  <si>
    <t>三光町</t>
  </si>
  <si>
    <t>鹿飼</t>
  </si>
  <si>
    <t>志多町</t>
  </si>
  <si>
    <t>渋井</t>
  </si>
  <si>
    <t>下赤坂</t>
  </si>
  <si>
    <t>下老袋</t>
  </si>
  <si>
    <t>下小坂</t>
  </si>
  <si>
    <t>下新河岸</t>
  </si>
  <si>
    <t>下広谷</t>
  </si>
  <si>
    <t>下松原</t>
  </si>
  <si>
    <t>城下町</t>
  </si>
  <si>
    <t>菅間</t>
  </si>
  <si>
    <t>菅原町</t>
  </si>
  <si>
    <t>砂久保</t>
  </si>
  <si>
    <t>砂新田</t>
  </si>
  <si>
    <t>仙波町</t>
  </si>
  <si>
    <t>竹野</t>
  </si>
  <si>
    <t>月吉町</t>
  </si>
  <si>
    <t>寺井</t>
  </si>
  <si>
    <t>東明寺</t>
  </si>
  <si>
    <t>豊田新田</t>
  </si>
  <si>
    <t>豊田町</t>
  </si>
  <si>
    <t>豊田本</t>
  </si>
  <si>
    <t>中老袋</t>
  </si>
  <si>
    <t>中原町</t>
  </si>
  <si>
    <t>中福</t>
  </si>
  <si>
    <t>中福東</t>
  </si>
  <si>
    <t>並木新町</t>
  </si>
  <si>
    <t>並木西町</t>
  </si>
  <si>
    <t>西小仙波町</t>
  </si>
  <si>
    <t>印内</t>
  </si>
  <si>
    <t>印内町</t>
  </si>
  <si>
    <t>大穴町</t>
  </si>
  <si>
    <t>大穴南</t>
  </si>
  <si>
    <t>大穴北</t>
  </si>
  <si>
    <t>大神保町</t>
  </si>
  <si>
    <t>海神</t>
  </si>
  <si>
    <t>海神町</t>
  </si>
  <si>
    <t>海神町東</t>
  </si>
  <si>
    <t>海神町西</t>
  </si>
  <si>
    <t>海神町南</t>
  </si>
  <si>
    <t>葛飾町</t>
  </si>
  <si>
    <t>金杉台</t>
  </si>
  <si>
    <t>金杉町</t>
  </si>
  <si>
    <t>金堀町</t>
  </si>
  <si>
    <t>上山町</t>
  </si>
  <si>
    <t>北本町</t>
  </si>
  <si>
    <t>行田町</t>
  </si>
  <si>
    <t>楠が山町</t>
  </si>
  <si>
    <t>車方町</t>
  </si>
  <si>
    <t>古作</t>
  </si>
  <si>
    <t>古作町</t>
  </si>
  <si>
    <t>小野田町</t>
  </si>
  <si>
    <t>小室町</t>
  </si>
  <si>
    <t>米ケ崎町</t>
  </si>
  <si>
    <t>古和釜町</t>
  </si>
  <si>
    <t>咲が丘</t>
  </si>
  <si>
    <t>新高根</t>
  </si>
  <si>
    <t>神保町</t>
  </si>
  <si>
    <t>鈴身町</t>
  </si>
  <si>
    <t>駿河台</t>
  </si>
  <si>
    <t>高瀬町</t>
  </si>
  <si>
    <t>高根台</t>
  </si>
  <si>
    <t>滝台町</t>
  </si>
  <si>
    <t>田喜野井</t>
  </si>
  <si>
    <t>坪井町</t>
  </si>
  <si>
    <t>豊富町</t>
  </si>
  <si>
    <t>中野木</t>
  </si>
  <si>
    <t>夏見</t>
  </si>
  <si>
    <t>夏見台</t>
  </si>
  <si>
    <t>夏見町</t>
  </si>
  <si>
    <t>七林町</t>
  </si>
  <si>
    <t>習志野</t>
  </si>
  <si>
    <t>習志野台</t>
  </si>
  <si>
    <t>西浦</t>
  </si>
  <si>
    <t>西習志野</t>
  </si>
  <si>
    <t>西船</t>
  </si>
  <si>
    <t>飯山満町</t>
  </si>
  <si>
    <t>東中山</t>
  </si>
  <si>
    <t>東船橋</t>
  </si>
  <si>
    <t>藤原</t>
  </si>
  <si>
    <t>二子町</t>
  </si>
  <si>
    <t>二和東</t>
  </si>
  <si>
    <t>二和西</t>
  </si>
  <si>
    <t>前原東</t>
  </si>
  <si>
    <t>前原西</t>
  </si>
  <si>
    <t>前貝塚町</t>
  </si>
  <si>
    <t>馬込町</t>
  </si>
  <si>
    <t>三咲</t>
  </si>
  <si>
    <t>三咲町</t>
  </si>
  <si>
    <t>南海神</t>
  </si>
  <si>
    <t>南三咲</t>
  </si>
  <si>
    <t>みやぎ台</t>
  </si>
  <si>
    <t>本中山</t>
  </si>
  <si>
    <t>八木が谷</t>
  </si>
  <si>
    <t>八木が谷町</t>
  </si>
  <si>
    <t>薬円台</t>
  </si>
  <si>
    <t>薬園台町</t>
  </si>
  <si>
    <t>山手</t>
  </si>
  <si>
    <t>山野町</t>
  </si>
  <si>
    <t>館山市</t>
  </si>
  <si>
    <t>相浜</t>
  </si>
  <si>
    <t>安布里</t>
  </si>
  <si>
    <t>安東</t>
  </si>
  <si>
    <t>出野尾</t>
  </si>
  <si>
    <t>伊戸</t>
  </si>
  <si>
    <t>稲</t>
  </si>
  <si>
    <t>犬石</t>
  </si>
  <si>
    <t>上野原</t>
  </si>
  <si>
    <t>江田</t>
  </si>
  <si>
    <t>大賀</t>
  </si>
  <si>
    <t>加賀名</t>
  </si>
  <si>
    <t>笠名</t>
  </si>
  <si>
    <t>神余</t>
  </si>
  <si>
    <t>上真倉</t>
  </si>
  <si>
    <t>亀ケ原</t>
  </si>
  <si>
    <t>見物</t>
  </si>
  <si>
    <t>香</t>
  </si>
  <si>
    <t>小沼</t>
  </si>
  <si>
    <t>小原</t>
  </si>
  <si>
    <t>古茂口</t>
  </si>
  <si>
    <t>坂井</t>
  </si>
  <si>
    <t>坂足</t>
  </si>
  <si>
    <t>作名</t>
  </si>
  <si>
    <t>塩見</t>
  </si>
  <si>
    <t>下真倉</t>
  </si>
  <si>
    <t>洲崎</t>
  </si>
  <si>
    <t>洲宮</t>
  </si>
  <si>
    <t>薗</t>
  </si>
  <si>
    <t>大神宮</t>
  </si>
  <si>
    <t>高井</t>
  </si>
  <si>
    <t>竹原</t>
  </si>
  <si>
    <t>館山</t>
  </si>
  <si>
    <t>那古</t>
  </si>
  <si>
    <t>南条</t>
  </si>
  <si>
    <t>西川名</t>
  </si>
  <si>
    <t>西長田</t>
  </si>
  <si>
    <t>沼</t>
  </si>
  <si>
    <t>波左間</t>
  </si>
  <si>
    <t>早物</t>
  </si>
  <si>
    <t>東長田</t>
  </si>
  <si>
    <t>宝貝</t>
  </si>
  <si>
    <t>北条</t>
  </si>
  <si>
    <t>北条正木</t>
  </si>
  <si>
    <t>水岡</t>
  </si>
  <si>
    <t>水玉</t>
  </si>
  <si>
    <t>布沼</t>
  </si>
  <si>
    <t>布良</t>
  </si>
  <si>
    <t>茂名</t>
  </si>
  <si>
    <t>山荻</t>
  </si>
  <si>
    <t>竜岡</t>
  </si>
  <si>
    <t>有吉</t>
  </si>
  <si>
    <t>井尻</t>
  </si>
  <si>
    <t>伊豆島</t>
  </si>
  <si>
    <t>岩根</t>
  </si>
  <si>
    <t>牛袋</t>
  </si>
  <si>
    <t>牛袋野</t>
  </si>
  <si>
    <t>瓜倉</t>
  </si>
  <si>
    <t>南吉田町</t>
  </si>
  <si>
    <t>三春台</t>
  </si>
  <si>
    <t>宮元町</t>
  </si>
  <si>
    <t>六ツ川</t>
  </si>
  <si>
    <t>新井町</t>
  </si>
  <si>
    <t>岩井町</t>
  </si>
  <si>
    <t>岩崎町</t>
  </si>
  <si>
    <t>岩間町</t>
  </si>
  <si>
    <t>岡沢町</t>
  </si>
  <si>
    <t>霞台</t>
  </si>
  <si>
    <t>帷子町</t>
  </si>
  <si>
    <t>釜台町</t>
  </si>
  <si>
    <t>上菅田町</t>
  </si>
  <si>
    <t>上星川</t>
  </si>
  <si>
    <t>狩場町</t>
  </si>
  <si>
    <t>川辺町</t>
  </si>
  <si>
    <t>神戸町</t>
  </si>
  <si>
    <t>権太坂</t>
  </si>
  <si>
    <t>境木町</t>
  </si>
  <si>
    <t>境木本町</t>
  </si>
  <si>
    <t>新桜ケ丘</t>
  </si>
  <si>
    <t>瀬戸ケ谷町</t>
  </si>
  <si>
    <t>月見台</t>
  </si>
  <si>
    <t>天王町</t>
  </si>
  <si>
    <t>港南品川インターシティＡ棟（２４階）</t>
  </si>
  <si>
    <t>西新宿新宿アイランドタワー（１３階）</t>
  </si>
  <si>
    <t>西新宿住友不動産新宿オークタワー（４階）</t>
  </si>
  <si>
    <t>西新宿住友不動産新宿オークタワー（５階）</t>
  </si>
  <si>
    <t>西新宿住友不動産新宿オークタワー（６階）</t>
  </si>
  <si>
    <t>西新宿住友不動産新宿オークタワー（７階）</t>
  </si>
  <si>
    <t>西新宿住友不動産新宿オークタワー（８階）</t>
  </si>
  <si>
    <t>西新宿住友不動産新宿オークタワー（９階）</t>
  </si>
  <si>
    <t>西新宿住友不動産新宿オークタワー（１０階）</t>
  </si>
  <si>
    <t>西新宿住友不動産新宿オークタワー（１１階）</t>
  </si>
  <si>
    <t>西新宿住友不動産新宿オークタワー（１２階）</t>
  </si>
  <si>
    <t>西新宿住友不動産新宿オークタワー（１３階）</t>
  </si>
  <si>
    <t>西新宿住友不動産新宿オークタワー（１４階）</t>
  </si>
  <si>
    <t>西新宿住友不動産新宿オークタワー（１５階）</t>
  </si>
  <si>
    <t>西新宿住友不動産新宿オークタワー（１６階）</t>
  </si>
  <si>
    <t>西新宿住友不動産新宿オークタワー（１７階）</t>
  </si>
  <si>
    <t>西新宿住友不動産新宿オークタワー（１８階）</t>
  </si>
  <si>
    <t>西新宿住友不動産新宿オークタワー（１９階）</t>
  </si>
  <si>
    <t>西新宿住友不動産新宿オークタワー（２０階）</t>
  </si>
  <si>
    <t>西新宿住友不動産新宿オークタワー（２１階）</t>
  </si>
  <si>
    <t>西新宿住友不動産新宿オークタワー（２２階）</t>
  </si>
  <si>
    <t>西新宿住友不動産新宿オークタワー（２３階）</t>
  </si>
  <si>
    <t>西新宿住友不動産新宿オークタワー（２４階）</t>
  </si>
  <si>
    <t>西新宿住友不動産新宿オークタワー（２５階）</t>
  </si>
  <si>
    <t>西新宿住友不動産新宿オークタワー（２６階）</t>
  </si>
  <si>
    <t>西新宿住友不動産新宿オークタワー（２７階）</t>
  </si>
  <si>
    <t>西新宿住友不動産新宿オークタワー（２８階）</t>
  </si>
  <si>
    <t>西新宿住友不動産新宿オークタワー（２９階）</t>
  </si>
  <si>
    <t>西新宿住友不動産新宿オークタワー（３０階）</t>
  </si>
  <si>
    <t>西新宿住友不動産新宿オークタワー（３１階）</t>
  </si>
  <si>
    <t>西新宿住友不動産新宿オークタワー（３２階）</t>
  </si>
  <si>
    <t>西新宿住友不動産新宿オークタワー（３３階）</t>
  </si>
  <si>
    <t>西新宿住友不動産新宿オークタワー（３４階）</t>
  </si>
  <si>
    <t>西新宿住友不動産新宿オークタワー（３５階）</t>
  </si>
  <si>
    <t>西新宿住友不動産新宿オークタワー（３６階）</t>
  </si>
  <si>
    <t>西新宿住友不動産新宿オークタワー（３７階）</t>
  </si>
  <si>
    <t>西新宿住友不動産新宿オークタワー（３８階）</t>
  </si>
  <si>
    <t>西新宿東京オペラシティ（地階・階層不明）</t>
  </si>
  <si>
    <t>西新宿東京オペラシティ（１階）</t>
  </si>
  <si>
    <t>西新宿東京オペラシティ（２階）</t>
  </si>
  <si>
    <t>西新宿東京オペラシティ（３階）</t>
  </si>
  <si>
    <t>西新宿東京オペラシティ（４階）</t>
  </si>
  <si>
    <t>西新宿東京オペラシティ（５階）</t>
  </si>
  <si>
    <t>西新宿東京オペラシティ（６階）</t>
  </si>
  <si>
    <t>西新宿東京オペラシティ（７階）</t>
  </si>
  <si>
    <t>西新宿東京オペラシティ（８階）</t>
  </si>
  <si>
    <t>西新宿東京オペラシティ（９階）</t>
  </si>
  <si>
    <t>西新宿東京オペラシティ（１０階）</t>
  </si>
  <si>
    <t>西新宿東京オペラシティ（１１階）</t>
  </si>
  <si>
    <t>西新宿東京オペラシティ（１２階）</t>
  </si>
  <si>
    <t>西新宿東京オペラシティ（１３階）</t>
  </si>
  <si>
    <t>西新宿東京オペラシティ（１４階）</t>
  </si>
  <si>
    <t>西新宿東京オペラシティ（１５階）</t>
  </si>
  <si>
    <t>西新宿東京オペラシティ（１６階）</t>
  </si>
  <si>
    <t>西新宿東京オペラシティ（１７階）</t>
  </si>
  <si>
    <t>西新宿東京オペラシティ（１８階）</t>
  </si>
  <si>
    <t>西新宿東京オペラシティ（１９階）</t>
  </si>
  <si>
    <t>西新宿東京オペラシティ（２０階）</t>
  </si>
  <si>
    <t>西新宿東京オペラシティ（２１階）</t>
  </si>
  <si>
    <t>西新宿東京オペラシティ（２２階）</t>
  </si>
  <si>
    <t>西新宿東京オペラシティ（２３階）</t>
  </si>
  <si>
    <t>西新宿東京オペラシティ（２４階）</t>
  </si>
  <si>
    <t>西新宿東京オペラシティ（２５階）</t>
  </si>
  <si>
    <t>西新宿東京オペラシティ（２６階）</t>
  </si>
  <si>
    <t>西新宿東京オペラシティ（２７階）</t>
  </si>
  <si>
    <t>西新宿東京オペラシティ（２８階）</t>
  </si>
  <si>
    <t>西新宿東京オペラシティ（２９階）</t>
  </si>
  <si>
    <t>西新宿東京オペラシティ（３０階）</t>
  </si>
  <si>
    <t>西新宿東京オペラシティ（３１階）</t>
  </si>
  <si>
    <t>西新宿東京オペラシティ（３２階）</t>
  </si>
  <si>
    <t>西新宿東京オペラシティ（３３階）</t>
  </si>
  <si>
    <t>西新宿東京オペラシティ（３４階）</t>
  </si>
  <si>
    <t>西新宿東京オペラシティ（３５階）</t>
  </si>
  <si>
    <t>西新宿東京オペラシティ（３６階）</t>
  </si>
  <si>
    <t>西新宿東京オペラシティ（３７階）</t>
  </si>
  <si>
    <t>西新宿東京オペラシティ（３８階）</t>
  </si>
  <si>
    <t>西新宿東京オペラシティ（３９階）</t>
  </si>
  <si>
    <t>西新宿東京オペラシティ（４０階）</t>
  </si>
  <si>
    <t>霞が関霞が関ビル（２８階）</t>
  </si>
  <si>
    <t>霞が関霞が関ビル（２９階）</t>
  </si>
  <si>
    <t>霞が関霞が関ビル（３０階）</t>
  </si>
  <si>
    <t>霞が関霞が関ビル（３１階）</t>
  </si>
  <si>
    <t>霞が関霞が関ビル（３２階）</t>
  </si>
  <si>
    <t>霞が関霞が関ビル（３３階）</t>
  </si>
  <si>
    <t>霞が関霞が関ビル（３４階）</t>
  </si>
  <si>
    <t>霞が関霞が関ビル（３５階）</t>
  </si>
  <si>
    <t>霞が関霞が関ビル（３６階）</t>
  </si>
  <si>
    <t>神田相生町</t>
  </si>
  <si>
    <t>神田淡路町</t>
  </si>
  <si>
    <t>神田和泉町</t>
  </si>
  <si>
    <t>神田岩本町</t>
  </si>
  <si>
    <t>神田小川町</t>
  </si>
  <si>
    <t>神田鍛冶町</t>
  </si>
  <si>
    <t>神田北乗物町</t>
  </si>
  <si>
    <t>神田紺屋町</t>
  </si>
  <si>
    <t>神田佐久間河岸</t>
  </si>
  <si>
    <t>神田佐久間町</t>
  </si>
  <si>
    <t>神田神保町</t>
  </si>
  <si>
    <t>神田須田町</t>
  </si>
  <si>
    <t>神田駿河台</t>
  </si>
  <si>
    <t>神田多町</t>
  </si>
  <si>
    <t>神田司町</t>
  </si>
  <si>
    <t>神田富山町</t>
  </si>
  <si>
    <t>神田錦町</t>
  </si>
  <si>
    <t>神田西福田町</t>
  </si>
  <si>
    <t>神田練塀町</t>
  </si>
  <si>
    <t>神田花岡町</t>
  </si>
  <si>
    <t>神田東紺屋町</t>
  </si>
  <si>
    <t>神田東松下町</t>
  </si>
  <si>
    <t>神田平河町</t>
  </si>
  <si>
    <t>神田松永町</t>
  </si>
  <si>
    <t>神田美倉町</t>
  </si>
  <si>
    <t>神田美土代町</t>
  </si>
  <si>
    <t>紀尾井町</t>
  </si>
  <si>
    <t>北の丸公園</t>
  </si>
  <si>
    <t>九段南</t>
  </si>
  <si>
    <t>九段北</t>
  </si>
  <si>
    <t>皇居外苑</t>
  </si>
  <si>
    <t>麹町</t>
  </si>
  <si>
    <t>三番町</t>
  </si>
  <si>
    <t>外神田</t>
  </si>
  <si>
    <t>永田町（次のビルを除く）</t>
  </si>
  <si>
    <t>永田町山王パークタワー（地階・階層不明）</t>
  </si>
  <si>
    <t>永田町山王パークタワー（１階）</t>
  </si>
  <si>
    <t>永田町山王パークタワー（２階）</t>
  </si>
  <si>
    <t>永田町山王パークタワー（３階）</t>
  </si>
  <si>
    <t>永田町山王パークタワー（４階）</t>
  </si>
  <si>
    <t>永田町山王パークタワー（５階）</t>
  </si>
  <si>
    <t>永田町山王パークタワー（６階）</t>
  </si>
  <si>
    <t>永田町山王パークタワー（７階）</t>
  </si>
  <si>
    <t>永田町山王パークタワー（８階）</t>
  </si>
  <si>
    <t>永田町山王パークタワー（９階）</t>
  </si>
  <si>
    <t>永田町山王パークタワー（１０階）</t>
  </si>
  <si>
    <t>永田町山王パークタワー（１１階）</t>
  </si>
  <si>
    <t>永田町山王パークタワー（１２階）</t>
  </si>
  <si>
    <t>永田町山王パークタワー（１３階）</t>
  </si>
  <si>
    <t>永田町山王パークタワー（１４階）</t>
  </si>
  <si>
    <t>永田町山王パークタワー（１５階）</t>
  </si>
  <si>
    <t>永田町山王パークタワー（１６階）</t>
  </si>
  <si>
    <t>永田町山王パークタワー（１７階）</t>
  </si>
  <si>
    <t>永田町山王パークタワー（１８階）</t>
  </si>
  <si>
    <t>永田町山王パークタワー（１９階）</t>
  </si>
  <si>
    <t>永田町山王パークタワー（２０階）</t>
  </si>
  <si>
    <t>永田町山王パークタワー（２１階）</t>
  </si>
  <si>
    <t>永田町山王パークタワー（２２階）</t>
  </si>
  <si>
    <t>永田町山王パークタワー（２３階）</t>
  </si>
  <si>
    <t>永田町山王パークタワー（２４階）</t>
  </si>
  <si>
    <t>永田町山王パークタワー（２５階）</t>
  </si>
  <si>
    <t>永田町山王パークタワー（２６階）</t>
  </si>
  <si>
    <t>永田町山王パークタワー（２７階）</t>
  </si>
  <si>
    <t>永田町山王パークタワー（２８階）</t>
  </si>
  <si>
    <t>永田町山王パークタワー（２９階）</t>
  </si>
  <si>
    <t>永田町山王パークタワー（３０階）</t>
  </si>
  <si>
    <t>永田町山王パークタワー（３１階）</t>
  </si>
  <si>
    <t>永田町山王パークタワー（３２階）</t>
  </si>
  <si>
    <t>永田町山王パークタワー（３３階）</t>
  </si>
  <si>
    <t>永田町山王パークタワー（３４階）</t>
  </si>
  <si>
    <t>永田町山王パークタワー（３５階）</t>
  </si>
  <si>
    <t>永田町山王パークタワー（３６階）</t>
  </si>
  <si>
    <t>永田町山王パークタワー（３７階）</t>
  </si>
  <si>
    <t>永田町山王パークタワー（３８階）</t>
  </si>
  <si>
    <t>永田町山王パークタワー（３９階）</t>
  </si>
  <si>
    <t>永田町山王パークタワー（４０階）</t>
  </si>
  <si>
    <t>永田町山王パークタワー（４１階）</t>
  </si>
  <si>
    <t>永田町山王パークタワー（４２階）</t>
  </si>
  <si>
    <t>永田町山王パークタワー（４３階）</t>
  </si>
  <si>
    <t>永田町山王パークタワー（４４階）</t>
  </si>
  <si>
    <t>西神田</t>
  </si>
  <si>
    <t>二番町</t>
  </si>
  <si>
    <t>隼町</t>
  </si>
  <si>
    <t>東神田</t>
  </si>
  <si>
    <t>一ツ橋（１丁目）</t>
  </si>
  <si>
    <t>一ツ橋（２丁目）</t>
  </si>
  <si>
    <t>日比谷公園</t>
  </si>
  <si>
    <t>平河町</t>
  </si>
  <si>
    <t>丸の内（次のビルを除く）</t>
  </si>
  <si>
    <t>丸の内グラントウキョウサウスタワー（地階・階層不明）</t>
  </si>
  <si>
    <t>丸の内グラントウキョウサウスタワー（１階）</t>
  </si>
  <si>
    <t>丸の内グラントウキョウサウスタワー（２階）</t>
  </si>
  <si>
    <t>丸の内グラントウキョウサウスタワー（３階）</t>
  </si>
  <si>
    <t>丸の内グラントウキョウサウスタワー（４階）</t>
  </si>
  <si>
    <t>丸の内グラントウキョウサウスタワー（５階）</t>
  </si>
  <si>
    <t>丸の内グラントウキョウサウスタワー（６階）</t>
  </si>
  <si>
    <t>丸の内グラントウキョウサウスタワー（７階）</t>
  </si>
  <si>
    <t>丸の内グラントウキョウサウスタワー（８階）</t>
  </si>
  <si>
    <t>丸の内グラントウキョウサウスタワー（９階）</t>
  </si>
  <si>
    <t>丸の内グラントウキョウサウスタワー（１０階）</t>
  </si>
  <si>
    <t>丸の内グラントウキョウサウスタワー（１１階）</t>
  </si>
  <si>
    <t>丸の内グラントウキョウサウスタワー（１２階）</t>
  </si>
  <si>
    <t>丸の内グラントウキョウサウスタワー（１３階）</t>
  </si>
  <si>
    <t>丸の内グラントウキョウサウスタワー（１４階）</t>
  </si>
  <si>
    <t>丸の内グラントウキョウサウスタワー（１５階）</t>
  </si>
  <si>
    <t>丸の内グラントウキョウサウスタワー（１６階）</t>
  </si>
  <si>
    <t>丸の内グラントウキョウサウスタワー（１７階）</t>
  </si>
  <si>
    <t>港南品川インターシティＡ棟（２５階）</t>
  </si>
  <si>
    <t>港南品川インターシティＡ棟（２６階）</t>
  </si>
  <si>
    <t>港南品川インターシティＡ棟（２７階）</t>
  </si>
  <si>
    <t>港南品川インターシティＡ棟（２８階）</t>
  </si>
  <si>
    <t>港南品川インターシティＡ棟（２９階）</t>
  </si>
  <si>
    <t>港南品川インターシティＡ棟（３０階）</t>
  </si>
  <si>
    <t>港南品川インターシティＡ棟（３１階）</t>
  </si>
  <si>
    <t>港南品川インターシティＡ棟（３２階）</t>
  </si>
  <si>
    <t>港南品川インターシティＢ棟（地階・階層不明）</t>
  </si>
  <si>
    <t>港南品川インターシティＢ棟（１階）</t>
  </si>
  <si>
    <t>港南品川インターシティＢ棟（２階）</t>
  </si>
  <si>
    <t>港南品川インターシティＢ棟（３階）</t>
  </si>
  <si>
    <t>港南品川インターシティＢ棟（４階）</t>
  </si>
  <si>
    <t>港南品川インターシティＢ棟（５階）</t>
  </si>
  <si>
    <t>港南品川インターシティＢ棟（６階）</t>
  </si>
  <si>
    <t>港南品川インターシティＢ棟（７階）</t>
  </si>
  <si>
    <t>港南品川インターシティＢ棟（８階）</t>
  </si>
  <si>
    <t>港南品川インターシティＢ棟（９階）</t>
  </si>
  <si>
    <t>港南品川インターシティＢ棟（１０階）</t>
  </si>
  <si>
    <t>港南品川インターシティＢ棟（１１階）</t>
  </si>
  <si>
    <t>港南品川インターシティＢ棟（１２階）</t>
  </si>
  <si>
    <t>港南品川インターシティＢ棟（１３階）</t>
  </si>
  <si>
    <t>港南品川インターシティＢ棟（１４階）</t>
  </si>
  <si>
    <t>港南品川インターシティＢ棟（１５階）</t>
  </si>
  <si>
    <t>港南品川インターシティＢ棟（１６階）</t>
  </si>
  <si>
    <t>港南品川インターシティＢ棟（１７階）</t>
  </si>
  <si>
    <t>港南品川インターシティＢ棟（１８階）</t>
  </si>
  <si>
    <t>港南品川インターシティＢ棟（１９階）</t>
  </si>
  <si>
    <t>港南品川インターシティＢ棟（２０階）</t>
  </si>
  <si>
    <t>港南品川インターシティＢ棟（２１階）</t>
  </si>
  <si>
    <t>港南品川インターシティＢ棟（２２階）</t>
  </si>
  <si>
    <t>港南品川インターシティＢ棟（２３階）</t>
  </si>
  <si>
    <t>港南品川インターシティＢ棟（２４階）</t>
  </si>
  <si>
    <t>港南品川インターシティＢ棟（２５階）</t>
  </si>
  <si>
    <t>港南品川インターシティＢ棟（２６階）</t>
  </si>
  <si>
    <t>港南品川インターシティＢ棟（２７階）</t>
  </si>
  <si>
    <t>港南品川インターシティＢ棟（２８階）</t>
  </si>
  <si>
    <t>港南品川インターシティＢ棟（２９階）</t>
  </si>
  <si>
    <t>港南品川インターシティＢ棟（３０階）</t>
  </si>
  <si>
    <t>港南品川インターシティＢ棟（３１階）</t>
  </si>
  <si>
    <t>港南品川インターシティＣ棟（地階・階層不明）</t>
  </si>
  <si>
    <t>港南品川インターシティＣ棟（１階）</t>
  </si>
  <si>
    <t>港南品川インターシティＣ棟（２階）</t>
  </si>
  <si>
    <t>港南品川インターシティＣ棟（３階）</t>
  </si>
  <si>
    <t>港南品川インターシティＣ棟（４階）</t>
  </si>
  <si>
    <t>港南品川インターシティＣ棟（５階）</t>
  </si>
  <si>
    <t>港南品川インターシティＣ棟（６階）</t>
  </si>
  <si>
    <t>港南品川インターシティＣ棟（７階）</t>
  </si>
  <si>
    <t>港南品川インターシティＣ棟（８階）</t>
  </si>
  <si>
    <t>港南品川インターシティＣ棟（９階）</t>
  </si>
  <si>
    <t>港南品川インターシティＣ棟（１０階）</t>
  </si>
  <si>
    <t>港南品川インターシティＣ棟（１１階）</t>
  </si>
  <si>
    <t>港南品川インターシティＣ棟（１２階）</t>
  </si>
  <si>
    <t>港南品川インターシティＣ棟（１３階）</t>
  </si>
  <si>
    <t>港南品川インターシティＣ棟（１４階）</t>
  </si>
  <si>
    <t>港南品川インターシティＣ棟（１５階）</t>
  </si>
  <si>
    <t>港南品川インターシティＣ棟（１６階）</t>
  </si>
  <si>
    <t>港南品川インターシティＣ棟（１７階）</t>
  </si>
  <si>
    <t>港南品川インターシティＣ棟（１８階）</t>
  </si>
  <si>
    <t>港南品川インターシティＣ棟（１９階）</t>
  </si>
  <si>
    <t>港南品川インターシティＣ棟（２０階）</t>
  </si>
  <si>
    <t>港南品川インターシティＣ棟（２１階）</t>
  </si>
  <si>
    <t>港南品川インターシティＣ棟（２２階）</t>
  </si>
  <si>
    <t>港南品川インターシティＣ棟（２３階）</t>
  </si>
  <si>
    <t>港南品川インターシティＣ棟（２４階）</t>
  </si>
  <si>
    <t>港南品川インターシティＣ棟（２５階）</t>
  </si>
  <si>
    <t>港南品川インターシティＣ棟（２６階）</t>
  </si>
  <si>
    <t>港南品川インターシティＣ棟（２７階）</t>
  </si>
  <si>
    <t>港南品川インターシティＣ棟（２８階）</t>
  </si>
  <si>
    <t>港南品川インターシティＣ棟（２９階）</t>
  </si>
  <si>
    <t>港南品川インターシティＣ棟（３０階）</t>
  </si>
  <si>
    <t>港南品川インターシティＣ棟（３１階）</t>
  </si>
  <si>
    <t>芝（１～３丁目）</t>
  </si>
  <si>
    <t>芝（４、５丁目）</t>
  </si>
  <si>
    <t>芝浦（１丁目）</t>
  </si>
  <si>
    <t>芝浦（２～４丁目）</t>
  </si>
  <si>
    <t>芝公園</t>
  </si>
  <si>
    <t>芝大門</t>
  </si>
  <si>
    <t>白金</t>
  </si>
  <si>
    <t>白金台</t>
  </si>
  <si>
    <t>台場</t>
  </si>
  <si>
    <t>高輪</t>
  </si>
  <si>
    <t>虎ノ門（次のビルを除く）</t>
  </si>
  <si>
    <t>虎ノ門城山トラストタワー（地階・階層不明）</t>
  </si>
  <si>
    <t>虎ノ門城山トラストタワー（１階）</t>
  </si>
  <si>
    <t>虎ノ門城山トラストタワー（２階）</t>
  </si>
  <si>
    <t>虎ノ門城山トラストタワー（３階）</t>
  </si>
  <si>
    <t>虎ノ門城山トラストタワー（４階）</t>
  </si>
  <si>
    <t>虎ノ門城山トラストタワー（５階）</t>
  </si>
  <si>
    <t>虎ノ門城山トラストタワー（６階）</t>
  </si>
  <si>
    <t>虎ノ門城山トラストタワー（７階）</t>
  </si>
  <si>
    <t>虎ノ門城山トラストタワー（８階）</t>
  </si>
  <si>
    <t>虎ノ門城山トラストタワー（９階）</t>
  </si>
  <si>
    <t>虎ノ門城山トラストタワー（１０階）</t>
  </si>
  <si>
    <t>虎ノ門城山トラストタワー（１１階）</t>
  </si>
  <si>
    <t>虎ノ門城山トラストタワー（１２階）</t>
  </si>
  <si>
    <t>虎ノ門城山トラストタワー（１３階）</t>
  </si>
  <si>
    <t>虎ノ門城山トラストタワー（１４階）</t>
  </si>
  <si>
    <t>虎ノ門城山トラストタワー（１５階）</t>
  </si>
  <si>
    <t>虎ノ門城山トラストタワー（１６階）</t>
  </si>
  <si>
    <t>虎ノ門城山トラストタワー（１７階）</t>
  </si>
  <si>
    <t>虎ノ門城山トラストタワー（１８階）</t>
  </si>
  <si>
    <t>虎ノ門城山トラストタワー（１９階）</t>
  </si>
  <si>
    <t>虎ノ門城山トラストタワー（２０階）</t>
  </si>
  <si>
    <t>虎ノ門城山トラストタワー（２１階）</t>
  </si>
  <si>
    <t>虎ノ門城山トラストタワー（２２階）</t>
  </si>
  <si>
    <t>虎ノ門城山トラストタワー（２３階）</t>
  </si>
  <si>
    <t>虎ノ門城山トラストタワー（２４階）</t>
  </si>
  <si>
    <t>虎ノ門城山トラストタワー（２５階）</t>
  </si>
  <si>
    <t>虎ノ門城山トラストタワー（２６階）</t>
  </si>
  <si>
    <t>虎ノ門城山トラストタワー（２７階）</t>
  </si>
  <si>
    <t>虎ノ門城山トラストタワー（２８階）</t>
  </si>
  <si>
    <t>西新宿新宿アイランドタワー（１４階）</t>
  </si>
  <si>
    <t>西新宿新宿アイランドタワー（１５階）</t>
  </si>
  <si>
    <t>西新宿新宿アイランドタワー（１６階）</t>
  </si>
  <si>
    <t>西新宿新宿アイランドタワー（１７階）</t>
  </si>
  <si>
    <t>西新宿新宿アイランドタワー（１８階）</t>
  </si>
  <si>
    <t>西新宿新宿アイランドタワー（１９階）</t>
  </si>
  <si>
    <t>西新宿新宿アイランドタワー（２０階）</t>
  </si>
  <si>
    <t>西新宿新宿アイランドタワー（２１階）</t>
  </si>
  <si>
    <t>西新宿新宿アイランドタワー（２２階）</t>
  </si>
  <si>
    <t>西新宿新宿アイランドタワー（２３階）</t>
  </si>
  <si>
    <t>西新宿新宿アイランドタワー（２４階）</t>
  </si>
  <si>
    <t>西新宿新宿アイランドタワー（２５階）</t>
  </si>
  <si>
    <t>西新宿新宿アイランドタワー（２６階）</t>
  </si>
  <si>
    <t>西新宿新宿アイランドタワー（２７階）</t>
  </si>
  <si>
    <t>西新宿新宿アイランドタワー（２８階）</t>
  </si>
  <si>
    <t>西新宿新宿アイランドタワー（２９階）</t>
  </si>
  <si>
    <t>西新宿新宿アイランドタワー（３０階）</t>
  </si>
  <si>
    <t>西新宿新宿アイランドタワー（３１階）</t>
  </si>
  <si>
    <t>西新宿新宿アイランドタワー（３２階）</t>
  </si>
  <si>
    <t>西新宿新宿アイランドタワー（３３階）</t>
  </si>
  <si>
    <t>西新宿新宿アイランドタワー（３４階）</t>
  </si>
  <si>
    <t>西新宿新宿アイランドタワー（３５階）</t>
  </si>
  <si>
    <t>西新宿新宿アイランドタワー（３６階）</t>
  </si>
  <si>
    <t>西新宿新宿アイランドタワー（３７階）</t>
  </si>
  <si>
    <t>西新宿新宿アイランドタワー（３８階）</t>
  </si>
  <si>
    <t>西新宿新宿アイランドタワー（３９階）</t>
  </si>
  <si>
    <t>西新宿新宿アイランドタワー（４０階）</t>
  </si>
  <si>
    <t>西新宿新宿アイランドタワー（４１階）</t>
  </si>
  <si>
    <t>西新宿新宿アイランドタワー（４２階）</t>
  </si>
  <si>
    <t>西新宿新宿アイランドタワー（４３階）</t>
  </si>
  <si>
    <t>西新宿新宿アイランドタワー（４４階）</t>
  </si>
  <si>
    <t>西新宿新宿ＮＳビル（地階・階層不明）</t>
  </si>
  <si>
    <t>西新宿新宿ＮＳビル（１階）</t>
  </si>
  <si>
    <t>西新宿新宿ＮＳビル（２階）</t>
  </si>
  <si>
    <t>西新宿新宿ＮＳビル（３階）</t>
  </si>
  <si>
    <t>西新宿新宿ＮＳビル（４階）</t>
  </si>
  <si>
    <t>西新宿新宿ＮＳビル（５階）</t>
  </si>
  <si>
    <t>西新宿新宿ＮＳビル（６階）</t>
  </si>
  <si>
    <t>西新宿新宿ＮＳビル（７階）</t>
  </si>
  <si>
    <t>西新宿新宿ＮＳビル（８階）</t>
  </si>
  <si>
    <t>西新宿新宿ＮＳビル（９階）</t>
  </si>
  <si>
    <t>西新宿新宿ＮＳビル（１０階）</t>
  </si>
  <si>
    <t>西新宿新宿ＮＳビル（１１階）</t>
  </si>
  <si>
    <t>西新宿新宿ＮＳビル（１２階）</t>
  </si>
  <si>
    <t>西新宿新宿ＮＳビル（１３階）</t>
  </si>
  <si>
    <t>西新宿新宿ＮＳビル（１４階）</t>
  </si>
  <si>
    <t>西新宿新宿ＮＳビル（１５階）</t>
  </si>
  <si>
    <t>西新宿新宿ＮＳビル（１６階）</t>
  </si>
  <si>
    <t>西新宿新宿ＮＳビル（１７階）</t>
  </si>
  <si>
    <t>西新宿新宿ＮＳビル（１８階）</t>
  </si>
  <si>
    <t>西新宿新宿ＮＳビル（１９階）</t>
  </si>
  <si>
    <t>西新宿新宿ＮＳビル（２０階）</t>
  </si>
  <si>
    <t>西新宿新宿ＮＳビル（２１階）</t>
  </si>
  <si>
    <t>西新宿新宿ＮＳビル（２２階）</t>
  </si>
  <si>
    <t>西新宿新宿ＮＳビル（２３階）</t>
  </si>
  <si>
    <t>西新宿新宿ＮＳビル（２４階）</t>
  </si>
  <si>
    <t>西新宿新宿ＮＳビル（２５階）</t>
  </si>
  <si>
    <t>西新宿新宿ＮＳビル（２６階）</t>
  </si>
  <si>
    <t>西新宿新宿ＮＳビル（２７階）</t>
  </si>
  <si>
    <t>西新宿新宿ＮＳビル（２８階）</t>
  </si>
  <si>
    <t>西新宿新宿ＮＳビル（２９階）</t>
  </si>
  <si>
    <t>西新宿新宿ＮＳビル（３０階）</t>
  </si>
  <si>
    <t>西新宿新宿エルタワー（地階・階層不明）</t>
  </si>
  <si>
    <t>西新宿新宿エルタワー（１階）</t>
  </si>
  <si>
    <t>西新宿新宿エルタワー（２階）</t>
  </si>
  <si>
    <t>西新宿新宿エルタワー（３階）</t>
  </si>
  <si>
    <t>西新宿新宿エルタワー（４階）</t>
  </si>
  <si>
    <t>西新宿新宿エルタワー（５階）</t>
  </si>
  <si>
    <t>西新宿新宿エルタワー（６階）</t>
  </si>
  <si>
    <t>西新宿新宿エルタワー（７階）</t>
  </si>
  <si>
    <t>西新宿新宿エルタワー（８階）</t>
  </si>
  <si>
    <t>西新宿新宿エルタワー（９階）</t>
  </si>
  <si>
    <t>西新宿新宿エルタワー（１０階）</t>
  </si>
  <si>
    <t>西新宿新宿エルタワー（１１階）</t>
  </si>
  <si>
    <t>西新宿新宿エルタワー（１２階）</t>
  </si>
  <si>
    <t>西新宿新宿エルタワー（１３階）</t>
  </si>
  <si>
    <t>西新宿新宿エルタワー（１４階）</t>
  </si>
  <si>
    <t>西新宿新宿エルタワー（１５階）</t>
  </si>
  <si>
    <t>西新宿新宿エルタワー（１６階）</t>
  </si>
  <si>
    <t>西新宿新宿エルタワー（１７階）</t>
  </si>
  <si>
    <t>西新宿新宿エルタワー（１８階）</t>
  </si>
  <si>
    <t>西新宿新宿エルタワー（１９階）</t>
  </si>
  <si>
    <t>西新宿新宿エルタワー（２０階）</t>
  </si>
  <si>
    <t>西新宿新宿エルタワー（２１階）</t>
  </si>
  <si>
    <t>西新宿新宿エルタワー（２２階）</t>
  </si>
  <si>
    <t>西新宿新宿エルタワー（２３階）</t>
  </si>
  <si>
    <t>西新宿新宿エルタワー（２４階）</t>
  </si>
  <si>
    <t>西新宿新宿エルタワー（２５階）</t>
  </si>
  <si>
    <t>西新宿新宿エルタワー（２６階）</t>
  </si>
  <si>
    <t>西新宿新宿エルタワー（２７階）</t>
  </si>
  <si>
    <t>西新宿新宿エルタワー（２８階）</t>
  </si>
  <si>
    <t>西新宿新宿エルタワー（２９階）</t>
  </si>
  <si>
    <t>西新宿新宿エルタワー（３０階）</t>
  </si>
  <si>
    <t>西新宿新宿エルタワー（３１階）</t>
  </si>
  <si>
    <t>西新宿新宿スクエアタワー（地階・階層不明）</t>
  </si>
  <si>
    <t>西新宿新宿スクエアタワー（１階）</t>
  </si>
  <si>
    <t>西新宿新宿スクエアタワー（２階）</t>
  </si>
  <si>
    <t>西新宿新宿スクエアタワー（３階）</t>
  </si>
  <si>
    <t>西新宿新宿スクエアタワー（４階）</t>
  </si>
  <si>
    <t>西新宿新宿スクエアタワー（５階）</t>
  </si>
  <si>
    <t>西新宿新宿スクエアタワー（６階）</t>
  </si>
  <si>
    <t>西新宿新宿スクエアタワー（７階）</t>
  </si>
  <si>
    <t>西新宿新宿スクエアタワー（８階）</t>
  </si>
  <si>
    <t>西新宿新宿スクエアタワー（９階）</t>
  </si>
  <si>
    <t>西新宿新宿スクエアタワー（１０階）</t>
  </si>
  <si>
    <t>西新宿新宿スクエアタワー（１１階）</t>
  </si>
  <si>
    <t>西新宿新宿スクエアタワー（１２階）</t>
  </si>
  <si>
    <t>西新宿新宿スクエアタワー（１３階）</t>
  </si>
  <si>
    <t>西新宿新宿スクエアタワー（１４階）</t>
  </si>
  <si>
    <t>西新宿新宿スクエアタワー（１５階）</t>
  </si>
  <si>
    <t>西新宿新宿スクエアタワー（１６階）</t>
  </si>
  <si>
    <t>丸の内グラントウキョウサウスタワー（１８階）</t>
  </si>
  <si>
    <t>虎ノ門城山トラストタワー（２９階）</t>
  </si>
  <si>
    <t>西新宿新宿スクエアタワー（１７階）</t>
  </si>
  <si>
    <t>西新宿東京オペラシティ（４１階）</t>
  </si>
  <si>
    <t>幡ケ谷</t>
  </si>
  <si>
    <t>鉢山町</t>
  </si>
  <si>
    <t>初台</t>
  </si>
  <si>
    <t>円山町</t>
  </si>
  <si>
    <t>元代々木町</t>
  </si>
  <si>
    <t>代々木</t>
  </si>
  <si>
    <t>代々木神園町</t>
  </si>
  <si>
    <t>江古田</t>
  </si>
  <si>
    <t>江原町</t>
  </si>
  <si>
    <t>上鷺宮</t>
  </si>
  <si>
    <t>上高田</t>
  </si>
  <si>
    <t>鷺宮</t>
  </si>
  <si>
    <t>白鷺</t>
  </si>
  <si>
    <t>戸部町</t>
  </si>
  <si>
    <t>戸部本町</t>
  </si>
  <si>
    <t>西戸部町</t>
  </si>
  <si>
    <t>西平沼町</t>
  </si>
  <si>
    <t>西前町</t>
  </si>
  <si>
    <t>花咲町（４～７丁目）</t>
  </si>
  <si>
    <t>浜松町</t>
  </si>
  <si>
    <t>東久保町</t>
  </si>
  <si>
    <t>藤棚町</t>
  </si>
  <si>
    <t>みなとみらい（次のビルを除く）</t>
  </si>
  <si>
    <t>みなとみらいクイーンズタワーＡ（地階・階層不明）</t>
  </si>
  <si>
    <t>みなとみらいクイーンズタワーＡ（１階）</t>
  </si>
  <si>
    <t>みなとみらいクイーンズタワーＡ（２階）</t>
  </si>
  <si>
    <t>みなとみらいクイーンズタワーＡ（３階）</t>
  </si>
  <si>
    <t>みなとみらいクイーンズタワーＡ（４階）</t>
  </si>
  <si>
    <t>みなとみらいクイーンズタワーＡ（５階）</t>
  </si>
  <si>
    <t>みなとみらいクイーンズタワーＡ（６階）</t>
  </si>
  <si>
    <t>みなとみらいクイーンズタワーＡ（７階）</t>
  </si>
  <si>
    <t>みなとみらいクイーンズタワーＡ（８階）</t>
  </si>
  <si>
    <t>みなとみらいクイーンズタワーＡ（９階）</t>
  </si>
  <si>
    <t>みなとみらいクイーンズタワーＡ（１０階）</t>
  </si>
  <si>
    <t>みなとみらいクイーンズタワーＡ（１１階）</t>
  </si>
  <si>
    <t>みなとみらいクイーンズタワーＡ（１２階）</t>
  </si>
  <si>
    <t>みなとみらいクイーンズタワーＡ（１３階）</t>
  </si>
  <si>
    <t>みなとみらいクイーンズタワーＡ（１４階）</t>
  </si>
  <si>
    <t>みなとみらいクイーンズタワーＡ（１５階）</t>
  </si>
  <si>
    <t>みなとみらいクイーンズタワーＡ（１６階）</t>
  </si>
  <si>
    <t>みなとみらいクイーンズタワーＡ（１７階）</t>
  </si>
  <si>
    <t>みなとみらいクイーンズタワーＡ（１８階）</t>
  </si>
  <si>
    <t>みなとみらいクイーンズタワーＡ（１９階）</t>
  </si>
  <si>
    <t>みなとみらいクイーンズタワーＡ（２０階）</t>
  </si>
  <si>
    <t>みなとみらいクイーンズタワーＡ（２１階）</t>
  </si>
  <si>
    <t>みなとみらいクイーンズタワーＡ（２２階）</t>
  </si>
  <si>
    <t>みなとみらいクイーンズタワーＡ（２３階）</t>
  </si>
  <si>
    <t>みなとみらいクイーンズタワーＡ（２４階）</t>
  </si>
  <si>
    <t>みなとみらいクイーンズタワーＡ（２５階）</t>
  </si>
  <si>
    <t>みなとみらいクイーンズタワーＡ（２６階）</t>
  </si>
  <si>
    <t>みなとみらいクイーンズタワーＡ（２７階）</t>
  </si>
  <si>
    <t>みなとみらいクイーンズタワーＡ（２８階）</t>
  </si>
  <si>
    <t>みなとみらいクイーンズタワーＡ（２９階）</t>
  </si>
  <si>
    <t>みなとみらいクイーンズタワーＡ（３０階）</t>
  </si>
  <si>
    <t>みなとみらいクイーンズタワーＡ（３１階）</t>
  </si>
  <si>
    <t>みなとみらいクイーンズタワーＡ（３２階）</t>
  </si>
  <si>
    <t>みなとみらいクイーンズタワーＡ（３３階）</t>
  </si>
  <si>
    <t>みなとみらいクイーンズタワーＡ（３４階）</t>
  </si>
  <si>
    <t>みなとみらいクイーンズタワーＡ（３５階）</t>
  </si>
  <si>
    <t>みなとみらいクイーンズタワーＢ（地階・階層不明）</t>
  </si>
  <si>
    <t>みなとみらいクイーンズタワーＢ（１階）</t>
  </si>
  <si>
    <t>みなとみらいクイーンズタワーＢ（２階）</t>
  </si>
  <si>
    <t>みなとみらいクイーンズタワーＢ（３階）</t>
  </si>
  <si>
    <t>みなとみらいクイーンズタワーＢ（４階）</t>
  </si>
  <si>
    <t>みなとみらいクイーンズタワーＢ（５階）</t>
  </si>
  <si>
    <t>みなとみらいクイーンズタワーＢ（６階）</t>
  </si>
  <si>
    <t>みなとみらいクイーンズタワーＢ（７階）</t>
  </si>
  <si>
    <t>みなとみらいクイーンズタワーＢ（８階）</t>
  </si>
  <si>
    <t>みなとみらいクイーンズタワーＢ（９階）</t>
  </si>
  <si>
    <t>みなとみらいクイーンズタワーＢ（１０階）</t>
  </si>
  <si>
    <t>みなとみらいクイーンズタワーＢ（１１階）</t>
  </si>
  <si>
    <t>みなとみらいクイーンズタワーＢ（１２階）</t>
  </si>
  <si>
    <t>みなとみらいクイーンズタワーＢ（１３階）</t>
  </si>
  <si>
    <t>みなとみらいクイーンズタワーＢ（１４階）</t>
  </si>
  <si>
    <t>みなとみらいクイーンズタワーＢ（１５階）</t>
  </si>
  <si>
    <t>みなとみらいクイーンズタワーＢ（１６階）</t>
  </si>
  <si>
    <t>みなとみらいクイーンズタワーＢ（１７階）</t>
  </si>
  <si>
    <t>みなとみらいクイーンズタワーＢ（１８階）</t>
  </si>
  <si>
    <t>みなとみらいクイーンズタワーＢ（１９階）</t>
  </si>
  <si>
    <t>みなとみらいクイーンズタワーＢ（２０階）</t>
  </si>
  <si>
    <t>みなとみらいクイーンズタワーＢ（２１階）</t>
  </si>
  <si>
    <t>みなとみらいクイーンズタワーＢ（２２階）</t>
  </si>
  <si>
    <t>みなとみらいクイーンズタワーＢ（２３階）</t>
  </si>
  <si>
    <t>みなとみらいクイーンズタワーＢ（２４階）</t>
  </si>
  <si>
    <t>みなとみらいクイーンズタワーＢ（２５階）</t>
  </si>
  <si>
    <t>みなとみらいクイーンズタワーＢ（２６階）</t>
  </si>
  <si>
    <t>みなとみらいクイーンズタワーＢ（２７階）</t>
  </si>
  <si>
    <t>みなとみらいクイーンズタワーＢ（２８階）</t>
  </si>
  <si>
    <t>みなとみらいクイーンズタワーＣ（地階・階層不明）</t>
  </si>
  <si>
    <t>みなとみらいクイーンズタワーＣ（１階）</t>
  </si>
  <si>
    <t>みなとみらいクイーンズタワーＣ（２階）</t>
  </si>
  <si>
    <t>みなとみらいクイーンズタワーＣ（３階）</t>
  </si>
  <si>
    <t>みなとみらいクイーンズタワーＣ（４階）</t>
  </si>
  <si>
    <t>新倉</t>
  </si>
  <si>
    <t>西大和団地</t>
  </si>
  <si>
    <t>広沢</t>
  </si>
  <si>
    <t>松ノ木島町</t>
  </si>
  <si>
    <t>新座市</t>
  </si>
  <si>
    <t>あたご</t>
  </si>
  <si>
    <t>菅沢</t>
  </si>
  <si>
    <t>東北</t>
  </si>
  <si>
    <t>新座</t>
  </si>
  <si>
    <t>新塚</t>
  </si>
  <si>
    <t>野寺</t>
  </si>
  <si>
    <t>桶川市</t>
  </si>
  <si>
    <t>赤堀</t>
  </si>
  <si>
    <t>加納</t>
  </si>
  <si>
    <t>上日出谷</t>
  </si>
  <si>
    <t>鴨川</t>
  </si>
  <si>
    <t>川田谷</t>
  </si>
  <si>
    <t>倉田</t>
  </si>
  <si>
    <t>五丁台</t>
  </si>
  <si>
    <t>小針領家</t>
  </si>
  <si>
    <t>下日出谷</t>
  </si>
  <si>
    <t>下日出谷西</t>
  </si>
  <si>
    <t>舎人新田</t>
  </si>
  <si>
    <t>久喜市</t>
  </si>
  <si>
    <t>青毛</t>
  </si>
  <si>
    <t>江面</t>
  </si>
  <si>
    <t>太田袋</t>
  </si>
  <si>
    <t>上清久</t>
  </si>
  <si>
    <t>上早見</t>
  </si>
  <si>
    <t>河原井町</t>
  </si>
  <si>
    <t>北青柳</t>
  </si>
  <si>
    <t>北中曽根</t>
  </si>
  <si>
    <t>清久町</t>
  </si>
  <si>
    <t>久喜新</t>
  </si>
  <si>
    <t>久喜本</t>
  </si>
  <si>
    <t>古久喜</t>
  </si>
  <si>
    <t>下清久</t>
  </si>
  <si>
    <t>下早見</t>
  </si>
  <si>
    <t>所久喜</t>
  </si>
  <si>
    <t>野久喜</t>
  </si>
  <si>
    <t>樋ノ口</t>
  </si>
  <si>
    <t>除堀</t>
  </si>
  <si>
    <t>吉羽</t>
  </si>
  <si>
    <t>六万部</t>
  </si>
  <si>
    <t>北本市</t>
  </si>
  <si>
    <t>東間</t>
  </si>
  <si>
    <t>荒井</t>
  </si>
  <si>
    <t>石戸</t>
  </si>
  <si>
    <t>石戸宿</t>
  </si>
  <si>
    <t>北中丸</t>
  </si>
  <si>
    <t>北本</t>
  </si>
  <si>
    <t>北本宿</t>
  </si>
  <si>
    <t>下石戸上</t>
  </si>
  <si>
    <t>下石戸下</t>
  </si>
  <si>
    <t>西高尾</t>
  </si>
  <si>
    <t>深井</t>
  </si>
  <si>
    <t>二ツ家</t>
  </si>
  <si>
    <t>八潮市</t>
  </si>
  <si>
    <t>伊勢野</t>
  </si>
  <si>
    <t>浮塚</t>
  </si>
  <si>
    <t>大瀬</t>
  </si>
  <si>
    <t>垳</t>
  </si>
  <si>
    <t>上馬場</t>
  </si>
  <si>
    <t>木曽根</t>
  </si>
  <si>
    <t>小作田</t>
  </si>
  <si>
    <t>古新田</t>
  </si>
  <si>
    <t>鶴ケ曽根</t>
  </si>
  <si>
    <t>中馬場</t>
  </si>
  <si>
    <t>西袋</t>
  </si>
  <si>
    <t>二丁目</t>
  </si>
  <si>
    <t>八條</t>
  </si>
  <si>
    <t>松之木</t>
  </si>
  <si>
    <t>南後谷</t>
  </si>
  <si>
    <t>南川崎</t>
  </si>
  <si>
    <t>柳之宮</t>
  </si>
  <si>
    <t>富士見市</t>
  </si>
  <si>
    <t>上沢</t>
  </si>
  <si>
    <t>上南畑</t>
  </si>
  <si>
    <t>下南畑</t>
  </si>
  <si>
    <t>関沢</t>
  </si>
  <si>
    <t>鶴瀬東</t>
  </si>
  <si>
    <t>鶴瀬西</t>
  </si>
  <si>
    <t>鶴馬</t>
  </si>
  <si>
    <t>南畑新田</t>
  </si>
  <si>
    <t>西みずほ台</t>
  </si>
  <si>
    <t>東大久保</t>
  </si>
  <si>
    <t>東みずほ台</t>
  </si>
  <si>
    <t>水子</t>
  </si>
  <si>
    <t>水谷</t>
  </si>
  <si>
    <t>水谷東</t>
  </si>
  <si>
    <t>みどり野東</t>
  </si>
  <si>
    <t>みどり野西</t>
  </si>
  <si>
    <t>みどり野南</t>
  </si>
  <si>
    <t>みどり野北</t>
  </si>
  <si>
    <t>山室</t>
  </si>
  <si>
    <t>渡戸</t>
  </si>
  <si>
    <t>三郷市</t>
  </si>
  <si>
    <t>市助</t>
  </si>
  <si>
    <t>岩野木</t>
  </si>
  <si>
    <t>後谷</t>
  </si>
  <si>
    <t>釆女</t>
  </si>
  <si>
    <t>大広戸</t>
  </si>
  <si>
    <t>上口</t>
  </si>
  <si>
    <t>上彦川戸</t>
  </si>
  <si>
    <t>上彦名</t>
  </si>
  <si>
    <t>幸房</t>
  </si>
  <si>
    <t>小谷堀</t>
  </si>
  <si>
    <t>さつき平</t>
  </si>
  <si>
    <t>さいたま市西区</t>
  </si>
  <si>
    <t>飯田新田</t>
  </si>
  <si>
    <t>植田谷本</t>
  </si>
  <si>
    <t>植田谷本村新田</t>
  </si>
  <si>
    <t>内野本郷</t>
  </si>
  <si>
    <t>指扇</t>
  </si>
  <si>
    <t>指扇領辻</t>
  </si>
  <si>
    <t>指扇領別所</t>
  </si>
  <si>
    <t>佐知川</t>
  </si>
  <si>
    <t>三条町</t>
  </si>
  <si>
    <t>清河寺</t>
  </si>
  <si>
    <t>中釘</t>
  </si>
  <si>
    <t>中野林</t>
  </si>
  <si>
    <t>西遊馬</t>
  </si>
  <si>
    <t>平方領々家</t>
  </si>
  <si>
    <t>プラザ</t>
  </si>
  <si>
    <t>宝来</t>
  </si>
  <si>
    <t>水判土</t>
  </si>
  <si>
    <t>峰岸</t>
  </si>
  <si>
    <t>三橋</t>
  </si>
  <si>
    <t>湯木町</t>
  </si>
  <si>
    <t>さいたま市北区</t>
  </si>
  <si>
    <t>植竹町</t>
  </si>
  <si>
    <t>上加</t>
  </si>
  <si>
    <t>櫛引町</t>
  </si>
  <si>
    <t>今羽町</t>
  </si>
  <si>
    <t>土呂町</t>
  </si>
  <si>
    <t>東大成町</t>
  </si>
  <si>
    <t>別所町</t>
  </si>
  <si>
    <t>盆栽町</t>
  </si>
  <si>
    <t>さいたま市大宮区</t>
  </si>
  <si>
    <t>天沼町</t>
  </si>
  <si>
    <t>上小町</t>
  </si>
  <si>
    <t>吉敷町</t>
  </si>
  <si>
    <t>北袋町</t>
  </si>
  <si>
    <t>寿能町</t>
  </si>
  <si>
    <t>高鼻町</t>
  </si>
  <si>
    <t>堀の内町</t>
  </si>
  <si>
    <t>さいたま市見沼区</t>
  </si>
  <si>
    <t>加田屋</t>
  </si>
  <si>
    <t>加田屋新田</t>
  </si>
  <si>
    <t>片柳</t>
  </si>
  <si>
    <t>片柳東</t>
  </si>
  <si>
    <t>上山口新田</t>
  </si>
  <si>
    <t>小深作</t>
  </si>
  <si>
    <t>笹丸</t>
  </si>
  <si>
    <t>島町</t>
  </si>
  <si>
    <t>新右エ門新田</t>
  </si>
  <si>
    <t>砂町</t>
  </si>
  <si>
    <t>染谷</t>
  </si>
  <si>
    <t>新堤</t>
  </si>
  <si>
    <t>西山新田</t>
  </si>
  <si>
    <t>西山村新田</t>
  </si>
  <si>
    <t>春岡</t>
  </si>
  <si>
    <t>春野</t>
  </si>
  <si>
    <t>東新井</t>
  </si>
  <si>
    <t>東大宮</t>
  </si>
  <si>
    <t>東宮下</t>
  </si>
  <si>
    <t>膝子</t>
  </si>
  <si>
    <t>深作</t>
  </si>
  <si>
    <t>風渡野</t>
  </si>
  <si>
    <t>堀崎町</t>
  </si>
  <si>
    <t>丸ケ崎</t>
  </si>
  <si>
    <t>丸ケ崎町</t>
  </si>
  <si>
    <t>御蔵</t>
  </si>
  <si>
    <t>南中丸</t>
  </si>
  <si>
    <t>宮ケ谷塔</t>
  </si>
  <si>
    <t>見山</t>
  </si>
  <si>
    <t>山</t>
  </si>
  <si>
    <t>上峰</t>
  </si>
  <si>
    <t>円阿弥</t>
  </si>
  <si>
    <t>新都心（次のビルを除く）</t>
  </si>
  <si>
    <t>新都心明治安田生命さいたま新都心ビル（地階・階層不明）</t>
  </si>
  <si>
    <t>新都心明治安田生命さいたま新都心ビル（１階）</t>
  </si>
  <si>
    <t>新都心明治安田生命さいたま新都心ビル（２階）</t>
  </si>
  <si>
    <t>新都心明治安田生命さいたま新都心ビル（３階）</t>
  </si>
  <si>
    <t>新都心明治安田生命さいたま新都心ビル（４階）</t>
  </si>
  <si>
    <t>新都心明治安田生命さいたま新都心ビル（５階）</t>
  </si>
  <si>
    <t>新都心明治安田生命さいたま新都心ビル（６階）</t>
  </si>
  <si>
    <t>新都心明治安田生命さいたま新都心ビル（７階）</t>
  </si>
  <si>
    <t>新都心明治安田生命さいたま新都心ビル（８階）</t>
  </si>
  <si>
    <t>新都心明治安田生命さいたま新都心ビル（９階）</t>
  </si>
  <si>
    <t>新都心明治安田生命さいたま新都心ビル（１０階）</t>
  </si>
  <si>
    <t>新都心明治安田生命さいたま新都心ビル（１１階）</t>
  </si>
  <si>
    <t>新都心明治安田生命さいたま新都心ビル（１２階）</t>
  </si>
  <si>
    <t>新都心明治安田生命さいたま新都心ビル（１３階）</t>
  </si>
  <si>
    <t>新都心明治安田生命さいたま新都心ビル（１４階）</t>
  </si>
  <si>
    <t>新都心明治安田生命さいたま新都心ビル（１５階）</t>
  </si>
  <si>
    <t>新都心明治安田生命さいたま新都心ビル（１６階）</t>
  </si>
  <si>
    <t>新都心明治安田生命さいたま新都心ビル（１７階）</t>
  </si>
  <si>
    <t>丸の内グラントウキョウサウスタワー（１９階）</t>
  </si>
  <si>
    <t>丸の内グラントウキョウサウスタワー（２０階）</t>
  </si>
  <si>
    <t>丸の内グラントウキョウサウスタワー（２１階）</t>
  </si>
  <si>
    <t>丸の内グラントウキョウサウスタワー（２２階）</t>
  </si>
  <si>
    <t>丸の内グラントウキョウサウスタワー（２３階）</t>
  </si>
  <si>
    <t>丸の内グラントウキョウサウスタワー（２４階）</t>
  </si>
  <si>
    <t>丸の内グラントウキョウサウスタワー（２５階）</t>
  </si>
  <si>
    <t>丸の内グラントウキョウサウスタワー（２６階）</t>
  </si>
  <si>
    <t>丸の内グラントウキョウサウスタワー（２７階）</t>
  </si>
  <si>
    <t>丸の内グラントウキョウサウスタワー（２８階）</t>
  </si>
  <si>
    <t>丸の内グラントウキョウサウスタワー（２９階）</t>
  </si>
  <si>
    <t>丸の内グラントウキョウサウスタワー（３０階）</t>
  </si>
  <si>
    <t>丸の内グラントウキョウサウスタワー（３１階）</t>
  </si>
  <si>
    <t>丸の内グラントウキョウサウスタワー（３２階）</t>
  </si>
  <si>
    <t>丸の内グラントウキョウサウスタワー（３３階）</t>
  </si>
  <si>
    <t>丸の内グラントウキョウサウスタワー（３４階）</t>
  </si>
  <si>
    <t>丸の内グラントウキョウサウスタワー（３５階）</t>
  </si>
  <si>
    <t>丸の内グラントウキョウサウスタワー（３６階）</t>
  </si>
  <si>
    <t>丸の内グラントウキョウサウスタワー（３７階）</t>
  </si>
  <si>
    <t>丸の内グラントウキョウサウスタワー（３８階）</t>
  </si>
  <si>
    <t>丸の内グラントウキョウサウスタワー（３９階）</t>
  </si>
  <si>
    <t>丸の内グラントウキョウサウスタワー（４０階）</t>
  </si>
  <si>
    <t>丸の内グラントウキョウサウスタワー（４１階）</t>
  </si>
  <si>
    <t>丸の内グラントウキョウサウスタワー（４２階）</t>
  </si>
  <si>
    <t>丸の内グラントウキョウノースタワー（地階・階層不明）</t>
  </si>
  <si>
    <t>丸の内グラントウキョウノースタワー（１階）</t>
  </si>
  <si>
    <t>丸の内グラントウキョウノースタワー（２階）</t>
  </si>
  <si>
    <t>丸の内グラントウキョウノースタワー（３階）</t>
  </si>
  <si>
    <t>丸の内グラントウキョウノースタワー（４階）</t>
  </si>
  <si>
    <t>丸の内グラントウキョウノースタワー（５階）</t>
  </si>
  <si>
    <t>丸の内グラントウキョウノースタワー（６階）</t>
  </si>
  <si>
    <t>丸の内グラントウキョウノースタワー（７階）</t>
  </si>
  <si>
    <t>丸の内グラントウキョウノースタワー（８階）</t>
  </si>
  <si>
    <t>丸の内グラントウキョウノースタワー（９階）</t>
  </si>
  <si>
    <t>丸の内グラントウキョウノースタワー（１０階）</t>
  </si>
  <si>
    <t>丸の内グラントウキョウノースタワー（１１階）</t>
  </si>
  <si>
    <t>丸の内グラントウキョウノースタワー（１２階）</t>
  </si>
  <si>
    <t>丸の内グラントウキョウノースタワー（１３階）</t>
  </si>
  <si>
    <t>丸の内グラントウキョウノースタワー（１４階）</t>
  </si>
  <si>
    <t>丸の内グラントウキョウノースタワー（１５階）</t>
  </si>
  <si>
    <t>丸の内グラントウキョウノースタワー（１６階）</t>
  </si>
  <si>
    <t>丸の内グラントウキョウノースタワー（１７階）</t>
  </si>
  <si>
    <t>丸の内グラントウキョウノースタワー（１８階）</t>
  </si>
  <si>
    <t>丸の内グラントウキョウノースタワー（１９階）</t>
  </si>
  <si>
    <t>丸の内グラントウキョウノースタワー（２０階）</t>
  </si>
  <si>
    <t>丸の内グラントウキョウノースタワー（２１階）</t>
  </si>
  <si>
    <t>丸の内グラントウキョウノースタワー（２２階）</t>
  </si>
  <si>
    <t>丸の内グラントウキョウノースタワー（２３階）</t>
  </si>
  <si>
    <t>丸の内グラントウキョウノースタワー（２４階）</t>
  </si>
  <si>
    <t>丸の内グラントウキョウノースタワー（２５階）</t>
  </si>
  <si>
    <t>丸の内グラントウキョウノースタワー（２６階）</t>
  </si>
  <si>
    <t>丸の内グラントウキョウノースタワー（２７階）</t>
  </si>
  <si>
    <t>丸の内グラントウキョウノースタワー（２８階）</t>
  </si>
  <si>
    <t>丸の内グラントウキョウノースタワー（２９階）</t>
  </si>
  <si>
    <t>丸の内グラントウキョウノースタワー（３０階）</t>
  </si>
  <si>
    <t>丸の内グラントウキョウノースタワー（３１階）</t>
  </si>
  <si>
    <t>丸の内グラントウキョウノースタワー（３２階）</t>
  </si>
  <si>
    <t>丸の内グラントウキョウノースタワー（３３階）</t>
  </si>
  <si>
    <t>丸の内グラントウキョウノースタワー（３４階）</t>
  </si>
  <si>
    <t>丸の内グラントウキョウノースタワー（３５階）</t>
  </si>
  <si>
    <t>丸の内グラントウキョウノースタワー（３６階）</t>
  </si>
  <si>
    <t>丸の内グラントウキョウノースタワー（３７階）</t>
  </si>
  <si>
    <t>丸の内グラントウキョウノースタワー（３８階）</t>
  </si>
  <si>
    <t>丸の内グラントウキョウノースタワー（３９階）</t>
  </si>
  <si>
    <t>丸の内グラントウキョウノースタワー（４０階）</t>
  </si>
  <si>
    <t>丸の内グラントウキョウノースタワー（４１階）</t>
  </si>
  <si>
    <t>丸の内グラントウキョウノースタワー（４２階）</t>
  </si>
  <si>
    <t>丸の内グラントウキョウノースタワー（４３階）</t>
  </si>
  <si>
    <t>丸の内新丸の内ビルディング（地階・階層不明）</t>
  </si>
  <si>
    <t>丸の内新丸の内ビルディング（１階）</t>
  </si>
  <si>
    <t>丸の内新丸の内ビルディング（２階）</t>
  </si>
  <si>
    <t>丸の内新丸の内ビルディング（３階）</t>
  </si>
  <si>
    <t>丸の内新丸の内ビルディング（４階）</t>
  </si>
  <si>
    <t>丸の内新丸の内ビルディング（５階）</t>
  </si>
  <si>
    <t>丸の内新丸の内ビルディング（６階）</t>
  </si>
  <si>
    <t>丸の内新丸の内ビルディング（７階）</t>
  </si>
  <si>
    <t>丸の内新丸の内ビルディング（８階）</t>
  </si>
  <si>
    <t>丸の内新丸の内ビルディング（９階）</t>
  </si>
  <si>
    <t>丸の内新丸の内ビルディング（１０階）</t>
  </si>
  <si>
    <t>丸の内新丸の内ビルディング（１１階）</t>
  </si>
  <si>
    <t>丸の内新丸の内ビルディング（１２階）</t>
  </si>
  <si>
    <t>丸の内新丸の内ビルディング（１３階）</t>
  </si>
  <si>
    <t>丸の内新丸の内ビルディング（１４階）</t>
  </si>
  <si>
    <t>丸の内新丸の内ビルディング（１５階）</t>
  </si>
  <si>
    <t>丸の内新丸の内ビルディング（１６階）</t>
  </si>
  <si>
    <t>丸の内新丸の内ビルディング（１７階）</t>
  </si>
  <si>
    <t>丸の内新丸の内ビルディング（１８階）</t>
  </si>
  <si>
    <t>丸の内新丸の内ビルディング（１９階）</t>
  </si>
  <si>
    <t>丸の内新丸の内ビルディング（２０階）</t>
  </si>
  <si>
    <t>丸の内新丸の内ビルディング（２１階）</t>
  </si>
  <si>
    <t>丸の内新丸の内ビルディング（２２階）</t>
  </si>
  <si>
    <t>丸の内新丸の内ビルディング（２３階）</t>
  </si>
  <si>
    <t>丸の内新丸の内ビルディング（２４階）</t>
  </si>
  <si>
    <t>丸の内新丸の内ビルディング（２５階）</t>
  </si>
  <si>
    <t>丸の内新丸の内ビルディング（２６階）</t>
  </si>
  <si>
    <t>日東町</t>
  </si>
  <si>
    <t>西八木崎</t>
  </si>
  <si>
    <t>西宝珠花</t>
  </si>
  <si>
    <t>八丁目</t>
  </si>
  <si>
    <t>花積</t>
  </si>
  <si>
    <t>浜川戸</t>
  </si>
  <si>
    <t>樋堀</t>
  </si>
  <si>
    <t>樋籠</t>
  </si>
  <si>
    <t>備後東</t>
  </si>
  <si>
    <t>備後西</t>
  </si>
  <si>
    <t>藤塚</t>
  </si>
  <si>
    <t>不動院野</t>
  </si>
  <si>
    <t>本田町</t>
  </si>
  <si>
    <t>増戸</t>
  </si>
  <si>
    <t>増富</t>
  </si>
  <si>
    <t>増田新田</t>
  </si>
  <si>
    <t>南栄町</t>
  </si>
  <si>
    <t>南中曽根</t>
  </si>
  <si>
    <t>八木崎町</t>
  </si>
  <si>
    <t>谷原新田</t>
  </si>
  <si>
    <t>芦橋</t>
  </si>
  <si>
    <t>狭山市</t>
  </si>
  <si>
    <t>入間川</t>
  </si>
  <si>
    <t>鵜ノ木</t>
  </si>
  <si>
    <t>加佐志</t>
  </si>
  <si>
    <t>柏原新田</t>
  </si>
  <si>
    <t>上赤坂</t>
  </si>
  <si>
    <t>上奥富</t>
  </si>
  <si>
    <t>上広瀬</t>
  </si>
  <si>
    <t>北入曽</t>
  </si>
  <si>
    <t>笹井</t>
  </si>
  <si>
    <t>下奥富</t>
  </si>
  <si>
    <t>下広瀬</t>
  </si>
  <si>
    <t>新狭山</t>
  </si>
  <si>
    <t>つつじ野</t>
  </si>
  <si>
    <t>東三ツ木</t>
  </si>
  <si>
    <t>広瀬台</t>
  </si>
  <si>
    <t>広瀬東</t>
  </si>
  <si>
    <t>堀兼</t>
  </si>
  <si>
    <t>水野</t>
  </si>
  <si>
    <t>南入曽</t>
  </si>
  <si>
    <t>稲子</t>
  </si>
  <si>
    <t>加羽ケ崎</t>
  </si>
  <si>
    <t>上岩瀬</t>
  </si>
  <si>
    <t>上川俣</t>
  </si>
  <si>
    <t>上新郷</t>
  </si>
  <si>
    <t>上手子林</t>
  </si>
  <si>
    <t>上羽生</t>
  </si>
  <si>
    <t>上村君</t>
  </si>
  <si>
    <t>喜右エ門新田</t>
  </si>
  <si>
    <t>北荻島</t>
  </si>
  <si>
    <t>北袋</t>
  </si>
  <si>
    <t>桑崎</t>
  </si>
  <si>
    <t>小須賀</t>
  </si>
  <si>
    <t>小松台</t>
  </si>
  <si>
    <t>下岩瀬</t>
  </si>
  <si>
    <t>下新郷</t>
  </si>
  <si>
    <t>下手子林</t>
  </si>
  <si>
    <t>下羽生</t>
  </si>
  <si>
    <t>下村君</t>
  </si>
  <si>
    <t>須影</t>
  </si>
  <si>
    <t>砂山</t>
  </si>
  <si>
    <t>丸の内新丸の内ビルディング（２７階）</t>
  </si>
  <si>
    <t>西新宿東京オペラシティ（４２階）</t>
  </si>
  <si>
    <t>西新宿東京オペラシティ（４３階）</t>
  </si>
  <si>
    <t>西新宿東京オペラシティ（４４階）</t>
  </si>
  <si>
    <t>西新宿東京オペラシティ（４５階）</t>
  </si>
  <si>
    <t>西新宿東京オペラシティ（４６階）</t>
  </si>
  <si>
    <t>西新宿東京オペラシティ（４７階）</t>
  </si>
  <si>
    <t>西新宿東京オペラシティ（４８階）</t>
  </si>
  <si>
    <t>西新宿東京オペラシティ（４９階）</t>
  </si>
  <si>
    <t>西新宿東京オペラシティ（５０階）</t>
  </si>
  <si>
    <t>西新宿東京オペラシティ（５１階）</t>
  </si>
  <si>
    <t>西新宿東京オペラシティ（５２階）</t>
  </si>
  <si>
    <t>西新宿東京オペラシティ（５３階）</t>
  </si>
  <si>
    <t>西新宿東京オペラシティ（５４階）</t>
  </si>
  <si>
    <t>西早稲田（２丁目１番１～２３号、２番）</t>
  </si>
  <si>
    <t>西早稲田（その他）</t>
  </si>
  <si>
    <t>二十騎町</t>
  </si>
  <si>
    <t>馬場下町</t>
  </si>
  <si>
    <t>払方町</t>
  </si>
  <si>
    <t>東榎町</t>
  </si>
  <si>
    <t>東五軒町</t>
  </si>
  <si>
    <t>百人町</t>
  </si>
  <si>
    <t>舟町</t>
  </si>
  <si>
    <t>本塩町</t>
  </si>
  <si>
    <t>南榎町</t>
  </si>
  <si>
    <t>南元町</t>
  </si>
  <si>
    <t>南山伏町</t>
  </si>
  <si>
    <t>矢来町</t>
  </si>
  <si>
    <t>横寺町</t>
  </si>
  <si>
    <t>余丁町</t>
  </si>
  <si>
    <t>早稲田鶴巻町</t>
  </si>
  <si>
    <t>早稲田南町</t>
  </si>
  <si>
    <t>早稲田町</t>
  </si>
  <si>
    <t>音羽</t>
  </si>
  <si>
    <t>常木</t>
  </si>
  <si>
    <t>中岩瀬</t>
  </si>
  <si>
    <t>中手子林</t>
  </si>
  <si>
    <t>羽生</t>
  </si>
  <si>
    <t>秀安</t>
  </si>
  <si>
    <t>日野手新田</t>
  </si>
  <si>
    <t>藤井上組</t>
  </si>
  <si>
    <t>藤井下組</t>
  </si>
  <si>
    <t>発戸</t>
  </si>
  <si>
    <t>本川俣</t>
  </si>
  <si>
    <t>町屋</t>
  </si>
  <si>
    <t>小石川</t>
  </si>
  <si>
    <t>後楽</t>
  </si>
  <si>
    <t>小日向</t>
  </si>
  <si>
    <t>水道</t>
  </si>
  <si>
    <t>千駄木</t>
  </si>
  <si>
    <t>西片</t>
  </si>
  <si>
    <t>根津</t>
  </si>
  <si>
    <t>白山（１丁目）</t>
  </si>
  <si>
    <t>白山（２～５丁目）</t>
  </si>
  <si>
    <t>本駒込</t>
  </si>
  <si>
    <t>向丘</t>
  </si>
  <si>
    <t>丸の内新丸の内ビルディング（２８階）</t>
  </si>
  <si>
    <t>丸の内新丸の内ビルディング（２９階）</t>
  </si>
  <si>
    <t>丸の内新丸の内ビルディング（３０階）</t>
  </si>
  <si>
    <t>丸の内新丸の内ビルディング（３１階）</t>
  </si>
  <si>
    <t>丸の内新丸の内ビルディング（３２階）</t>
  </si>
  <si>
    <t>丸の内新丸の内ビルディング（３３階）</t>
  </si>
  <si>
    <t>丸の内新丸の内ビルディング（３４階）</t>
  </si>
  <si>
    <t>丸の内新丸の内ビルディング（３５階）</t>
  </si>
  <si>
    <t>丸の内新丸の内ビルディング（３６階）</t>
  </si>
  <si>
    <t>丸の内新丸の内ビルディング（３７階）</t>
  </si>
  <si>
    <t>丸の内新丸の内ビルディング（３８階）</t>
  </si>
  <si>
    <t>丸の内東京ビルディング（地階・階層不明）</t>
  </si>
  <si>
    <t>丸の内東京ビルディング（１階）</t>
  </si>
  <si>
    <t>丸の内東京ビルディング（２階）</t>
  </si>
  <si>
    <t>丸の内東京ビルディング（３階）</t>
  </si>
  <si>
    <t>丸の内東京ビルディング（４階）</t>
  </si>
  <si>
    <t>丸の内東京ビルディング（５階）</t>
  </si>
  <si>
    <t>丸の内東京ビルディング（６階）</t>
  </si>
  <si>
    <t>丸の内東京ビルディング（７階）</t>
  </si>
  <si>
    <t>丸の内東京ビルディング（８階）</t>
  </si>
  <si>
    <t>丸の内東京ビルディング（９階）</t>
  </si>
  <si>
    <t>丸の内東京ビルディング（１０階）</t>
  </si>
  <si>
    <t>丸の内東京ビルディング（１１階）</t>
  </si>
  <si>
    <t>丸の内東京ビルディング（１２階）</t>
  </si>
  <si>
    <t>丸の内東京ビルディング（１３階）</t>
  </si>
  <si>
    <t>丸の内東京ビルディング（１４階）</t>
  </si>
  <si>
    <t>丸の内東京ビルディング（１５階）</t>
  </si>
  <si>
    <t>丸の内東京ビルディング（１６階）</t>
  </si>
  <si>
    <t>丸の内東京ビルディング（１７階）</t>
  </si>
  <si>
    <t>丸の内東京ビルディング（１８階）</t>
  </si>
  <si>
    <t>丸の内東京ビルディング（１９階）</t>
  </si>
  <si>
    <t>丸の内東京ビルディング（２０階）</t>
  </si>
  <si>
    <t>丸の内東京ビルディング（２１階）</t>
  </si>
  <si>
    <t>丸の内東京ビルディング（２２階）</t>
  </si>
  <si>
    <t>丸の内東京ビルディング（２３階）</t>
  </si>
  <si>
    <t>丸の内東京ビルディング（２４階）</t>
  </si>
  <si>
    <t>丸の内東京ビルディング（２５階）</t>
  </si>
  <si>
    <t>丸の内東京ビルディング（２６階）</t>
  </si>
  <si>
    <t>丸の内東京ビルディング（２７階）</t>
  </si>
  <si>
    <t>丸の内東京ビルディング（２８階）</t>
  </si>
  <si>
    <t>丸の内東京ビルディング（２９階）</t>
  </si>
  <si>
    <t>丸の内東京ビルディング（３０階）</t>
  </si>
  <si>
    <t>丸の内東京ビルディング（３１階）</t>
  </si>
  <si>
    <t>丸の内東京ビルディング（３２階）</t>
  </si>
  <si>
    <t>丸の内東京ビルディング（３３階）</t>
  </si>
  <si>
    <t>丸の内パシフィックセンチュリープレイス丸の内（地階・階層不明）</t>
  </si>
  <si>
    <t>丸の内パシフィックセンチュリープレイス丸の内（１階）</t>
  </si>
  <si>
    <t>丸の内パシフィックセンチュリープレイス丸の内（２階）</t>
  </si>
  <si>
    <t>丸の内パシフィックセンチュリープレイス丸の内（３階）</t>
  </si>
  <si>
    <t>丸の内パシフィックセンチュリープレイス丸の内（４階）</t>
  </si>
  <si>
    <t>丸の内パシフィックセンチュリープレイス丸の内（５階）</t>
  </si>
  <si>
    <t>丸の内パシフィックセンチュリープレイス丸の内（６階）</t>
  </si>
  <si>
    <t>丸の内パシフィックセンチュリープレイス丸の内（７階）</t>
  </si>
  <si>
    <t>丸の内パシフィックセンチュリープレイス丸の内（８階）</t>
  </si>
  <si>
    <t>丸の内パシフィックセンチュリープレイス丸の内（９階）</t>
  </si>
  <si>
    <t>丸の内パシフィックセンチュリープレイス丸の内（１０階）</t>
  </si>
  <si>
    <t>丸の内パシフィックセンチュリープレイス丸の内（１１階）</t>
  </si>
  <si>
    <t>丸の内パシフィックセンチュリープレイス丸の内（１２階）</t>
  </si>
  <si>
    <t>丸の内パシフィックセンチュリープレイス丸の内（１３階）</t>
  </si>
  <si>
    <t>丸の内パシフィックセンチュリープレイス丸の内（１４階）</t>
  </si>
  <si>
    <t>丸の内パシフィックセンチュリープレイス丸の内（１５階）</t>
  </si>
  <si>
    <t>丸の内パシフィックセンチュリープレイス丸の内（１６階）</t>
  </si>
  <si>
    <t>丸の内パシフィックセンチュリープレイス丸の内（１７階）</t>
  </si>
  <si>
    <t>丸の内パシフィックセンチュリープレイス丸の内（１８階）</t>
  </si>
  <si>
    <t>丸の内パシフィックセンチュリープレイス丸の内（１９階）</t>
  </si>
  <si>
    <t>丸の内パシフィックセンチュリープレイス丸の内（２０階）</t>
  </si>
  <si>
    <t>丸の内パシフィックセンチュリープレイス丸の内（２１階）</t>
  </si>
  <si>
    <t>丸の内パシフィックセンチュリープレイス丸の内（２２階）</t>
  </si>
  <si>
    <t>丸の内パシフィックセンチュリープレイス丸の内（２３階）</t>
  </si>
  <si>
    <t>丸の内パシフィックセンチュリープレイス丸の内（２４階）</t>
  </si>
  <si>
    <t>丸の内パシフィックセンチュリープレイス丸の内（２５階）</t>
  </si>
  <si>
    <t>丸の内パシフィックセンチュリープレイス丸の内（２６階）</t>
  </si>
  <si>
    <t>丸の内パシフィックセンチュリープレイス丸の内（２７階）</t>
  </si>
  <si>
    <t>丸の内パシフィックセンチュリープレイス丸の内（２８階）</t>
  </si>
  <si>
    <t>丸の内パシフィックセンチュリープレイス丸の内（２９階）</t>
  </si>
  <si>
    <t>丸の内パシフィックセンチュリープレイス丸の内（３０階）</t>
  </si>
  <si>
    <t>丸の内パシフィックセンチュリープレイス丸の内（３１階）</t>
  </si>
  <si>
    <t>丸の内丸の内パークビルディング（地階・階層不明）</t>
  </si>
  <si>
    <t>丸の内丸の内パークビルディング（１階）</t>
  </si>
  <si>
    <t>丸の内丸の内パークビルディング（２階）</t>
  </si>
  <si>
    <t>丸の内丸の内パークビルディング（３階）</t>
  </si>
  <si>
    <t>丸の内丸の内パークビルディング（４階）</t>
  </si>
  <si>
    <t>丸の内丸の内パークビルディング（５階）</t>
  </si>
  <si>
    <t>丸の内丸の内パークビルディング（６階）</t>
  </si>
  <si>
    <t>丸の内丸の内パークビルディング（７階）</t>
  </si>
  <si>
    <t>丸の内丸の内パークビルディング（８階）</t>
  </si>
  <si>
    <t>丸の内丸の内パークビルディング（９階）</t>
  </si>
  <si>
    <t>丸の内丸の内パークビルディング（１０階）</t>
  </si>
  <si>
    <t>丸の内丸の内パークビルディング（１１階）</t>
  </si>
  <si>
    <t>丸の内丸の内パークビルディング（１２階）</t>
  </si>
  <si>
    <t>丸の内丸の内パークビルディング（１３階）</t>
  </si>
  <si>
    <t>丸の内丸の内パークビルディング（１４階）</t>
  </si>
  <si>
    <t>丸の内丸の内パークビルディング（１５階）</t>
  </si>
  <si>
    <t>丸の内丸の内パークビルディング（１６階）</t>
  </si>
  <si>
    <t>丸の内丸の内パークビルディング（１７階）</t>
  </si>
  <si>
    <t>虎ノ門城山トラストタワー（３０階）</t>
  </si>
  <si>
    <t>虎ノ門城山トラストタワー（３１階）</t>
  </si>
  <si>
    <t>虎ノ門城山トラストタワー（３２階）</t>
  </si>
  <si>
    <t>虎ノ門城山トラストタワー（３３階）</t>
  </si>
  <si>
    <t>虎ノ門城山トラストタワー（３４階）</t>
  </si>
  <si>
    <t>虎ノ門城山トラストタワー（３５階）</t>
  </si>
  <si>
    <t>虎ノ門城山トラストタワー（３６階）</t>
  </si>
  <si>
    <t>虎ノ門城山トラストタワー（３７階）</t>
  </si>
  <si>
    <t>西麻布</t>
  </si>
  <si>
    <t>西新橋</t>
  </si>
  <si>
    <t>浜松町（次のビルを除く）</t>
  </si>
  <si>
    <t>浜松町世界貿易センタービル（地階・階層不明）</t>
  </si>
  <si>
    <t>浜松町世界貿易センタービル（１階）</t>
  </si>
  <si>
    <t>浜松町世界貿易センタービル（２階）</t>
  </si>
  <si>
    <t>浜松町世界貿易センタービル（３階）</t>
  </si>
  <si>
    <t>浜松町世界貿易センタービル（４階）</t>
  </si>
  <si>
    <t>浜松町世界貿易センタービル（５階）</t>
  </si>
  <si>
    <t>浜松町世界貿易センタービル（６階）</t>
  </si>
  <si>
    <t>浜松町世界貿易センタービル（７階）</t>
  </si>
  <si>
    <t>浜松町世界貿易センタービル（８階）</t>
  </si>
  <si>
    <t>浜松町世界貿易センタービル（９階）</t>
  </si>
  <si>
    <t>浜松町世界貿易センタービル（１０階）</t>
  </si>
  <si>
    <t>浜松町世界貿易センタービル（１１階）</t>
  </si>
  <si>
    <t>浜松町世界貿易センタービル（１２階）</t>
  </si>
  <si>
    <t>浜松町世界貿易センタービル（１３階）</t>
  </si>
  <si>
    <t>浜松町世界貿易センタービル（１４階）</t>
  </si>
  <si>
    <t>浜松町世界貿易センタービル（１５階）</t>
  </si>
  <si>
    <t>浜松町世界貿易センタービル（１６階）</t>
  </si>
  <si>
    <t>浜松町世界貿易センタービル（１７階）</t>
  </si>
  <si>
    <t>浜松町世界貿易センタービル（１８階）</t>
  </si>
  <si>
    <t>浜松町世界貿易センタービル（１９階）</t>
  </si>
  <si>
    <t>浜松町世界貿易センタービル（２０階）</t>
  </si>
  <si>
    <t>浜松町世界貿易センタービル（２１階）</t>
  </si>
  <si>
    <t>浜松町世界貿易センタービル（２２階）</t>
  </si>
  <si>
    <t>浜松町世界貿易センタービル（２３階）</t>
  </si>
  <si>
    <t>浜松町世界貿易センタービル（２４階）</t>
  </si>
  <si>
    <t>浜松町世界貿易センタービル（２５階）</t>
  </si>
  <si>
    <t>浜松町世界貿易センタービル（２６階）</t>
  </si>
  <si>
    <t>浜松町世界貿易センタービル（２７階）</t>
  </si>
  <si>
    <t>浜松町世界貿易センタービル（２８階）</t>
  </si>
  <si>
    <t>浜松町世界貿易センタービル（２９階）</t>
  </si>
  <si>
    <t>浜松町世界貿易センタービル（３０階）</t>
  </si>
  <si>
    <t>浜松町世界貿易センタービル（３１階）</t>
  </si>
  <si>
    <t>浜松町世界貿易センタービル（３２階）</t>
  </si>
  <si>
    <t>浜松町世界貿易センタービル（３３階）</t>
  </si>
  <si>
    <t>浜松町世界貿易センタービル（３４階）</t>
  </si>
  <si>
    <t>浜松町世界貿易センタービル（３５階）</t>
  </si>
  <si>
    <t>浜松町世界貿易センタービル（３６階）</t>
  </si>
  <si>
    <t>浜松町世界貿易センタービル（３７階）</t>
  </si>
  <si>
    <t>浜松町世界貿易センタービル（３８階）</t>
  </si>
  <si>
    <t>浜松町世界貿易センタービル（３９階）</t>
  </si>
  <si>
    <t>浜松町世界貿易センタービル（４０階）</t>
  </si>
  <si>
    <t>東麻布</t>
  </si>
  <si>
    <t>東新橋（次のビルを除く）</t>
  </si>
  <si>
    <t>東新橋汐留シティセンター（地階・階層不明）</t>
  </si>
  <si>
    <t>東新橋汐留シティセンター（１階）</t>
  </si>
  <si>
    <t>東新橋汐留シティセンター（２階）</t>
  </si>
  <si>
    <t>東新橋汐留シティセンター（３階）</t>
  </si>
  <si>
    <t>東新橋汐留シティセンター（４階）</t>
  </si>
  <si>
    <t>東新橋汐留シティセンター（５階）</t>
  </si>
  <si>
    <t>東新橋汐留シティセンター（６階）</t>
  </si>
  <si>
    <t>東新橋汐留シティセンター（７階）</t>
  </si>
  <si>
    <t>東新橋汐留シティセンター（８階）</t>
  </si>
  <si>
    <t>東新橋汐留シティセンター（９階）</t>
  </si>
  <si>
    <t>東新橋汐留シティセンター（１０階）</t>
  </si>
  <si>
    <t>東新橋汐留シティセンター（１１階）</t>
  </si>
  <si>
    <t>東新橋汐留シティセンター（１２階）</t>
  </si>
  <si>
    <t>東新橋汐留シティセンター（１３階）</t>
  </si>
  <si>
    <t>東新橋汐留シティセンター（１４階）</t>
  </si>
  <si>
    <t>東新橋汐留シティセンター（１５階）</t>
  </si>
  <si>
    <t>東新橋汐留シティセンター（１６階）</t>
  </si>
  <si>
    <t>東新橋汐留シティセンター（１７階）</t>
  </si>
  <si>
    <t>東新橋汐留シティセンター（１８階）</t>
  </si>
  <si>
    <t>東新橋汐留シティセンター（１９階）</t>
  </si>
  <si>
    <t>東新橋汐留シティセンター（２０階）</t>
  </si>
  <si>
    <t>東新橋汐留シティセンター（２１階）</t>
  </si>
  <si>
    <t>東新橋汐留シティセンター（２２階）</t>
  </si>
  <si>
    <t>東新橋汐留シティセンター（２３階）</t>
  </si>
  <si>
    <t>東新橋汐留シティセンター（２４階）</t>
  </si>
  <si>
    <t>東新橋汐留シティセンター（２５階）</t>
  </si>
  <si>
    <t>東新橋汐留シティセンター（２６階）</t>
  </si>
  <si>
    <t>東新橋汐留シティセンター（２７階）</t>
  </si>
  <si>
    <t>東新橋汐留シティセンター（２８階）</t>
  </si>
  <si>
    <t>東新橋汐留シティセンター（２９階）</t>
  </si>
  <si>
    <t>東新橋汐留シティセンター（３０階）</t>
  </si>
  <si>
    <t>東新橋汐留シティセンター（３１階）</t>
  </si>
  <si>
    <t>東新橋汐留シティセンター（３２階）</t>
  </si>
  <si>
    <t>東新橋汐留シティセンター（３３階）</t>
  </si>
  <si>
    <t>東新橋汐留シティセンター（３４階）</t>
  </si>
  <si>
    <t>東新橋汐留シティセンター（３５階）</t>
  </si>
  <si>
    <t>東新橋汐留シティセンター（３６階）</t>
  </si>
  <si>
    <t>東新橋汐留シティセンター（３７階）</t>
  </si>
  <si>
    <t>東新橋汐留シティセンター（３８階）</t>
  </si>
  <si>
    <t>東新橋汐留シティセンター（３９階）</t>
  </si>
  <si>
    <t>東新橋汐留シティセンター（４０階）</t>
  </si>
  <si>
    <t>東新橋汐留シティセンター（４１階）</t>
  </si>
  <si>
    <t>東新橋汐留シティセンター（４２階）</t>
  </si>
  <si>
    <t>東新橋汐留シティセンター（４３階）</t>
  </si>
  <si>
    <t>東新橋汐留メディアタワー（地階・階層不明）</t>
  </si>
  <si>
    <t>東新橋汐留メディアタワー（１階）</t>
  </si>
  <si>
    <t>東新橋汐留メディアタワー（２階）</t>
  </si>
  <si>
    <t>東新橋汐留メディアタワー（３階）</t>
  </si>
  <si>
    <t>東新橋汐留メディアタワー（４階）</t>
  </si>
  <si>
    <t>東新橋汐留メディアタワー（５階）</t>
  </si>
  <si>
    <t>東新橋汐留メディアタワー（６階）</t>
  </si>
  <si>
    <t>東新橋汐留メディアタワー（７階）</t>
  </si>
  <si>
    <t>東新橋汐留メディアタワー（８階）</t>
  </si>
  <si>
    <t>東新橋汐留メディアタワー（９階）</t>
  </si>
  <si>
    <t>東新橋汐留メディアタワー（１０階）</t>
  </si>
  <si>
    <t>東新橋汐留メディアタワー（１１階）</t>
  </si>
  <si>
    <t>東新橋汐留メディアタワー（１２階）</t>
  </si>
  <si>
    <t>野田町</t>
  </si>
  <si>
    <t>東本宿</t>
  </si>
  <si>
    <t>平塚新田</t>
  </si>
  <si>
    <t>広谷新町</t>
  </si>
  <si>
    <t>藤木町</t>
  </si>
  <si>
    <t>古谷上</t>
  </si>
  <si>
    <t>古谷本郷</t>
  </si>
  <si>
    <t>増形</t>
  </si>
  <si>
    <t>松江町</t>
  </si>
  <si>
    <t>的場</t>
  </si>
  <si>
    <t>的場新町</t>
  </si>
  <si>
    <t>的場北</t>
  </si>
  <si>
    <t>南大塚</t>
  </si>
  <si>
    <t>南田島</t>
  </si>
  <si>
    <t>南通町</t>
  </si>
  <si>
    <t>むさし野</t>
  </si>
  <si>
    <t>八ツ島</t>
  </si>
  <si>
    <t>山城</t>
  </si>
  <si>
    <t>吉田新町</t>
  </si>
  <si>
    <t>芳野台</t>
  </si>
  <si>
    <t>四都野台</t>
  </si>
  <si>
    <t>連雀町</t>
  </si>
  <si>
    <t>脇田新町</t>
  </si>
  <si>
    <t>脇田本町</t>
  </si>
  <si>
    <t>脇田町</t>
  </si>
  <si>
    <t>熊谷市</t>
  </si>
  <si>
    <t>相上</t>
  </si>
  <si>
    <t>赤城町</t>
  </si>
  <si>
    <t>板井</t>
  </si>
  <si>
    <t>江波</t>
  </si>
  <si>
    <t>円光</t>
  </si>
  <si>
    <t>小江川</t>
  </si>
  <si>
    <t>大麻生</t>
  </si>
  <si>
    <t>太井</t>
  </si>
  <si>
    <t>小曽根</t>
  </si>
  <si>
    <t>男沼</t>
  </si>
  <si>
    <t>柿沼</t>
  </si>
  <si>
    <t>籠原南</t>
  </si>
  <si>
    <t>冑山</t>
  </si>
  <si>
    <t>鎌倉町</t>
  </si>
  <si>
    <t>上江袋</t>
  </si>
  <si>
    <t>上恩田</t>
  </si>
  <si>
    <t>上川上</t>
  </si>
  <si>
    <t>上須戸</t>
  </si>
  <si>
    <t>上中条</t>
  </si>
  <si>
    <t>上奈良</t>
  </si>
  <si>
    <t>上根</t>
  </si>
  <si>
    <t>上之</t>
  </si>
  <si>
    <t>川原明戸</t>
  </si>
  <si>
    <t>吉所敷</t>
  </si>
  <si>
    <t>葛和田</t>
  </si>
  <si>
    <t>屈戸</t>
  </si>
  <si>
    <t>久保島</t>
  </si>
  <si>
    <t>熊谷</t>
  </si>
  <si>
    <t>肥塚</t>
  </si>
  <si>
    <t>江南中央</t>
  </si>
  <si>
    <t>小八林</t>
  </si>
  <si>
    <t>佐谷田</t>
  </si>
  <si>
    <t>塩</t>
  </si>
  <si>
    <t>柴</t>
  </si>
  <si>
    <t>四方寺</t>
  </si>
  <si>
    <t>下恩田</t>
  </si>
  <si>
    <t>下川上</t>
  </si>
  <si>
    <t>下奈良</t>
  </si>
  <si>
    <t>下増田</t>
  </si>
  <si>
    <t>拾六間</t>
  </si>
  <si>
    <t>須賀広</t>
  </si>
  <si>
    <t>瀬南</t>
  </si>
  <si>
    <t>善ケ島</t>
  </si>
  <si>
    <t>高本</t>
  </si>
  <si>
    <t>玉井</t>
  </si>
  <si>
    <t>玉井南</t>
  </si>
  <si>
    <t>玉作</t>
  </si>
  <si>
    <t>俵瀬</t>
  </si>
  <si>
    <t>月見町</t>
  </si>
  <si>
    <t>津田</t>
  </si>
  <si>
    <t>津田新田</t>
  </si>
  <si>
    <t>出来島</t>
  </si>
  <si>
    <t>手島</t>
  </si>
  <si>
    <t>道ケ谷戸</t>
  </si>
  <si>
    <t>戸出</t>
  </si>
  <si>
    <t>永井太田</t>
  </si>
  <si>
    <t>中恩田</t>
  </si>
  <si>
    <t>中奈良</t>
  </si>
  <si>
    <t>中西</t>
  </si>
  <si>
    <t>奈良新田</t>
  </si>
  <si>
    <t>成沢</t>
  </si>
  <si>
    <t>新堀新田</t>
  </si>
  <si>
    <t>西城</t>
  </si>
  <si>
    <t>西別府</t>
  </si>
  <si>
    <t>沼黒</t>
  </si>
  <si>
    <t>野原</t>
  </si>
  <si>
    <t>箱田</t>
  </si>
  <si>
    <t>原井</t>
  </si>
  <si>
    <t>原島</t>
  </si>
  <si>
    <t>東別府</t>
  </si>
  <si>
    <t>樋春</t>
  </si>
  <si>
    <t>武体</t>
  </si>
  <si>
    <t>船木台</t>
  </si>
  <si>
    <t>別府</t>
  </si>
  <si>
    <t>本石</t>
  </si>
  <si>
    <t>万吉</t>
  </si>
  <si>
    <t>間々田</t>
  </si>
  <si>
    <t>万平町</t>
  </si>
  <si>
    <t>御稜威ケ原</t>
  </si>
  <si>
    <t>御正新田</t>
  </si>
  <si>
    <t>三本</t>
  </si>
  <si>
    <t>向谷</t>
  </si>
  <si>
    <t>村岡</t>
  </si>
  <si>
    <t>妻沼</t>
  </si>
  <si>
    <t>西新宿新宿スクエアタワー（１８階）</t>
  </si>
  <si>
    <t>西新宿新宿スクエアタワー（１９階）</t>
  </si>
  <si>
    <t>西新宿新宿スクエアタワー（２０階）</t>
  </si>
  <si>
    <t>西新宿新宿スクエアタワー（２１階）</t>
  </si>
  <si>
    <t>西新宿新宿スクエアタワー（２２階）</t>
  </si>
  <si>
    <t>西新宿新宿スクエアタワー（２３階）</t>
  </si>
  <si>
    <t>西新宿新宿スクエアタワー（２４階）</t>
  </si>
  <si>
    <t>西新宿新宿スクエアタワー（２５階）</t>
  </si>
  <si>
    <t>西新宿新宿スクエアタワー（２６階）</t>
  </si>
  <si>
    <t>西新宿新宿スクエアタワー（２７階）</t>
  </si>
  <si>
    <t>西新宿新宿スクエアタワー（２８階）</t>
  </si>
  <si>
    <t>西新宿新宿スクエアタワー（２９階）</t>
  </si>
  <si>
    <t>西新宿新宿スクエアタワー（３０階）</t>
  </si>
  <si>
    <t>西新宿新宿住友ビル（地階・階層不明）</t>
  </si>
  <si>
    <t>西新宿新宿住友ビル（１階）</t>
  </si>
  <si>
    <t>西新宿新宿住友ビル（２階）</t>
  </si>
  <si>
    <t>西新宿新宿住友ビル（３階）</t>
  </si>
  <si>
    <t>西新宿新宿住友ビル（４階）</t>
  </si>
  <si>
    <t>西新宿新宿住友ビル（５階）</t>
  </si>
  <si>
    <t>西新宿新宿住友ビル（６階）</t>
  </si>
  <si>
    <t>西新宿新宿住友ビル（７階）</t>
  </si>
  <si>
    <t>西新宿新宿住友ビル（８階）</t>
  </si>
  <si>
    <t>西新宿新宿住友ビル（９階）</t>
  </si>
  <si>
    <t>西新宿新宿住友ビル（１０階）</t>
  </si>
  <si>
    <t>西新宿新宿住友ビル（１１階）</t>
  </si>
  <si>
    <t>西新宿新宿住友ビル（１２階）</t>
  </si>
  <si>
    <t>西新宿新宿住友ビル（１３階）</t>
  </si>
  <si>
    <t>西新宿新宿住友ビル（１４階）</t>
  </si>
  <si>
    <t>西新宿新宿住友ビル（１５階）</t>
  </si>
  <si>
    <t>西新宿新宿住友ビル（１６階）</t>
  </si>
  <si>
    <t>西新宿新宿住友ビル（１７階）</t>
  </si>
  <si>
    <t>西新宿新宿住友ビル（１８階）</t>
  </si>
  <si>
    <t>西新宿新宿住友ビル（１９階）</t>
  </si>
  <si>
    <t>西新宿新宿住友ビル（２０階）</t>
  </si>
  <si>
    <t>西新宿新宿住友ビル（２１階）</t>
  </si>
  <si>
    <t>西新宿新宿住友ビル（２２階）</t>
  </si>
  <si>
    <t>西新宿新宿住友ビル（２３階）</t>
  </si>
  <si>
    <t>西新宿新宿住友ビル（２４階）</t>
  </si>
  <si>
    <t>西新宿新宿住友ビル（２５階）</t>
  </si>
  <si>
    <t>西新宿新宿住友ビル（２６階）</t>
  </si>
  <si>
    <t>西新宿新宿住友ビル（２７階）</t>
  </si>
  <si>
    <t>西新宿新宿住友ビル（２８階）</t>
  </si>
  <si>
    <t>西新宿新宿住友ビル（２９階）</t>
  </si>
  <si>
    <t>西新宿新宿住友ビル（３０階）</t>
  </si>
  <si>
    <t>西新宿新宿住友ビル（３１階）</t>
  </si>
  <si>
    <t>西新宿新宿住友ビル（３２階）</t>
  </si>
  <si>
    <t>西新宿新宿住友ビル（３３階）</t>
  </si>
  <si>
    <t>西新宿新宿住友ビル（３４階）</t>
  </si>
  <si>
    <t>西新宿新宿住友ビル（３５階）</t>
  </si>
  <si>
    <t>西新宿新宿住友ビル（３６階）</t>
  </si>
  <si>
    <t>西新宿新宿住友ビル（３７階）</t>
  </si>
  <si>
    <t>西新宿新宿住友ビル（３８階）</t>
  </si>
  <si>
    <t>西新宿新宿住友ビル（３９階）</t>
  </si>
  <si>
    <t>西新宿新宿住友ビル（４０階）</t>
  </si>
  <si>
    <t>西新宿新宿住友ビル（４１階）</t>
  </si>
  <si>
    <t>西新宿新宿住友ビル（４２階）</t>
  </si>
  <si>
    <t>西新宿新宿住友ビル（４３階）</t>
  </si>
  <si>
    <t>西新宿新宿住友ビル（４４階）</t>
  </si>
  <si>
    <t>西新宿新宿住友ビル（４５階）</t>
  </si>
  <si>
    <t>西新宿新宿住友ビル（４６階）</t>
  </si>
  <si>
    <t>西新宿新宿住友ビル（４７階）</t>
  </si>
  <si>
    <t>西新宿新宿住友ビル（４８階）</t>
  </si>
  <si>
    <t>西新宿新宿住友ビル（４９階）</t>
  </si>
  <si>
    <t>西新宿新宿住友ビル（５０階）</t>
  </si>
  <si>
    <t>西新宿新宿住友ビル（５１階）</t>
  </si>
  <si>
    <t>西新宿新宿住友ビル（５２階）</t>
  </si>
  <si>
    <t>西新宿新宿センタービル（地階・階層不明）</t>
  </si>
  <si>
    <t>西新宿新宿センタービル（１階）</t>
  </si>
  <si>
    <t>西新宿新宿センタービル（２階）</t>
  </si>
  <si>
    <t>西新宿新宿センタービル（３階）</t>
  </si>
  <si>
    <t>西新宿新宿センタービル（４階）</t>
  </si>
  <si>
    <t>西新宿新宿センタービル（５階）</t>
  </si>
  <si>
    <t>西新宿新宿センタービル（６階）</t>
  </si>
  <si>
    <t>西新宿新宿センタービル（７階）</t>
  </si>
  <si>
    <t>西新宿新宿センタービル（８階）</t>
  </si>
  <si>
    <t>西新宿新宿センタービル（９階）</t>
  </si>
  <si>
    <t>西新宿新宿センタービル（１０階）</t>
  </si>
  <si>
    <t>西新宿新宿センタービル（１１階）</t>
  </si>
  <si>
    <t>西新宿新宿センタービル（１２階）</t>
  </si>
  <si>
    <t>西新宿新宿センタービル（１３階）</t>
  </si>
  <si>
    <t>西新宿新宿センタービル（１４階）</t>
  </si>
  <si>
    <t>西新宿新宿センタービル（１５階）</t>
  </si>
  <si>
    <t>西新宿新宿センタービル（１６階）</t>
  </si>
  <si>
    <t>西新宿新宿センタービル（１７階）</t>
  </si>
  <si>
    <t>西新宿新宿センタービル（１８階）</t>
  </si>
  <si>
    <t>西新宿新宿センタービル（１９階）</t>
  </si>
  <si>
    <t>西新宿新宿センタービル（２０階）</t>
  </si>
  <si>
    <t>西新宿新宿センタービル（２１階）</t>
  </si>
  <si>
    <t>西新宿新宿センタービル（２２階）</t>
  </si>
  <si>
    <t>西新宿新宿センタービル（２３階）</t>
  </si>
  <si>
    <t>西新宿新宿センタービル（２４階）</t>
  </si>
  <si>
    <t>西新宿新宿センタービル（２５階）</t>
  </si>
  <si>
    <t>西新宿新宿センタービル（２６階）</t>
  </si>
  <si>
    <t>西新宿新宿センタービル（２７階）</t>
  </si>
  <si>
    <t>西新宿新宿センタービル（２８階）</t>
  </si>
  <si>
    <t>西新宿新宿センタービル（２９階）</t>
  </si>
  <si>
    <t>西新宿新宿センタービル（３０階）</t>
  </si>
  <si>
    <t>西新宿新宿センタービル（３１階）</t>
  </si>
  <si>
    <t>西新宿新宿センタービル（３２階）</t>
  </si>
  <si>
    <t>西新宿新宿センタービル（３３階）</t>
  </si>
  <si>
    <t>西新宿新宿センタービル（３４階）</t>
  </si>
  <si>
    <t>西新宿新宿センタービル（３５階）</t>
  </si>
  <si>
    <t>西新宿新宿センタービル（３６階）</t>
  </si>
  <si>
    <t>西新宿新宿センタービル（３７階）</t>
  </si>
  <si>
    <t>西新宿新宿センタービル（３８階）</t>
  </si>
  <si>
    <t>西新宿新宿センタービル（３９階）</t>
  </si>
  <si>
    <t>西新宿新宿センタービル（４０階）</t>
  </si>
  <si>
    <t>西新宿新宿センタービル（４１階）</t>
  </si>
  <si>
    <t>西新宿新宿センタービル（４２階）</t>
  </si>
  <si>
    <t>西新宿新宿センタービル（４３階）</t>
  </si>
  <si>
    <t>西新宿新宿センタービル（４４階）</t>
  </si>
  <si>
    <t>西新宿新宿センタービル（４５階）</t>
  </si>
  <si>
    <t>西新宿新宿センタービル（４６階）</t>
  </si>
  <si>
    <t>芝久保町</t>
  </si>
  <si>
    <t>下保谷</t>
  </si>
  <si>
    <t>田無町</t>
  </si>
  <si>
    <t>東伏見</t>
  </si>
  <si>
    <t>ひばりが丘北</t>
  </si>
  <si>
    <t>保谷町</t>
  </si>
  <si>
    <t>向台町</t>
  </si>
  <si>
    <t>谷戸町</t>
  </si>
  <si>
    <t>西多摩郡瑞穂町</t>
  </si>
  <si>
    <t>石畑</t>
  </si>
  <si>
    <t>殿ケ谷</t>
  </si>
  <si>
    <t>長岡下師岡</t>
  </si>
  <si>
    <t>長岡長谷部</t>
  </si>
  <si>
    <t>長岡藤橋</t>
  </si>
  <si>
    <t>箱根ケ崎</t>
  </si>
  <si>
    <t>箱根ケ崎東松原</t>
  </si>
  <si>
    <t>箱根ケ崎西松原</t>
  </si>
  <si>
    <t>富士山栗原新田</t>
  </si>
  <si>
    <t>武蔵</t>
  </si>
  <si>
    <t>西多摩郡日の出町</t>
  </si>
  <si>
    <t>大久野</t>
  </si>
  <si>
    <t>西多摩郡檜原村</t>
  </si>
  <si>
    <t>上元郷</t>
  </si>
  <si>
    <t>倉掛</t>
  </si>
  <si>
    <t>下元郷</t>
  </si>
  <si>
    <t>南郷</t>
  </si>
  <si>
    <t>樋里</t>
  </si>
  <si>
    <t>人里</t>
  </si>
  <si>
    <t>三都郷</t>
  </si>
  <si>
    <t>西多摩郡奥多摩町</t>
  </si>
  <si>
    <t>海沢</t>
  </si>
  <si>
    <t>梅沢</t>
  </si>
  <si>
    <t>大丹波</t>
  </si>
  <si>
    <t>川井</t>
  </si>
  <si>
    <t>川野</t>
  </si>
  <si>
    <t>小丹波</t>
  </si>
  <si>
    <t>白丸</t>
  </si>
  <si>
    <t>丹三郎</t>
  </si>
  <si>
    <t>留浦</t>
  </si>
  <si>
    <t>日原</t>
  </si>
  <si>
    <t>氷川</t>
  </si>
  <si>
    <t>大島町</t>
  </si>
  <si>
    <t>差木地</t>
  </si>
  <si>
    <t>泉津</t>
  </si>
  <si>
    <t>野増</t>
  </si>
  <si>
    <t>波浮港</t>
  </si>
  <si>
    <t>利島村</t>
  </si>
  <si>
    <t>利島村一円</t>
  </si>
  <si>
    <t>新島村</t>
  </si>
  <si>
    <t>式根島</t>
  </si>
  <si>
    <t>若郷</t>
  </si>
  <si>
    <t>神津島村</t>
  </si>
  <si>
    <t>神津島村一円</t>
  </si>
  <si>
    <t>三宅島三宅村</t>
  </si>
  <si>
    <t>阿古</t>
  </si>
  <si>
    <t>伊ケ谷</t>
  </si>
  <si>
    <t>伊豆</t>
  </si>
  <si>
    <t>雄山</t>
  </si>
  <si>
    <t>神着</t>
  </si>
  <si>
    <t>坪田</t>
  </si>
  <si>
    <t>御蔵島村</t>
  </si>
  <si>
    <t>御蔵島村一円</t>
  </si>
  <si>
    <t>八丈島八丈町</t>
  </si>
  <si>
    <t>大賀郷</t>
  </si>
  <si>
    <t>樫立</t>
  </si>
  <si>
    <t>三根</t>
  </si>
  <si>
    <t>青ヶ島村</t>
  </si>
  <si>
    <t>青ヶ島村一円</t>
  </si>
  <si>
    <t>小笠原村</t>
  </si>
  <si>
    <t>父島</t>
  </si>
  <si>
    <t>母島</t>
  </si>
  <si>
    <t>0370001</t>
  </si>
  <si>
    <t>下岩崎</t>
  </si>
  <si>
    <t>0370064</t>
  </si>
  <si>
    <t>下平井町</t>
  </si>
  <si>
    <t>0370403</t>
  </si>
  <si>
    <t>十三</t>
  </si>
  <si>
    <t>0370045</t>
  </si>
  <si>
    <t>0370081</t>
  </si>
  <si>
    <t>新宮</t>
  </si>
  <si>
    <t>0370083</t>
  </si>
  <si>
    <t>新宮町</t>
  </si>
  <si>
    <t>0370056</t>
  </si>
  <si>
    <t>0370084</t>
  </si>
  <si>
    <t>蘇鉄</t>
  </si>
  <si>
    <t>0370087</t>
  </si>
  <si>
    <t>高瀬</t>
  </si>
  <si>
    <t>0370086</t>
  </si>
  <si>
    <t>0370091</t>
  </si>
  <si>
    <t>太刀打</t>
  </si>
  <si>
    <t>0370082</t>
  </si>
  <si>
    <t>種井</t>
  </si>
  <si>
    <t>0370041</t>
  </si>
  <si>
    <t>0370623</t>
  </si>
  <si>
    <t>0370088</t>
  </si>
  <si>
    <t>鶴ケ岡</t>
  </si>
  <si>
    <t>0370075</t>
  </si>
  <si>
    <t>0370601</t>
  </si>
  <si>
    <t>戸沢</t>
  </si>
  <si>
    <t>0370621</t>
  </si>
  <si>
    <t>0370021</t>
  </si>
  <si>
    <t>中泉</t>
  </si>
  <si>
    <t>0370066</t>
  </si>
  <si>
    <t>中平井町</t>
  </si>
  <si>
    <t>0370097</t>
  </si>
  <si>
    <t>0370068</t>
  </si>
  <si>
    <t>長橋</t>
  </si>
  <si>
    <t>0370025</t>
  </si>
  <si>
    <t>七ツ館</t>
  </si>
  <si>
    <t>0370058</t>
  </si>
  <si>
    <t>0370053</t>
  </si>
  <si>
    <t>布屋町</t>
  </si>
  <si>
    <t>0370614</t>
  </si>
  <si>
    <t>0370085</t>
  </si>
  <si>
    <t>芭蕉</t>
  </si>
  <si>
    <t>0370043</t>
  </si>
  <si>
    <t>0370641</t>
  </si>
  <si>
    <t>羽野木沢</t>
  </si>
  <si>
    <t>0370622</t>
  </si>
  <si>
    <t>原子</t>
  </si>
  <si>
    <t>0370096</t>
  </si>
  <si>
    <t>毘沙門</t>
  </si>
  <si>
    <t>0370016</t>
  </si>
  <si>
    <t>一ツ谷</t>
  </si>
  <si>
    <t>0370061</t>
  </si>
  <si>
    <t>雛田</t>
  </si>
  <si>
    <t>0370023</t>
  </si>
  <si>
    <t>0370003</t>
  </si>
  <si>
    <t>吹畑</t>
  </si>
  <si>
    <t>0370612</t>
  </si>
  <si>
    <t>福山</t>
  </si>
  <si>
    <t>0370071</t>
  </si>
  <si>
    <t>0370631</t>
  </si>
  <si>
    <t>前田野目</t>
  </si>
  <si>
    <t>0370006</t>
  </si>
  <si>
    <t>松島町</t>
  </si>
  <si>
    <t>0370602</t>
  </si>
  <si>
    <t>松野木</t>
  </si>
  <si>
    <t>0370012</t>
  </si>
  <si>
    <t>水野尾</t>
  </si>
  <si>
    <t>0370024</t>
  </si>
  <si>
    <t>みどり町</t>
  </si>
  <si>
    <t>0370035</t>
  </si>
  <si>
    <t>0370089</t>
  </si>
  <si>
    <t>藻川</t>
  </si>
  <si>
    <t>0370642</t>
  </si>
  <si>
    <t>持子沢</t>
  </si>
  <si>
    <t>0370044</t>
  </si>
  <si>
    <t>0370034</t>
  </si>
  <si>
    <t>八重菊</t>
  </si>
  <si>
    <t>0370073</t>
  </si>
  <si>
    <t>0370051</t>
  </si>
  <si>
    <t>0370013</t>
  </si>
  <si>
    <t>米田</t>
  </si>
  <si>
    <t>0370069</t>
  </si>
  <si>
    <t>0370405</t>
  </si>
  <si>
    <t>脇元</t>
  </si>
  <si>
    <t>0340000</t>
  </si>
  <si>
    <t>十和田市</t>
  </si>
  <si>
    <t>0340071</t>
  </si>
  <si>
    <t>0340005</t>
  </si>
  <si>
    <t>一本木沢</t>
  </si>
  <si>
    <t>0340011</t>
  </si>
  <si>
    <t>稲生町</t>
  </si>
  <si>
    <t>0340101</t>
  </si>
  <si>
    <t>馬洗場</t>
  </si>
  <si>
    <t>0340041</t>
  </si>
  <si>
    <t>相坂</t>
  </si>
  <si>
    <t>0340102</t>
  </si>
  <si>
    <t>大沢田</t>
  </si>
  <si>
    <t>0340211</t>
  </si>
  <si>
    <t>大不動</t>
  </si>
  <si>
    <t>0185501</t>
  </si>
  <si>
    <t>奥瀬（青撫、小畳石、十和田、十和田湖畔宇樽部、十和田湖畔子ノ口、</t>
  </si>
  <si>
    <t>十和田湖畔休屋）</t>
  </si>
  <si>
    <t>0340301</t>
  </si>
  <si>
    <t>奥瀬（その他）</t>
  </si>
  <si>
    <t>0340061</t>
  </si>
  <si>
    <t>切田</t>
  </si>
  <si>
    <t>0340302</t>
  </si>
  <si>
    <t>0340001</t>
  </si>
  <si>
    <t>0340213</t>
  </si>
  <si>
    <t>0340103</t>
  </si>
  <si>
    <t>立崎</t>
  </si>
  <si>
    <t>0340051</t>
  </si>
  <si>
    <t>伝法寺</t>
  </si>
  <si>
    <t>0340104</t>
  </si>
  <si>
    <t>豊ケ岡</t>
  </si>
  <si>
    <t>0340092</t>
  </si>
  <si>
    <t>西一番町</t>
  </si>
  <si>
    <t>0340082</t>
  </si>
  <si>
    <t>西二番町</t>
  </si>
  <si>
    <t>0340083</t>
  </si>
  <si>
    <t>西三番町</t>
  </si>
  <si>
    <t>0340084</t>
  </si>
  <si>
    <t>西四番町</t>
  </si>
  <si>
    <t>0340085</t>
  </si>
  <si>
    <t>西五番町</t>
  </si>
  <si>
    <t>0340038</t>
  </si>
  <si>
    <t>西六番町</t>
  </si>
  <si>
    <t>0340091</t>
  </si>
  <si>
    <t>西十一番町</t>
  </si>
  <si>
    <t>0340093</t>
  </si>
  <si>
    <t>西十二番町</t>
  </si>
  <si>
    <t>0340081</t>
  </si>
  <si>
    <t>西十三番町</t>
  </si>
  <si>
    <t>0340088</t>
  </si>
  <si>
    <t>西十四番町</t>
  </si>
  <si>
    <t>0340087</t>
  </si>
  <si>
    <t>西十五番町</t>
  </si>
  <si>
    <t>0340086</t>
  </si>
  <si>
    <t>西十六番町</t>
  </si>
  <si>
    <t>0340095</t>
  </si>
  <si>
    <t>西二十一番町</t>
  </si>
  <si>
    <t>0340094</t>
  </si>
  <si>
    <t>西二十二番町</t>
  </si>
  <si>
    <t>0340089</t>
  </si>
  <si>
    <t>西二十三番町</t>
  </si>
  <si>
    <t>0340105</t>
  </si>
  <si>
    <t>八斗沢</t>
  </si>
  <si>
    <t>0340012</t>
  </si>
  <si>
    <t>東一番町</t>
  </si>
  <si>
    <t>0340017</t>
  </si>
  <si>
    <t>東二番町</t>
  </si>
  <si>
    <t>0340031</t>
  </si>
  <si>
    <t>東三番町</t>
  </si>
  <si>
    <t>0340032</t>
  </si>
  <si>
    <t>東四番町</t>
  </si>
  <si>
    <t>0340033</t>
  </si>
  <si>
    <t>東五番町</t>
  </si>
  <si>
    <t>0340036</t>
  </si>
  <si>
    <t>東六番町</t>
  </si>
  <si>
    <t>0340013</t>
  </si>
  <si>
    <t>東十一番町</t>
  </si>
  <si>
    <t>0340016</t>
  </si>
  <si>
    <t>東十二番町</t>
  </si>
  <si>
    <t>0340023</t>
  </si>
  <si>
    <t>東十三番町</t>
  </si>
  <si>
    <t>0340024</t>
  </si>
  <si>
    <t>東十四番町</t>
  </si>
  <si>
    <t>0340034</t>
  </si>
  <si>
    <t>東十五番町</t>
  </si>
  <si>
    <t>0340035</t>
  </si>
  <si>
    <t>東十六番町</t>
  </si>
  <si>
    <t>0340014</t>
  </si>
  <si>
    <t>東二十一番町</t>
  </si>
  <si>
    <t>0340015</t>
  </si>
  <si>
    <t>東二十二番町</t>
  </si>
  <si>
    <t>0340021</t>
  </si>
  <si>
    <t>東二十三番町</t>
  </si>
  <si>
    <t>0340022</t>
  </si>
  <si>
    <t>東二十四番町</t>
  </si>
  <si>
    <t>0340004</t>
  </si>
  <si>
    <t>ひがしの</t>
  </si>
  <si>
    <t>0340106</t>
  </si>
  <si>
    <t>深持</t>
  </si>
  <si>
    <t>0340052</t>
  </si>
  <si>
    <t>藤島</t>
  </si>
  <si>
    <t>0340303</t>
  </si>
  <si>
    <t>法量</t>
  </si>
  <si>
    <t>0340037</t>
  </si>
  <si>
    <t>穂並町</t>
  </si>
  <si>
    <t>0340107</t>
  </si>
  <si>
    <t>洞内</t>
  </si>
  <si>
    <t>0340212</t>
  </si>
  <si>
    <t>0340002</t>
  </si>
  <si>
    <t>元町西</t>
  </si>
  <si>
    <t>0340003</t>
  </si>
  <si>
    <t>元町東</t>
  </si>
  <si>
    <t>0330000</t>
  </si>
  <si>
    <t>三沢市</t>
  </si>
  <si>
    <t>0330166</t>
  </si>
  <si>
    <t>0330101</t>
  </si>
  <si>
    <t>天ケ森</t>
  </si>
  <si>
    <t>0330153</t>
  </si>
  <si>
    <t>0330131</t>
  </si>
  <si>
    <t>五川目</t>
  </si>
  <si>
    <t>0330134</t>
  </si>
  <si>
    <t>大津</t>
  </si>
  <si>
    <t>0330041</t>
  </si>
  <si>
    <t>0330021</t>
  </si>
  <si>
    <t>岡三沢</t>
  </si>
  <si>
    <t>0330104</t>
  </si>
  <si>
    <t>織笠</t>
  </si>
  <si>
    <t>0330053</t>
  </si>
  <si>
    <t>0330063</t>
  </si>
  <si>
    <t>上久保</t>
  </si>
  <si>
    <t>0330162</t>
  </si>
  <si>
    <t>越下</t>
  </si>
  <si>
    <t>0330011</t>
  </si>
  <si>
    <t>0330042</t>
  </si>
  <si>
    <t>0330031</t>
  </si>
  <si>
    <t>0330113</t>
  </si>
  <si>
    <t>淋代</t>
  </si>
  <si>
    <t>0330103</t>
  </si>
  <si>
    <t>塩釜</t>
  </si>
  <si>
    <t>0330133</t>
  </si>
  <si>
    <t>鹿中</t>
  </si>
  <si>
    <t>0330023</t>
  </si>
  <si>
    <t>下久保</t>
  </si>
  <si>
    <t>0330062</t>
  </si>
  <si>
    <t>0330105</t>
  </si>
  <si>
    <t>新森</t>
  </si>
  <si>
    <t>0330102</t>
  </si>
  <si>
    <t>砂森</t>
  </si>
  <si>
    <t>0330165</t>
  </si>
  <si>
    <t>高野沢</t>
  </si>
  <si>
    <t>0330001</t>
  </si>
  <si>
    <t>0330043</t>
  </si>
  <si>
    <t>0330163</t>
  </si>
  <si>
    <t>富崎</t>
  </si>
  <si>
    <t>0330167</t>
  </si>
  <si>
    <t>根井</t>
  </si>
  <si>
    <t>0330061</t>
  </si>
  <si>
    <t>0330024</t>
  </si>
  <si>
    <t>東岡三沢</t>
  </si>
  <si>
    <t>0330034</t>
  </si>
  <si>
    <t>0330154</t>
  </si>
  <si>
    <t>0330012</t>
  </si>
  <si>
    <t>平畑</t>
  </si>
  <si>
    <t>0330152</t>
  </si>
  <si>
    <t>0330051</t>
  </si>
  <si>
    <t>0330044</t>
  </si>
  <si>
    <t>古間木山</t>
  </si>
  <si>
    <t>0330112</t>
  </si>
  <si>
    <t>細谷</t>
  </si>
  <si>
    <t>0330123</t>
  </si>
  <si>
    <t>0330052</t>
  </si>
  <si>
    <t>0330143</t>
  </si>
  <si>
    <t>前平</t>
  </si>
  <si>
    <t>0330037</t>
  </si>
  <si>
    <t>松園町</t>
  </si>
  <si>
    <t>0330035</t>
  </si>
  <si>
    <t>0330142</t>
  </si>
  <si>
    <t>三川目</t>
  </si>
  <si>
    <t>0330022</t>
  </si>
  <si>
    <t>0330032</t>
  </si>
  <si>
    <t>0330141</t>
  </si>
  <si>
    <t>0330036</t>
  </si>
  <si>
    <t>0330151</t>
  </si>
  <si>
    <t>0330033</t>
  </si>
  <si>
    <t>美野原</t>
  </si>
  <si>
    <t>0330111</t>
  </si>
  <si>
    <t>六川目</t>
  </si>
  <si>
    <t>0330045</t>
  </si>
  <si>
    <t>薬師町</t>
  </si>
  <si>
    <t>0330164</t>
  </si>
  <si>
    <t>谷地頭</t>
  </si>
  <si>
    <t>0330161</t>
  </si>
  <si>
    <t>0330132</t>
  </si>
  <si>
    <t>四川目</t>
  </si>
  <si>
    <t>0350000</t>
  </si>
  <si>
    <t>むつ市</t>
  </si>
  <si>
    <t>0350044</t>
  </si>
  <si>
    <t>赤川町</t>
  </si>
  <si>
    <t>0350076</t>
  </si>
  <si>
    <t>0350079</t>
  </si>
  <si>
    <t>荒川町</t>
  </si>
  <si>
    <t>0350092</t>
  </si>
  <si>
    <t>宇田町</t>
  </si>
  <si>
    <t>0350054</t>
  </si>
  <si>
    <t>海老川町</t>
  </si>
  <si>
    <t>0350074</t>
  </si>
  <si>
    <t>大平</t>
  </si>
  <si>
    <t>0350083</t>
  </si>
  <si>
    <t>0394401</t>
  </si>
  <si>
    <t>0394402</t>
  </si>
  <si>
    <t>大畑町正津川</t>
  </si>
  <si>
    <t>0350042</t>
  </si>
  <si>
    <t>0350096</t>
  </si>
  <si>
    <t>大湊</t>
  </si>
  <si>
    <t>0350086</t>
  </si>
  <si>
    <t>大湊上町</t>
  </si>
  <si>
    <t>0350084</t>
  </si>
  <si>
    <t>大湊新町</t>
  </si>
  <si>
    <t>0350085</t>
  </si>
  <si>
    <t>大湊浜町</t>
  </si>
  <si>
    <t>0350093</t>
  </si>
  <si>
    <t>大湊町</t>
  </si>
  <si>
    <t>0350011</t>
  </si>
  <si>
    <t>0350041</t>
  </si>
  <si>
    <t>金曲</t>
  </si>
  <si>
    <t>0350072</t>
  </si>
  <si>
    <t>0350032</t>
  </si>
  <si>
    <t>0395204</t>
  </si>
  <si>
    <t>川内町蛎崎（その他）</t>
  </si>
  <si>
    <t>0395304</t>
  </si>
  <si>
    <t>川内町蛎崎（半右エ門沢）</t>
  </si>
  <si>
    <t>0395203</t>
  </si>
  <si>
    <t>川内町宿野部</t>
  </si>
  <si>
    <t>0395202</t>
  </si>
  <si>
    <t>川内町桧川</t>
  </si>
  <si>
    <t>0394701</t>
  </si>
  <si>
    <t>川内町（板家戸、野平、福浦山）</t>
  </si>
  <si>
    <t>0395201</t>
  </si>
  <si>
    <t>川内町（その他）</t>
  </si>
  <si>
    <t>0350091</t>
  </si>
  <si>
    <t>川守町</t>
  </si>
  <si>
    <t>0350036</t>
  </si>
  <si>
    <t>栗山町</t>
  </si>
  <si>
    <t>0350071</t>
  </si>
  <si>
    <t>0350094</t>
  </si>
  <si>
    <t>0350061</t>
  </si>
  <si>
    <t>下北町</t>
  </si>
  <si>
    <t>0350067</t>
  </si>
  <si>
    <t>十二林</t>
  </si>
  <si>
    <t>0350095</t>
  </si>
  <si>
    <t>城ケ沢</t>
  </si>
  <si>
    <t>0350052</t>
  </si>
  <si>
    <t>0350051</t>
  </si>
  <si>
    <t>0350022</t>
  </si>
  <si>
    <t>0350021</t>
  </si>
  <si>
    <t>田名部</t>
  </si>
  <si>
    <t>0350034</t>
  </si>
  <si>
    <t>田名部町</t>
  </si>
  <si>
    <t>0350073</t>
  </si>
  <si>
    <t>0350055</t>
  </si>
  <si>
    <t>苫生町</t>
  </si>
  <si>
    <t>0350012</t>
  </si>
  <si>
    <t>中野沢</t>
  </si>
  <si>
    <t>0350062</t>
  </si>
  <si>
    <t>0350081</t>
  </si>
  <si>
    <t>並川町</t>
  </si>
  <si>
    <t>0350082</t>
  </si>
  <si>
    <t>0350035</t>
  </si>
  <si>
    <t>0350075</t>
  </si>
  <si>
    <t>0350045</t>
  </si>
  <si>
    <t>0350078</t>
  </si>
  <si>
    <t>0350065</t>
  </si>
  <si>
    <t>0350068</t>
  </si>
  <si>
    <t>美里町</t>
  </si>
  <si>
    <t>0350066</t>
  </si>
  <si>
    <t>緑ヶ丘</t>
  </si>
  <si>
    <t>0350053</t>
  </si>
  <si>
    <t>0350064</t>
  </si>
  <si>
    <t>0350043</t>
  </si>
  <si>
    <t>南赤川町</t>
  </si>
  <si>
    <t>0350046</t>
  </si>
  <si>
    <t>0350031</t>
  </si>
  <si>
    <t>0350077</t>
  </si>
  <si>
    <t>0350033</t>
  </si>
  <si>
    <t>横迎町</t>
  </si>
  <si>
    <t>0350063</t>
  </si>
  <si>
    <t>0395345</t>
  </si>
  <si>
    <t>脇野沢赤坂</t>
  </si>
  <si>
    <t>0395344</t>
  </si>
  <si>
    <t>脇野沢稲平</t>
  </si>
  <si>
    <t>0395326</t>
  </si>
  <si>
    <t>脇野沢桂沢</t>
  </si>
  <si>
    <t>0395335</t>
  </si>
  <si>
    <t>脇野沢寄浪</t>
  </si>
  <si>
    <t>0395337</t>
  </si>
  <si>
    <t>脇野沢九艘泊</t>
  </si>
  <si>
    <t>0395346</t>
  </si>
  <si>
    <t>脇野沢口広</t>
  </si>
  <si>
    <t>0395333</t>
  </si>
  <si>
    <t>脇野沢黒岩</t>
  </si>
  <si>
    <t>0395321</t>
  </si>
  <si>
    <t>脇野沢源藤城</t>
  </si>
  <si>
    <t>0395343</t>
  </si>
  <si>
    <t>脇野沢小サ沢</t>
  </si>
  <si>
    <t>0395342</t>
  </si>
  <si>
    <t>脇野沢小沢</t>
  </si>
  <si>
    <t>0395341</t>
  </si>
  <si>
    <t>脇野沢鹿間平</t>
  </si>
  <si>
    <t>0395323</t>
  </si>
  <si>
    <t>脇野沢七引</t>
  </si>
  <si>
    <t>0395332</t>
  </si>
  <si>
    <t>脇野沢瀬野川目</t>
  </si>
  <si>
    <t>0395322</t>
  </si>
  <si>
    <t>脇野沢滝山</t>
  </si>
  <si>
    <t>0395336</t>
  </si>
  <si>
    <t>脇野沢蛸田</t>
  </si>
  <si>
    <t>0395325</t>
  </si>
  <si>
    <t>脇野沢辰内</t>
  </si>
  <si>
    <t>0395324</t>
  </si>
  <si>
    <t>脇野沢田ノ頭</t>
  </si>
  <si>
    <t>0395334</t>
  </si>
  <si>
    <t>脇野沢新井田</t>
  </si>
  <si>
    <t>0395327</t>
  </si>
  <si>
    <t>脇野沢本村</t>
  </si>
  <si>
    <t>0395331</t>
  </si>
  <si>
    <t>脇野沢渡向</t>
  </si>
  <si>
    <t>0383100</t>
  </si>
  <si>
    <t>つがる市</t>
  </si>
  <si>
    <t>0370102</t>
  </si>
  <si>
    <t>稲垣町繁田</t>
  </si>
  <si>
    <t>0370101</t>
  </si>
  <si>
    <t>稲垣町下繁田</t>
  </si>
  <si>
    <t>0370109</t>
  </si>
  <si>
    <t>稲垣町千年</t>
  </si>
  <si>
    <t>0370104</t>
  </si>
  <si>
    <t>稲垣町豊川</t>
  </si>
  <si>
    <t>0370106</t>
  </si>
  <si>
    <t>稲垣町沼崎</t>
  </si>
  <si>
    <t>0370107</t>
  </si>
  <si>
    <t>稲垣町沼舘</t>
  </si>
  <si>
    <t>0370105</t>
  </si>
  <si>
    <t>稲垣町福富</t>
  </si>
  <si>
    <t>0370103</t>
  </si>
  <si>
    <t>稲垣町穂積</t>
  </si>
  <si>
    <t>0370108</t>
  </si>
  <si>
    <t>稲垣町吉出</t>
  </si>
  <si>
    <t>0383305</t>
  </si>
  <si>
    <t>牛潟町</t>
  </si>
  <si>
    <t>0383107</t>
  </si>
  <si>
    <t>柏稲盛</t>
  </si>
  <si>
    <t>0383103</t>
  </si>
  <si>
    <t>柏上古川</t>
  </si>
  <si>
    <t>0383104</t>
  </si>
  <si>
    <t>柏桑野木田</t>
  </si>
  <si>
    <t>0383101</t>
  </si>
  <si>
    <t>柏鷺坂</t>
  </si>
  <si>
    <t>0383102</t>
  </si>
  <si>
    <t>柏下古川</t>
  </si>
  <si>
    <t>0383106</t>
  </si>
  <si>
    <t>柏玉水</t>
  </si>
  <si>
    <t>0383105</t>
  </si>
  <si>
    <t>柏広須</t>
  </si>
  <si>
    <t>0383142</t>
  </si>
  <si>
    <t>木造赤根</t>
  </si>
  <si>
    <t>0383144</t>
  </si>
  <si>
    <t>木造曙</t>
  </si>
  <si>
    <t>0383124</t>
  </si>
  <si>
    <t>木造朝日</t>
  </si>
  <si>
    <t>0383113</t>
  </si>
  <si>
    <t>木造芦沼</t>
  </si>
  <si>
    <t>0383273</t>
  </si>
  <si>
    <t>木造出野里</t>
  </si>
  <si>
    <t>0383141</t>
  </si>
  <si>
    <t>木造浮巣</t>
  </si>
  <si>
    <t>0383135</t>
  </si>
  <si>
    <t>木造有楽町</t>
  </si>
  <si>
    <t>0383162</t>
  </si>
  <si>
    <t>木造浦船</t>
  </si>
  <si>
    <t>0383122</t>
  </si>
  <si>
    <t>木造追広</t>
  </si>
  <si>
    <t>0383277</t>
  </si>
  <si>
    <t>木造大畑</t>
  </si>
  <si>
    <t>0383285</t>
  </si>
  <si>
    <t>木造大湯町</t>
  </si>
  <si>
    <t>0383272</t>
  </si>
  <si>
    <t>木造兼館</t>
  </si>
  <si>
    <t>0383284</t>
  </si>
  <si>
    <t>木造亀ケ岡</t>
  </si>
  <si>
    <t>0383112</t>
  </si>
  <si>
    <t>木造川除</t>
  </si>
  <si>
    <t>0383165</t>
  </si>
  <si>
    <t>木造菊川</t>
  </si>
  <si>
    <t>0382806</t>
  </si>
  <si>
    <t>木造越水</t>
  </si>
  <si>
    <t>0382807</t>
  </si>
  <si>
    <t>木造駒田</t>
  </si>
  <si>
    <t>0383286</t>
  </si>
  <si>
    <t>木造菰槌</t>
  </si>
  <si>
    <t>0383159</t>
  </si>
  <si>
    <t>木造桜川</t>
  </si>
  <si>
    <t>0383146</t>
  </si>
  <si>
    <t>木造桜木</t>
  </si>
  <si>
    <t>0383164</t>
  </si>
  <si>
    <t>木造柴田</t>
  </si>
  <si>
    <t>0383132</t>
  </si>
  <si>
    <t>木造清水</t>
  </si>
  <si>
    <t>0383287</t>
  </si>
  <si>
    <t>木造下遠山里</t>
  </si>
  <si>
    <t>0382803</t>
  </si>
  <si>
    <t>木造下福原</t>
  </si>
  <si>
    <t>0383133</t>
  </si>
  <si>
    <t>木造末広</t>
  </si>
  <si>
    <t>0383283</t>
  </si>
  <si>
    <t>木造館岡</t>
  </si>
  <si>
    <t>0383134</t>
  </si>
  <si>
    <t>木造種取</t>
  </si>
  <si>
    <t>0383131</t>
  </si>
  <si>
    <t>木造千年</t>
  </si>
  <si>
    <t>0383167</t>
  </si>
  <si>
    <t>木造千代田</t>
  </si>
  <si>
    <t>0383145</t>
  </si>
  <si>
    <t>木造千代町</t>
  </si>
  <si>
    <t>0383278</t>
  </si>
  <si>
    <t>木造土滝</t>
  </si>
  <si>
    <t>0383125</t>
  </si>
  <si>
    <t>木造鶴泊</t>
  </si>
  <si>
    <t>0383288</t>
  </si>
  <si>
    <t>木造出来島</t>
  </si>
  <si>
    <t>0383154</t>
  </si>
  <si>
    <t>木造照日</t>
  </si>
  <si>
    <t>0383282</t>
  </si>
  <si>
    <t>木造筒木坂</t>
  </si>
  <si>
    <t>0383111</t>
  </si>
  <si>
    <t>木造豊田</t>
  </si>
  <si>
    <t>0383275</t>
  </si>
  <si>
    <t>木造永田</t>
  </si>
  <si>
    <t>0383163</t>
  </si>
  <si>
    <t>木造中館</t>
  </si>
  <si>
    <t>0383114</t>
  </si>
  <si>
    <t>木造成田</t>
  </si>
  <si>
    <t>0383161</t>
  </si>
  <si>
    <t>木造濁川</t>
  </si>
  <si>
    <t>0383153</t>
  </si>
  <si>
    <t>木造野宮</t>
  </si>
  <si>
    <t>0383139</t>
  </si>
  <si>
    <t>木造萩流</t>
  </si>
  <si>
    <t>0383136</t>
  </si>
  <si>
    <t>木造萩野</t>
  </si>
  <si>
    <t>0383115</t>
  </si>
  <si>
    <t>木造蓮川</t>
  </si>
  <si>
    <t>0383276</t>
  </si>
  <si>
    <t>木造林</t>
  </si>
  <si>
    <t>0383121</t>
  </si>
  <si>
    <t>木造早田</t>
  </si>
  <si>
    <t>0383143</t>
  </si>
  <si>
    <t>木造日向</t>
  </si>
  <si>
    <t>0383281</t>
  </si>
  <si>
    <t>木造平滝</t>
  </si>
  <si>
    <t>0382805</t>
  </si>
  <si>
    <t>木造広岡</t>
  </si>
  <si>
    <t>0382808</t>
  </si>
  <si>
    <t>木造吹原</t>
  </si>
  <si>
    <t>0383166</t>
  </si>
  <si>
    <t>木造福原</t>
  </si>
  <si>
    <t>0383158</t>
  </si>
  <si>
    <t>木造房松</t>
  </si>
  <si>
    <t>0383152</t>
  </si>
  <si>
    <t>木造藤岡</t>
  </si>
  <si>
    <t>0383123</t>
  </si>
  <si>
    <t>木造藤田</t>
  </si>
  <si>
    <t>0383155</t>
  </si>
  <si>
    <t>木造増田</t>
  </si>
  <si>
    <t>0382801</t>
  </si>
  <si>
    <t>木造丸山</t>
  </si>
  <si>
    <t>0382804</t>
  </si>
  <si>
    <t>木造三ツ館</t>
  </si>
  <si>
    <t>0383156</t>
  </si>
  <si>
    <t>木造宮井</t>
  </si>
  <si>
    <t>0383157</t>
  </si>
  <si>
    <t>木造宮崎</t>
  </si>
  <si>
    <t>0383126</t>
  </si>
  <si>
    <t>木造森内</t>
  </si>
  <si>
    <t>0383128</t>
  </si>
  <si>
    <t>木造森本</t>
  </si>
  <si>
    <t>0383127</t>
  </si>
  <si>
    <t>木造森山</t>
  </si>
  <si>
    <t>0383271</t>
  </si>
  <si>
    <t>木造善積</t>
  </si>
  <si>
    <t>0383274</t>
  </si>
  <si>
    <t>木造蓮花田</t>
  </si>
  <si>
    <t>0383151</t>
  </si>
  <si>
    <t>木造若竹</t>
  </si>
  <si>
    <t>0383138</t>
  </si>
  <si>
    <t>木造若緑</t>
  </si>
  <si>
    <t>0383137</t>
  </si>
  <si>
    <t>木造若宮</t>
  </si>
  <si>
    <t>0383304</t>
  </si>
  <si>
    <t>下車力町</t>
  </si>
  <si>
    <t>0383306</t>
  </si>
  <si>
    <t>下牛潟町</t>
  </si>
  <si>
    <t>0383303</t>
  </si>
  <si>
    <t>車力町</t>
  </si>
  <si>
    <t>0383301</t>
  </si>
  <si>
    <t>富萢町</t>
  </si>
  <si>
    <t>0383302</t>
  </si>
  <si>
    <t>0382818</t>
  </si>
  <si>
    <t>森田町大館</t>
  </si>
  <si>
    <t>0382811</t>
  </si>
  <si>
    <t>森田町上相野</t>
  </si>
  <si>
    <t>0382812</t>
  </si>
  <si>
    <t>森田町下相野</t>
  </si>
  <si>
    <t>0382817</t>
  </si>
  <si>
    <t>森田町床舞</t>
  </si>
  <si>
    <t>0382814</t>
  </si>
  <si>
    <t>森田町中田</t>
  </si>
  <si>
    <t>0382813</t>
  </si>
  <si>
    <t>森田町妙堂崎</t>
  </si>
  <si>
    <t>0382816</t>
  </si>
  <si>
    <t>森田町森田</t>
  </si>
  <si>
    <t>0382815</t>
  </si>
  <si>
    <t>森田町山田</t>
  </si>
  <si>
    <t>0360100</t>
  </si>
  <si>
    <t>平川市</t>
  </si>
  <si>
    <t>0360112</t>
  </si>
  <si>
    <t>荒田上駒田</t>
  </si>
  <si>
    <t>荒田北稲村</t>
  </si>
  <si>
    <t>荒田北岡部</t>
  </si>
  <si>
    <t>荒田下駒田</t>
  </si>
  <si>
    <t>荒田南稲村</t>
  </si>
  <si>
    <t>荒田南岡部</t>
  </si>
  <si>
    <t>0360121</t>
  </si>
  <si>
    <t>新屋稲村</t>
  </si>
  <si>
    <t>新屋長田</t>
  </si>
  <si>
    <t>新屋栄館</t>
  </si>
  <si>
    <t>新屋滝の沢</t>
  </si>
  <si>
    <t>新屋富山</t>
  </si>
  <si>
    <t>新屋平岡</t>
  </si>
  <si>
    <t>新屋平野</t>
  </si>
  <si>
    <t>新屋福嶋</t>
  </si>
  <si>
    <t>新屋山下</t>
  </si>
  <si>
    <t>0360213</t>
  </si>
  <si>
    <t>新屋町上沢田</t>
  </si>
  <si>
    <t>新屋町北鶉野</t>
  </si>
  <si>
    <t>新屋町下沢田</t>
  </si>
  <si>
    <t>新屋町田川</t>
  </si>
  <si>
    <t>新屋町松居</t>
  </si>
  <si>
    <t>新屋町松下</t>
  </si>
  <si>
    <t>新屋町松久</t>
  </si>
  <si>
    <t>新屋町道ノ下</t>
  </si>
  <si>
    <t>新屋町南鶉野</t>
  </si>
  <si>
    <t>新屋町村元</t>
  </si>
  <si>
    <t>0380101</t>
  </si>
  <si>
    <t>碇ケ関</t>
  </si>
  <si>
    <t>碇ケ関相沢</t>
  </si>
  <si>
    <t>碇ケ関阿原</t>
  </si>
  <si>
    <t>碇ケ関雷林</t>
  </si>
  <si>
    <t>碇ケ関碇石</t>
  </si>
  <si>
    <t>碇ケ関岩井</t>
  </si>
  <si>
    <t>碇ケ関大葉平</t>
  </si>
  <si>
    <t>碇ケ関大落前</t>
  </si>
  <si>
    <t>碇ケ関折橋</t>
  </si>
  <si>
    <t>碇ケ関鯨森</t>
  </si>
  <si>
    <t>碇ケ関小落前</t>
  </si>
  <si>
    <t>碇ケ関山神堂</t>
  </si>
  <si>
    <t>碇ケ関白沢</t>
  </si>
  <si>
    <t>碇ケ関諏訪平</t>
  </si>
  <si>
    <t>碇ケ関外白沢</t>
  </si>
  <si>
    <t>碇ケ関高田</t>
  </si>
  <si>
    <t>碇ケ関樋ケ沢</t>
  </si>
  <si>
    <t>碇ケ関西碇ケ関山</t>
  </si>
  <si>
    <t>碇ケ関東碇ケ関山</t>
  </si>
  <si>
    <t>碇ケ関樋ノ口</t>
  </si>
  <si>
    <t>碇ケ関船岡</t>
  </si>
  <si>
    <t>碇ケ関踏田切</t>
  </si>
  <si>
    <t>碇ケ関三笠山</t>
  </si>
  <si>
    <t>下彦川戸</t>
  </si>
  <si>
    <t>新三郷ららシティ</t>
  </si>
  <si>
    <t>新和</t>
  </si>
  <si>
    <t>前間</t>
  </si>
  <si>
    <t>鷹野</t>
  </si>
  <si>
    <t>丹後</t>
  </si>
  <si>
    <t>戸ケ崎</t>
  </si>
  <si>
    <t>仁蔵</t>
  </si>
  <si>
    <t>花和田</t>
  </si>
  <si>
    <t>番匠免</t>
  </si>
  <si>
    <t>半田</t>
  </si>
  <si>
    <t>彦糸</t>
  </si>
  <si>
    <t>彦江</t>
  </si>
  <si>
    <t>彦音</t>
  </si>
  <si>
    <t>彦川戸</t>
  </si>
  <si>
    <t>彦倉</t>
  </si>
  <si>
    <t>彦沢</t>
  </si>
  <si>
    <t>彦成</t>
  </si>
  <si>
    <t>彦野</t>
  </si>
  <si>
    <t>三郷</t>
  </si>
  <si>
    <t>南蓮沼</t>
  </si>
  <si>
    <t>茂田井</t>
  </si>
  <si>
    <t>寄巻</t>
  </si>
  <si>
    <t>蓮田市</t>
  </si>
  <si>
    <t>井沼</t>
  </si>
  <si>
    <t>閏戸</t>
  </si>
  <si>
    <t>江ケ崎</t>
  </si>
  <si>
    <t>御前橋</t>
  </si>
  <si>
    <t>上平野</t>
  </si>
  <si>
    <t>黒浜</t>
  </si>
  <si>
    <t>駒崎</t>
  </si>
  <si>
    <t>笹山</t>
  </si>
  <si>
    <t>関山</t>
  </si>
  <si>
    <t>高虫</t>
  </si>
  <si>
    <t>椿山</t>
  </si>
  <si>
    <t>西新宿</t>
  </si>
  <si>
    <t>根金</t>
  </si>
  <si>
    <t>蓮田</t>
  </si>
  <si>
    <t>南新宿</t>
  </si>
  <si>
    <t>見沼町</t>
  </si>
  <si>
    <t>坂戸市</t>
  </si>
  <si>
    <t>粟生田</t>
  </si>
  <si>
    <t>赤尾</t>
  </si>
  <si>
    <t>浅羽</t>
  </si>
  <si>
    <t>浅羽野</t>
  </si>
  <si>
    <t>芦山町</t>
  </si>
  <si>
    <t>厚川</t>
  </si>
  <si>
    <t>石井</t>
  </si>
  <si>
    <t>伊豆の山町</t>
  </si>
  <si>
    <t>今西</t>
  </si>
  <si>
    <t>欠ノ上</t>
  </si>
  <si>
    <t>片柳新田</t>
  </si>
  <si>
    <t>萱方</t>
  </si>
  <si>
    <t>北浅羽</t>
  </si>
  <si>
    <t>北峰</t>
  </si>
  <si>
    <t>沢木</t>
  </si>
  <si>
    <t>成願寺</t>
  </si>
  <si>
    <t>新ケ谷</t>
  </si>
  <si>
    <t>関間</t>
  </si>
  <si>
    <t>善能寺</t>
  </si>
  <si>
    <t>多和目</t>
  </si>
  <si>
    <t>戸口</t>
  </si>
  <si>
    <t>戸宮</t>
  </si>
  <si>
    <t>中小坂</t>
  </si>
  <si>
    <t>中富町</t>
  </si>
  <si>
    <t>西坂戸</t>
  </si>
  <si>
    <t>にっさい花みず木</t>
  </si>
  <si>
    <t>花影町</t>
  </si>
  <si>
    <t>東坂戸</t>
  </si>
  <si>
    <t>溝端町</t>
  </si>
  <si>
    <t>横沼</t>
  </si>
  <si>
    <t>四日市場</t>
  </si>
  <si>
    <t>幸手市</t>
  </si>
  <si>
    <t>内国府間</t>
  </si>
  <si>
    <t>円藤内</t>
  </si>
  <si>
    <t>香日向</t>
  </si>
  <si>
    <t>上宇和田</t>
  </si>
  <si>
    <t>神扇</t>
  </si>
  <si>
    <t>上吉羽</t>
  </si>
  <si>
    <t>木立</t>
  </si>
  <si>
    <t>幸手</t>
  </si>
  <si>
    <t>下宇和田</t>
  </si>
  <si>
    <t>下吉羽</t>
  </si>
  <si>
    <t>神明内</t>
  </si>
  <si>
    <t>惣新田</t>
  </si>
  <si>
    <t>外国府間</t>
  </si>
  <si>
    <t>高須賀</t>
  </si>
  <si>
    <t>千塚</t>
  </si>
  <si>
    <t>天神島</t>
  </si>
  <si>
    <t>戸島</t>
  </si>
  <si>
    <t>中川崎</t>
  </si>
  <si>
    <t>長間</t>
  </si>
  <si>
    <t>西関宿</t>
  </si>
  <si>
    <t>花島</t>
  </si>
  <si>
    <t>平須賀</t>
  </si>
  <si>
    <t>槇野地</t>
  </si>
  <si>
    <t>松石</t>
  </si>
  <si>
    <t>鶴ヶ島市</t>
  </si>
  <si>
    <t>太田ヶ谷</t>
  </si>
  <si>
    <t>上広谷</t>
  </si>
  <si>
    <t>共栄町</t>
  </si>
  <si>
    <t>五味ヶ谷</t>
  </si>
  <si>
    <t>脚折</t>
  </si>
  <si>
    <t>脚折町</t>
  </si>
  <si>
    <t>鶴ヶ丘</t>
  </si>
  <si>
    <t>羽折町</t>
  </si>
  <si>
    <t>藤金</t>
  </si>
  <si>
    <t>松ヶ丘</t>
  </si>
  <si>
    <t>三ツ木新田</t>
  </si>
  <si>
    <t>三ツ木新町</t>
  </si>
  <si>
    <t>柳戸町</t>
  </si>
  <si>
    <t>日高市</t>
  </si>
  <si>
    <t>梅原</t>
  </si>
  <si>
    <t>大谷沢</t>
  </si>
  <si>
    <t>女影</t>
  </si>
  <si>
    <t>女影新田</t>
  </si>
  <si>
    <t>上鹿山</t>
  </si>
  <si>
    <t>鹿山</t>
  </si>
  <si>
    <t>北平沢</t>
  </si>
  <si>
    <t>駒寺野新田</t>
  </si>
  <si>
    <t>高麗本郷</t>
  </si>
  <si>
    <t>下大谷沢</t>
  </si>
  <si>
    <t>下鹿山</t>
  </si>
  <si>
    <t>下高萩新田</t>
  </si>
  <si>
    <t>清流</t>
  </si>
  <si>
    <t>高富</t>
  </si>
  <si>
    <t>高萩東</t>
  </si>
  <si>
    <t>田波目</t>
  </si>
  <si>
    <t>中鹿山</t>
  </si>
  <si>
    <t>楡木</t>
  </si>
  <si>
    <t>野々宮</t>
  </si>
  <si>
    <t>南平沢</t>
  </si>
  <si>
    <t>森戸新田</t>
  </si>
  <si>
    <t>猿田</t>
  </si>
  <si>
    <t>横手</t>
  </si>
  <si>
    <t>吉川市</t>
  </si>
  <si>
    <t>会野谷</t>
  </si>
  <si>
    <t>旭</t>
  </si>
  <si>
    <t>上内川</t>
  </si>
  <si>
    <t>上笹塚</t>
  </si>
  <si>
    <t>川富</t>
  </si>
  <si>
    <t>川藤</t>
  </si>
  <si>
    <t>木売</t>
  </si>
  <si>
    <t>木売新田</t>
  </si>
  <si>
    <t>共保</t>
  </si>
  <si>
    <t>きよみ野</t>
  </si>
  <si>
    <t>鹿見塚</t>
  </si>
  <si>
    <t>下内川</t>
  </si>
  <si>
    <t>拾壱軒</t>
  </si>
  <si>
    <t>高久</t>
  </si>
  <si>
    <t>土場</t>
  </si>
  <si>
    <t>富新田</t>
  </si>
  <si>
    <t>中川台</t>
  </si>
  <si>
    <t>鍋小路</t>
  </si>
  <si>
    <t>八子新田</t>
  </si>
  <si>
    <t>半割</t>
  </si>
  <si>
    <t>平方新田</t>
  </si>
  <si>
    <t>二ツ沼</t>
  </si>
  <si>
    <t>保</t>
  </si>
  <si>
    <t>南広島</t>
  </si>
  <si>
    <t>三輪野江</t>
  </si>
  <si>
    <t>吉川団地</t>
  </si>
  <si>
    <t>吉屋</t>
  </si>
  <si>
    <t>ふじみ野市</t>
  </si>
  <si>
    <t>市沢</t>
  </si>
  <si>
    <t>上ノ原</t>
  </si>
  <si>
    <t>うれし野</t>
  </si>
  <si>
    <t>大井中央</t>
  </si>
  <si>
    <t>大井武蔵野</t>
  </si>
  <si>
    <t>上福岡</t>
  </si>
  <si>
    <t>亀久保</t>
  </si>
  <si>
    <t>清見</t>
  </si>
  <si>
    <t>駒西</t>
  </si>
  <si>
    <t>駒林</t>
  </si>
  <si>
    <t>新駒林</t>
  </si>
  <si>
    <t>水宮</t>
  </si>
  <si>
    <t>鶴ケ舞</t>
  </si>
  <si>
    <t>苗間</t>
  </si>
  <si>
    <t>中ノ島</t>
  </si>
  <si>
    <t>中福岡</t>
  </si>
  <si>
    <t>西鶴ケ岡</t>
  </si>
  <si>
    <t>東久保</t>
  </si>
  <si>
    <t>福岡新田</t>
  </si>
  <si>
    <t>福岡中央</t>
  </si>
  <si>
    <t>福岡武蔵野</t>
  </si>
  <si>
    <t>本新田</t>
  </si>
  <si>
    <t>元福岡</t>
  </si>
  <si>
    <t>北足立郡伊奈町</t>
  </si>
  <si>
    <t>大針</t>
  </si>
  <si>
    <t>小針内宿</t>
  </si>
  <si>
    <t>小針新宿</t>
  </si>
  <si>
    <t>羽貫</t>
  </si>
  <si>
    <t>入間郡三芳町</t>
  </si>
  <si>
    <t>上富</t>
  </si>
  <si>
    <t>北永井</t>
  </si>
  <si>
    <t>竹間沢</t>
  </si>
  <si>
    <t>竹間沢東</t>
  </si>
  <si>
    <t>藤久保</t>
  </si>
  <si>
    <t>みよし台</t>
  </si>
  <si>
    <t>旭台</t>
  </si>
  <si>
    <t>阿諏訪</t>
  </si>
  <si>
    <t>岩井西</t>
  </si>
  <si>
    <t>碇ケ関水溜</t>
  </si>
  <si>
    <t>碇ケ関湯向川添</t>
  </si>
  <si>
    <t>碇ケ関横町</t>
  </si>
  <si>
    <t>0380102</t>
  </si>
  <si>
    <t>碇ケ関古懸上程森</t>
  </si>
  <si>
    <t>碇ケ関古懸沢田</t>
  </si>
  <si>
    <t>碇ケ関古懸樋ケ沢</t>
  </si>
  <si>
    <t>碇ケ関古懸堂ノ上</t>
  </si>
  <si>
    <t>碇ケ関古懸鳥井</t>
  </si>
  <si>
    <t>碇ケ関古懸西不動野</t>
  </si>
  <si>
    <t>碇ケ関古懸東不動野</t>
  </si>
  <si>
    <t>碇ケ関古懸不動沢大石</t>
  </si>
  <si>
    <t>碇ケ関古懸不動野</t>
  </si>
  <si>
    <t>碇ケ関古懸南不動野</t>
  </si>
  <si>
    <t>碇ケ関古懸向安田</t>
  </si>
  <si>
    <t>碇ケ関古懸門前</t>
  </si>
  <si>
    <t>碇ケ関古懸門前屋岸</t>
  </si>
  <si>
    <t>碇ケ関古懸安田</t>
  </si>
  <si>
    <t>0380103</t>
  </si>
  <si>
    <t>碇ケ関久吉蕷ケ平</t>
  </si>
  <si>
    <t>碇ケ関久吉二ノ渡</t>
  </si>
  <si>
    <t>碇ケ関久吉山岸</t>
  </si>
  <si>
    <t>0360151</t>
  </si>
  <si>
    <t>石郷沖中</t>
  </si>
  <si>
    <t>石郷村元</t>
  </si>
  <si>
    <t>石郷柳田</t>
  </si>
  <si>
    <t>0360152</t>
  </si>
  <si>
    <t>石畑岡元</t>
  </si>
  <si>
    <t>0360145</t>
  </si>
  <si>
    <t>岩館長田</t>
  </si>
  <si>
    <t>岩館下り松</t>
  </si>
  <si>
    <t>岩館藤巻</t>
  </si>
  <si>
    <t>岩館村元</t>
  </si>
  <si>
    <t>岩館山の井</t>
  </si>
  <si>
    <t>0360141</t>
  </si>
  <si>
    <t>沖館長田</t>
  </si>
  <si>
    <t>沖館沢田</t>
  </si>
  <si>
    <t>沖館高田</t>
  </si>
  <si>
    <t>沖館永田</t>
  </si>
  <si>
    <t>沖館西田</t>
  </si>
  <si>
    <t>沖館比山館</t>
  </si>
  <si>
    <t>沖館宮崎</t>
  </si>
  <si>
    <t>沖館向野</t>
  </si>
  <si>
    <t>沖館和田</t>
  </si>
  <si>
    <t>0360171</t>
  </si>
  <si>
    <t>小国浅瀬石山</t>
  </si>
  <si>
    <t>小国川辺</t>
  </si>
  <si>
    <t>小国川原田</t>
  </si>
  <si>
    <t>小国深沢</t>
  </si>
  <si>
    <t>小国山下</t>
  </si>
  <si>
    <t>0360122</t>
  </si>
  <si>
    <t>尾崎浅井</t>
  </si>
  <si>
    <t>尾崎稲元</t>
  </si>
  <si>
    <t>尾崎岡田</t>
  </si>
  <si>
    <t>尾崎川合</t>
  </si>
  <si>
    <t>尾崎木戸口</t>
  </si>
  <si>
    <t>尾崎里見</t>
  </si>
  <si>
    <t>尾崎沢部</t>
  </si>
  <si>
    <t>尾崎平山</t>
  </si>
  <si>
    <t>尾崎安田</t>
  </si>
  <si>
    <t>0360222</t>
  </si>
  <si>
    <t>長田沼田</t>
  </si>
  <si>
    <t>長田野田</t>
  </si>
  <si>
    <t>長田村下</t>
  </si>
  <si>
    <t>長田元村</t>
  </si>
  <si>
    <t>0360212</t>
  </si>
  <si>
    <t>尾上栄松</t>
  </si>
  <si>
    <t>0360104</t>
  </si>
  <si>
    <t>柏木町東田</t>
  </si>
  <si>
    <t>柏木町広田</t>
  </si>
  <si>
    <t>柏木町藤山</t>
  </si>
  <si>
    <t>柏木町柳田</t>
  </si>
  <si>
    <t>0360202</t>
  </si>
  <si>
    <t>金屋上松元</t>
  </si>
  <si>
    <t>金屋上早稲田</t>
  </si>
  <si>
    <t>金屋下松元</t>
  </si>
  <si>
    <t>金屋下早稲田</t>
  </si>
  <si>
    <t>金屋中松元</t>
  </si>
  <si>
    <t>金屋中早稲田</t>
  </si>
  <si>
    <t>金屋西松元</t>
  </si>
  <si>
    <t>0360232</t>
  </si>
  <si>
    <t>蒲田一本松</t>
  </si>
  <si>
    <t>蒲田玉田</t>
  </si>
  <si>
    <t>蒲田豊田</t>
  </si>
  <si>
    <t>蒲田豊富</t>
  </si>
  <si>
    <t>蒲田三原</t>
  </si>
  <si>
    <t>蒲田元宮</t>
  </si>
  <si>
    <t>0360132</t>
  </si>
  <si>
    <t>唐竹芦毛沢</t>
  </si>
  <si>
    <t>唐竹阿蘇獄</t>
  </si>
  <si>
    <t>唐竹井沢</t>
  </si>
  <si>
    <t>唐竹苺原</t>
  </si>
  <si>
    <t>唐竹川原田</t>
  </si>
  <si>
    <t>唐竹小金森</t>
  </si>
  <si>
    <t>唐竹小松原</t>
  </si>
  <si>
    <t>唐竹高田</t>
  </si>
  <si>
    <t>唐竹平山</t>
  </si>
  <si>
    <t>唐竹堀合</t>
  </si>
  <si>
    <t>唐竹水上</t>
  </si>
  <si>
    <t>唐竹向川原田</t>
  </si>
  <si>
    <t>唐竹薬師沢</t>
  </si>
  <si>
    <t>0360173</t>
  </si>
  <si>
    <t>切明浅瀬石山</t>
  </si>
  <si>
    <t>切明上井戸</t>
  </si>
  <si>
    <t>切明誉田邸</t>
  </si>
  <si>
    <t>切明坂本</t>
  </si>
  <si>
    <t>切明滝の森</t>
  </si>
  <si>
    <t>切明滝候沢</t>
  </si>
  <si>
    <t>切明津根川森</t>
  </si>
  <si>
    <t>切明温川沢</t>
  </si>
  <si>
    <t>切明温川森</t>
  </si>
  <si>
    <t>切明螢沢</t>
  </si>
  <si>
    <t>切明山下</t>
  </si>
  <si>
    <t>0360172</t>
  </si>
  <si>
    <t>葛川浅瀬石山</t>
  </si>
  <si>
    <t>葛川一本木平</t>
  </si>
  <si>
    <t>葛川大川添</t>
  </si>
  <si>
    <t>葛川折戸</t>
  </si>
  <si>
    <t>葛川上の平</t>
  </si>
  <si>
    <t>葛川唐川平</t>
  </si>
  <si>
    <t>葛川葛川沢</t>
  </si>
  <si>
    <t>葛川葛川平</t>
  </si>
  <si>
    <t>葛川葛川出口</t>
  </si>
  <si>
    <t>葛川毛無森</t>
  </si>
  <si>
    <t>葛川砂子沢</t>
  </si>
  <si>
    <t>葛川田の沢口</t>
  </si>
  <si>
    <t>葛川長小股</t>
  </si>
  <si>
    <t>葛川平六沢上</t>
  </si>
  <si>
    <t>葛川平六村下</t>
  </si>
  <si>
    <t>葛川家岸</t>
  </si>
  <si>
    <t>0360102</t>
  </si>
  <si>
    <t>光城</t>
  </si>
  <si>
    <t>0360153</t>
  </si>
  <si>
    <t>小杉稲村</t>
  </si>
  <si>
    <t>小杉扇田</t>
  </si>
  <si>
    <t>小杉川崎</t>
  </si>
  <si>
    <t>小杉竹内</t>
  </si>
  <si>
    <t>小杉西田</t>
  </si>
  <si>
    <t>0360111</t>
  </si>
  <si>
    <t>小和森上田川</t>
  </si>
  <si>
    <t>小和森上平田</t>
  </si>
  <si>
    <t>小和森上松岡</t>
  </si>
  <si>
    <t>小和森下田川</t>
  </si>
  <si>
    <t>小和森下平田</t>
  </si>
  <si>
    <t>小和森下松岡</t>
  </si>
  <si>
    <t>小和森種取</t>
  </si>
  <si>
    <t>小和森中松岡</t>
  </si>
  <si>
    <t>小和森福田</t>
  </si>
  <si>
    <t>小和森松川</t>
  </si>
  <si>
    <t>小和森松村</t>
  </si>
  <si>
    <t>0360242</t>
  </si>
  <si>
    <t>猿賀浅井</t>
  </si>
  <si>
    <t>猿賀浅田</t>
  </si>
  <si>
    <t>猿賀池上</t>
  </si>
  <si>
    <t>猿賀池田</t>
  </si>
  <si>
    <t>猿賀石林</t>
  </si>
  <si>
    <t>猿賀上岡</t>
  </si>
  <si>
    <t>猿賀上川</t>
  </si>
  <si>
    <t>猿賀下岡</t>
  </si>
  <si>
    <t>猿賀下川</t>
  </si>
  <si>
    <t>猿賀下野</t>
  </si>
  <si>
    <t>猿賀遠林</t>
  </si>
  <si>
    <t>猿賀富岡</t>
  </si>
  <si>
    <t>猿賀平塚</t>
  </si>
  <si>
    <t>猿賀松枝</t>
  </si>
  <si>
    <t>猿賀南田</t>
  </si>
  <si>
    <t>猿賀南野</t>
  </si>
  <si>
    <t>猿賀明堂</t>
  </si>
  <si>
    <t>猿賀安岡</t>
  </si>
  <si>
    <t>猿賀安田</t>
  </si>
  <si>
    <t>0360161</t>
  </si>
  <si>
    <t>杉館滝元</t>
  </si>
  <si>
    <t>杉館松橋</t>
  </si>
  <si>
    <t>杉館宮元</t>
  </si>
  <si>
    <t>0360201</t>
  </si>
  <si>
    <t>李平上安原</t>
  </si>
  <si>
    <t>李平上山崎</t>
  </si>
  <si>
    <t>李平北豊田</t>
  </si>
  <si>
    <t>李平下安原</t>
  </si>
  <si>
    <t>李平西豊田</t>
  </si>
  <si>
    <t>李平西山崎</t>
  </si>
  <si>
    <t>李平西和田</t>
  </si>
  <si>
    <t>李平東豊田</t>
  </si>
  <si>
    <t>0200000</t>
  </si>
  <si>
    <t>岩手県</t>
  </si>
  <si>
    <t>盛岡市</t>
  </si>
  <si>
    <t>0200133</t>
  </si>
  <si>
    <t>0200801</t>
  </si>
  <si>
    <t>浅岸</t>
  </si>
  <si>
    <t>0200014</t>
  </si>
  <si>
    <t>愛宕下</t>
  </si>
  <si>
    <t>0200013</t>
  </si>
  <si>
    <t>0200126</t>
  </si>
  <si>
    <t>安倍館町</t>
  </si>
  <si>
    <t>0200852</t>
  </si>
  <si>
    <t>飯岡新田</t>
  </si>
  <si>
    <t>0200312</t>
  </si>
  <si>
    <t>砂子沢</t>
  </si>
  <si>
    <t>0200054</t>
  </si>
  <si>
    <t>猪去</t>
  </si>
  <si>
    <t>0200142</t>
  </si>
  <si>
    <t>0200012</t>
  </si>
  <si>
    <t>岩清水</t>
  </si>
  <si>
    <t>0200101</t>
  </si>
  <si>
    <t>岩脇町</t>
  </si>
  <si>
    <t>0200066</t>
  </si>
  <si>
    <t>上田（１～４丁目、北山）</t>
  </si>
  <si>
    <t>0200102</t>
  </si>
  <si>
    <t>上田（その他）</t>
  </si>
  <si>
    <t>0200113</t>
  </si>
  <si>
    <t>上田堤</t>
  </si>
  <si>
    <t>0200023</t>
  </si>
  <si>
    <t>0200404</t>
  </si>
  <si>
    <t>大ケ生</t>
  </si>
  <si>
    <t>0200025</t>
  </si>
  <si>
    <t>大沢川原</t>
  </si>
  <si>
    <t>0200147</t>
  </si>
  <si>
    <t>大館町</t>
  </si>
  <si>
    <t>0200022</t>
  </si>
  <si>
    <t>大通</t>
  </si>
  <si>
    <t>0200403</t>
  </si>
  <si>
    <t>乙部</t>
  </si>
  <si>
    <t>0200026</t>
  </si>
  <si>
    <t>開運橋通</t>
  </si>
  <si>
    <t>0200807</t>
  </si>
  <si>
    <t>加賀野</t>
  </si>
  <si>
    <t>0200823</t>
  </si>
  <si>
    <t>門</t>
  </si>
  <si>
    <t>0200854</t>
  </si>
  <si>
    <t>上飯岡</t>
  </si>
  <si>
    <t>0200053</t>
  </si>
  <si>
    <t>0200855</t>
  </si>
  <si>
    <t>上鹿妻</t>
  </si>
  <si>
    <t>0200143</t>
  </si>
  <si>
    <t>上厨川</t>
  </si>
  <si>
    <t>0200125</t>
  </si>
  <si>
    <t>上堂</t>
  </si>
  <si>
    <t>0200887</t>
  </si>
  <si>
    <t>上ノ橋町</t>
  </si>
  <si>
    <t>0200001</t>
  </si>
  <si>
    <t>上米内</t>
  </si>
  <si>
    <t>0200812</t>
  </si>
  <si>
    <t>川目</t>
  </si>
  <si>
    <t>0200811</t>
  </si>
  <si>
    <t>川目町</t>
  </si>
  <si>
    <t>0200136</t>
  </si>
  <si>
    <t>北天昌寺町</t>
  </si>
  <si>
    <t>0200105</t>
  </si>
  <si>
    <t>北松園</t>
  </si>
  <si>
    <t>0200061</t>
  </si>
  <si>
    <t>北山</t>
  </si>
  <si>
    <t>0200031</t>
  </si>
  <si>
    <t>北夕顔瀬町</t>
  </si>
  <si>
    <t>0200124</t>
  </si>
  <si>
    <t>厨川</t>
  </si>
  <si>
    <t>0200111</t>
  </si>
  <si>
    <t>黒石野</t>
  </si>
  <si>
    <t>0200402</t>
  </si>
  <si>
    <t>0200815</t>
  </si>
  <si>
    <t>小杉山</t>
  </si>
  <si>
    <t>0200104</t>
  </si>
  <si>
    <t>小鳥沢</t>
  </si>
  <si>
    <t>0200885</t>
  </si>
  <si>
    <t>0200024</t>
  </si>
  <si>
    <t>菜園</t>
  </si>
  <si>
    <t>0200063</t>
  </si>
  <si>
    <t>0200041</t>
  </si>
  <si>
    <t>境田町</t>
  </si>
  <si>
    <t>0200878</t>
  </si>
  <si>
    <t>肴町</t>
  </si>
  <si>
    <t>0200002</t>
  </si>
  <si>
    <t>0200821</t>
  </si>
  <si>
    <t>0200831</t>
  </si>
  <si>
    <t>三本柳</t>
  </si>
  <si>
    <t>0200883</t>
  </si>
  <si>
    <t>志家町</t>
  </si>
  <si>
    <t>0200875</t>
  </si>
  <si>
    <t>0200877</t>
  </si>
  <si>
    <t>下ノ橋町</t>
  </si>
  <si>
    <t>0200853</t>
  </si>
  <si>
    <t>下飯岡</t>
  </si>
  <si>
    <t>0200051</t>
  </si>
  <si>
    <t>0200856</t>
  </si>
  <si>
    <t>下鹿妻</t>
  </si>
  <si>
    <t>0200123</t>
  </si>
  <si>
    <t>下厨川</t>
  </si>
  <si>
    <t>0200003</t>
  </si>
  <si>
    <t>下米内</t>
  </si>
  <si>
    <t>0200044</t>
  </si>
  <si>
    <t>城西町</t>
  </si>
  <si>
    <t>0200803</t>
  </si>
  <si>
    <t>新庄</t>
  </si>
  <si>
    <t>0200806</t>
  </si>
  <si>
    <t>新庄町</t>
  </si>
  <si>
    <t>0200042</t>
  </si>
  <si>
    <t>0200884</t>
  </si>
  <si>
    <t>0200882</t>
  </si>
  <si>
    <t>0200127</t>
  </si>
  <si>
    <t>前九年</t>
  </si>
  <si>
    <t>0200861</t>
  </si>
  <si>
    <t>仙北</t>
  </si>
  <si>
    <t>0200865</t>
  </si>
  <si>
    <t>仙北町</t>
  </si>
  <si>
    <t>0200828</t>
  </si>
  <si>
    <t>大慈寺町</t>
  </si>
  <si>
    <t>0200135</t>
  </si>
  <si>
    <t>大新町</t>
  </si>
  <si>
    <t>0200825</t>
  </si>
  <si>
    <t>高崩</t>
  </si>
  <si>
    <t>0200114</t>
  </si>
  <si>
    <t>0200115</t>
  </si>
  <si>
    <t>館向町</t>
  </si>
  <si>
    <t>0284131</t>
  </si>
  <si>
    <t>玉山区芋田</t>
  </si>
  <si>
    <t>0200204</t>
  </si>
  <si>
    <t>玉山区上田</t>
  </si>
  <si>
    <t>0284135</t>
  </si>
  <si>
    <t>玉山区川崎</t>
  </si>
  <si>
    <t>0200203</t>
  </si>
  <si>
    <t>玉山区川又</t>
  </si>
  <si>
    <t>0284125</t>
  </si>
  <si>
    <t>玉山区好摩</t>
  </si>
  <si>
    <t>0284132</t>
  </si>
  <si>
    <t>玉山区渋民</t>
  </si>
  <si>
    <t>0284134</t>
  </si>
  <si>
    <t>玉山区下田</t>
  </si>
  <si>
    <t>0200202</t>
  </si>
  <si>
    <t>玉山区玉山</t>
  </si>
  <si>
    <t>0284122</t>
  </si>
  <si>
    <t>玉山区寺林</t>
  </si>
  <si>
    <t>0284121</t>
  </si>
  <si>
    <t>玉山区永井</t>
  </si>
  <si>
    <t>0284124</t>
  </si>
  <si>
    <t>玉山区馬場</t>
  </si>
  <si>
    <t>0200201</t>
  </si>
  <si>
    <t>玉山区日戸</t>
  </si>
  <si>
    <t>0284123</t>
  </si>
  <si>
    <t>玉山区巻堀</t>
  </si>
  <si>
    <t>0284136</t>
  </si>
  <si>
    <t>玉山区松内</t>
  </si>
  <si>
    <t>0284133</t>
  </si>
  <si>
    <t>玉山区門前寺</t>
  </si>
  <si>
    <t>0282711</t>
  </si>
  <si>
    <t>玉山区薮川</t>
  </si>
  <si>
    <t>0200822</t>
  </si>
  <si>
    <t>茶畑</t>
  </si>
  <si>
    <t>0200021</t>
  </si>
  <si>
    <t>中央通</t>
  </si>
  <si>
    <t>0200121</t>
  </si>
  <si>
    <t>月が丘</t>
  </si>
  <si>
    <t>0200835</t>
  </si>
  <si>
    <t>津志田</t>
  </si>
  <si>
    <t>0200838</t>
  </si>
  <si>
    <t>津志田中央</t>
  </si>
  <si>
    <t>0200836</t>
  </si>
  <si>
    <t>津志田西</t>
  </si>
  <si>
    <t>0200837</t>
  </si>
  <si>
    <t>津志田町</t>
  </si>
  <si>
    <t>0200839</t>
  </si>
  <si>
    <t>津志田南</t>
  </si>
  <si>
    <t>0200144</t>
  </si>
  <si>
    <t>土淵</t>
  </si>
  <si>
    <t>0200802</t>
  </si>
  <si>
    <t>0200055</t>
  </si>
  <si>
    <t>繋</t>
  </si>
  <si>
    <t>0200401</t>
  </si>
  <si>
    <t>手代森</t>
  </si>
  <si>
    <t>0200137</t>
  </si>
  <si>
    <t>天昌寺町</t>
  </si>
  <si>
    <t>0200881</t>
  </si>
  <si>
    <t>0200052</t>
  </si>
  <si>
    <t>中太田</t>
  </si>
  <si>
    <t>0200043</t>
  </si>
  <si>
    <t>中川町</t>
  </si>
  <si>
    <t>0200131</t>
  </si>
  <si>
    <t>中堤町</t>
  </si>
  <si>
    <t>0200816</t>
  </si>
  <si>
    <t>0200871</t>
  </si>
  <si>
    <t>中ノ橋通</t>
  </si>
  <si>
    <t>0200141</t>
  </si>
  <si>
    <t>中屋敷町</t>
  </si>
  <si>
    <t>0200834</t>
  </si>
  <si>
    <t>永井</t>
  </si>
  <si>
    <t>0200062</t>
  </si>
  <si>
    <t>長田町</t>
  </si>
  <si>
    <t>0200146</t>
  </si>
  <si>
    <t>長橋町</t>
  </si>
  <si>
    <t>0200064</t>
  </si>
  <si>
    <t>梨木町</t>
  </si>
  <si>
    <t>0200016</t>
  </si>
  <si>
    <t>名須川町</t>
  </si>
  <si>
    <t>0200827</t>
  </si>
  <si>
    <t>鉈屋町</t>
  </si>
  <si>
    <t>0200132</t>
  </si>
  <si>
    <t>西青山</t>
  </si>
  <si>
    <t>0200065</t>
  </si>
  <si>
    <t>西下台町</t>
  </si>
  <si>
    <t>0200864</t>
  </si>
  <si>
    <t>西仙北</t>
  </si>
  <si>
    <t>0200103</t>
  </si>
  <si>
    <t>西松園</t>
  </si>
  <si>
    <t>0200833</t>
  </si>
  <si>
    <t>西見前</t>
  </si>
  <si>
    <t>0200313</t>
  </si>
  <si>
    <t>根田茂</t>
  </si>
  <si>
    <t>0200116</t>
  </si>
  <si>
    <t>箱清水</t>
  </si>
  <si>
    <t>0200872</t>
  </si>
  <si>
    <t>0200841</t>
  </si>
  <si>
    <t>羽場</t>
  </si>
  <si>
    <t>0200876</t>
  </si>
  <si>
    <t>0200824</t>
  </si>
  <si>
    <t>東安庭</t>
  </si>
  <si>
    <t>0200108</t>
  </si>
  <si>
    <t>東黒石野</t>
  </si>
  <si>
    <t>0200804</t>
  </si>
  <si>
    <t>東桜山</t>
  </si>
  <si>
    <t>0200805</t>
  </si>
  <si>
    <t>東新庄</t>
  </si>
  <si>
    <t>0200862</t>
  </si>
  <si>
    <t>東仙北</t>
  </si>
  <si>
    <t>0200817</t>
  </si>
  <si>
    <t>0200814</t>
  </si>
  <si>
    <t>東中野町</t>
  </si>
  <si>
    <t>0200106</t>
  </si>
  <si>
    <t>東松園</t>
  </si>
  <si>
    <t>0200112</t>
  </si>
  <si>
    <t>東緑が丘</t>
  </si>
  <si>
    <t>0200832</t>
  </si>
  <si>
    <t>東見前</t>
  </si>
  <si>
    <t>0200813</t>
  </si>
  <si>
    <t>0200145</t>
  </si>
  <si>
    <t>平賀新田</t>
  </si>
  <si>
    <t>0200015</t>
  </si>
  <si>
    <t>0200148</t>
  </si>
  <si>
    <t>前潟</t>
  </si>
  <si>
    <t>0200873</t>
  </si>
  <si>
    <t>松尾町</t>
  </si>
  <si>
    <t>0200107</t>
  </si>
  <si>
    <t>松園</t>
  </si>
  <si>
    <t>0200826</t>
  </si>
  <si>
    <t>神子田町</t>
  </si>
  <si>
    <t>0200122</t>
  </si>
  <si>
    <t>みたけ</t>
  </si>
  <si>
    <t>0200011</t>
  </si>
  <si>
    <t>三ツ割</t>
  </si>
  <si>
    <t>0200117</t>
  </si>
  <si>
    <t>0200134</t>
  </si>
  <si>
    <t>南青山町</t>
  </si>
  <si>
    <t>0200874</t>
  </si>
  <si>
    <t>南大通</t>
  </si>
  <si>
    <t>0200863</t>
  </si>
  <si>
    <t>南仙北</t>
  </si>
  <si>
    <t>0200851</t>
  </si>
  <si>
    <t>向中野</t>
  </si>
  <si>
    <t>0200866</t>
  </si>
  <si>
    <t>本宮</t>
  </si>
  <si>
    <t>0200005</t>
  </si>
  <si>
    <t>紅葉が丘</t>
  </si>
  <si>
    <t>0200045</t>
  </si>
  <si>
    <t>盛岡駅西通</t>
  </si>
  <si>
    <t>0200033</t>
  </si>
  <si>
    <t>盛岡駅前北通</t>
  </si>
  <si>
    <t>0200034</t>
  </si>
  <si>
    <t>盛岡駅前通</t>
  </si>
  <si>
    <t>0200311</t>
  </si>
  <si>
    <t>簗川</t>
  </si>
  <si>
    <t>0200004</t>
  </si>
  <si>
    <t>山岸</t>
  </si>
  <si>
    <t>0200032</t>
  </si>
  <si>
    <t>夕顔瀬町</t>
  </si>
  <si>
    <t>0200842</t>
  </si>
  <si>
    <t>湯沢</t>
  </si>
  <si>
    <t>0200844</t>
  </si>
  <si>
    <t>湯沢東</t>
  </si>
  <si>
    <t>0200843</t>
  </si>
  <si>
    <t>湯沢西</t>
  </si>
  <si>
    <t>0200845</t>
  </si>
  <si>
    <t>湯沢南</t>
  </si>
  <si>
    <t>0200846</t>
  </si>
  <si>
    <t>流通センター北</t>
  </si>
  <si>
    <t>0200886</t>
  </si>
  <si>
    <t>若園町</t>
  </si>
  <si>
    <t>0270000</t>
  </si>
  <si>
    <t>宮古市</t>
  </si>
  <si>
    <t>0270202</t>
  </si>
  <si>
    <t>赤前</t>
  </si>
  <si>
    <t>0270092</t>
  </si>
  <si>
    <t>0270086</t>
  </si>
  <si>
    <t>0270062</t>
  </si>
  <si>
    <t>0270048</t>
  </si>
  <si>
    <t>板屋</t>
  </si>
  <si>
    <t>0270054</t>
  </si>
  <si>
    <t>0270083</t>
  </si>
  <si>
    <t>0270112</t>
  </si>
  <si>
    <t>音部</t>
  </si>
  <si>
    <t>0270111</t>
  </si>
  <si>
    <t>重茂</t>
  </si>
  <si>
    <t>0270033</t>
  </si>
  <si>
    <t>0270039</t>
  </si>
  <si>
    <t>河南</t>
  </si>
  <si>
    <t>東池袋サンシャイン６０（２２階）</t>
  </si>
  <si>
    <t>東池袋サンシャイン６０（２３階）</t>
  </si>
  <si>
    <t>東池袋サンシャイン６０（２４階）</t>
  </si>
  <si>
    <t>東池袋サンシャイン６０（２５階）</t>
  </si>
  <si>
    <t>東池袋サンシャイン６０（２６階）</t>
  </si>
  <si>
    <t>東池袋サンシャイン６０（２７階）</t>
  </si>
  <si>
    <t>東池袋サンシャイン６０（２８階）</t>
  </si>
  <si>
    <t>東池袋サンシャイン６０（２９階）</t>
  </si>
  <si>
    <t>東池袋サンシャイン６０（３０階）</t>
  </si>
  <si>
    <t>東池袋サンシャイン６０（３１階）</t>
  </si>
  <si>
    <t>東池袋サンシャイン６０（３２階）</t>
  </si>
  <si>
    <t>東池袋サンシャイン６０（３３階）</t>
  </si>
  <si>
    <t>東池袋サンシャイン６０（３４階）</t>
  </si>
  <si>
    <t>東池袋サンシャイン６０（３５階）</t>
  </si>
  <si>
    <t>東池袋サンシャイン６０（３６階）</t>
  </si>
  <si>
    <t>東池袋サンシャイン６０（３７階）</t>
  </si>
  <si>
    <t>東池袋サンシャイン６０（３８階）</t>
  </si>
  <si>
    <t>東池袋サンシャイン６０（３９階）</t>
  </si>
  <si>
    <t>東池袋サンシャイン６０（４０階）</t>
  </si>
  <si>
    <t>東池袋サンシャイン６０（４１階）</t>
  </si>
  <si>
    <t>東池袋サンシャイン６０（４２階）</t>
  </si>
  <si>
    <t>東池袋サンシャイン６０（４３階）</t>
  </si>
  <si>
    <t>東池袋サンシャイン６０（４４階）</t>
  </si>
  <si>
    <t>東池袋サンシャイン６０（４５階）</t>
  </si>
  <si>
    <t>東池袋サンシャイン６０（４６階）</t>
  </si>
  <si>
    <t>東池袋サンシャイン６０（４７階）</t>
  </si>
  <si>
    <t>東池袋サンシャイン６０（４８階）</t>
  </si>
  <si>
    <t>東池袋サンシャイン６０（４９階）</t>
  </si>
  <si>
    <t>東池袋サンシャイン６０（５０階）</t>
  </si>
  <si>
    <t>東池袋サンシャイン６０（５１階）</t>
  </si>
  <si>
    <t>東池袋サンシャイン６０（５２階）</t>
  </si>
  <si>
    <t>東池袋サンシャイン６０（５３階）</t>
  </si>
  <si>
    <t>東池袋サンシャイン６０（５４階）</t>
  </si>
  <si>
    <t>東池袋サンシャイン６０（５５階）</t>
  </si>
  <si>
    <t>東池袋サンシャイン６０（５６階）</t>
  </si>
  <si>
    <t>東池袋サンシャイン６０（５７階）</t>
  </si>
  <si>
    <t>東池袋サンシャイン６０（５８階）</t>
  </si>
  <si>
    <t>東池袋サンシャイン６０（５９階）</t>
  </si>
  <si>
    <t>東池袋サンシャイン６０（６０階）</t>
  </si>
  <si>
    <t>南池袋</t>
  </si>
  <si>
    <t>南長崎</t>
  </si>
  <si>
    <t>目白</t>
  </si>
  <si>
    <t>北区</t>
  </si>
  <si>
    <t>赤羽</t>
  </si>
  <si>
    <t>赤羽台</t>
  </si>
  <si>
    <t>赤羽西</t>
  </si>
  <si>
    <t>赤羽南</t>
  </si>
  <si>
    <t>赤羽北</t>
  </si>
  <si>
    <t>岩淵町</t>
  </si>
  <si>
    <t>浮間</t>
  </si>
  <si>
    <t>王子本町</t>
  </si>
  <si>
    <t>上十条</t>
  </si>
  <si>
    <t>上中里</t>
  </si>
  <si>
    <t>神谷</t>
  </si>
  <si>
    <t>桐ケ丘</t>
  </si>
  <si>
    <t>十条台</t>
  </si>
  <si>
    <t>十条仲原</t>
  </si>
  <si>
    <t>滝野川</t>
  </si>
  <si>
    <t>田端新町</t>
  </si>
  <si>
    <t>豊島</t>
  </si>
  <si>
    <t>中十条</t>
  </si>
  <si>
    <t>西が丘</t>
  </si>
  <si>
    <t>西ケ原</t>
  </si>
  <si>
    <t>東十条</t>
  </si>
  <si>
    <t>東田端</t>
  </si>
  <si>
    <t>堀船</t>
  </si>
  <si>
    <t>荒川区</t>
  </si>
  <si>
    <t>西尾久</t>
  </si>
  <si>
    <t>西日暮里</t>
  </si>
  <si>
    <t>東尾久</t>
  </si>
  <si>
    <t>東日暮里</t>
  </si>
  <si>
    <t>南千住</t>
  </si>
  <si>
    <t>板橋区</t>
  </si>
  <si>
    <t>赤塚</t>
  </si>
  <si>
    <t>赤塚新町</t>
  </si>
  <si>
    <t>小豆沢</t>
  </si>
  <si>
    <t>大原町</t>
  </si>
  <si>
    <t>大谷口上町</t>
  </si>
  <si>
    <t>大谷口北町</t>
  </si>
  <si>
    <t>大山金井町</t>
  </si>
  <si>
    <t>大山東町</t>
  </si>
  <si>
    <t>大山西町</t>
  </si>
  <si>
    <t>上板橋</t>
  </si>
  <si>
    <t>小茂根</t>
  </si>
  <si>
    <t>坂下</t>
  </si>
  <si>
    <t>志村</t>
  </si>
  <si>
    <t>新河岸</t>
  </si>
  <si>
    <t>高島平</t>
  </si>
  <si>
    <t>徳丸</t>
  </si>
  <si>
    <t>中板橋</t>
  </si>
  <si>
    <t>仲宿</t>
  </si>
  <si>
    <t>中丸町</t>
  </si>
  <si>
    <t>成増</t>
  </si>
  <si>
    <t>西台（１丁目）</t>
  </si>
  <si>
    <t>西台（２～４丁目）</t>
  </si>
  <si>
    <t>蓮沼町</t>
  </si>
  <si>
    <t>蓮根</t>
  </si>
  <si>
    <t>東坂下</t>
  </si>
  <si>
    <t>東山町</t>
  </si>
  <si>
    <t>舟渡</t>
  </si>
  <si>
    <t>前野町</t>
  </si>
  <si>
    <t>三園</t>
  </si>
  <si>
    <t>南常盤台</t>
  </si>
  <si>
    <t>四葉</t>
  </si>
  <si>
    <t>若木</t>
  </si>
  <si>
    <t>旭丘</t>
  </si>
  <si>
    <t>大泉学園町</t>
  </si>
  <si>
    <t>大泉町</t>
  </si>
  <si>
    <t>上石神井</t>
  </si>
  <si>
    <t>上石神井南町</t>
  </si>
  <si>
    <t>小竹町</t>
  </si>
  <si>
    <t>下石神井</t>
  </si>
  <si>
    <t>妻沼小島</t>
  </si>
  <si>
    <t>妻沼台</t>
  </si>
  <si>
    <t>妻沼中央</t>
  </si>
  <si>
    <t>妻沼西</t>
  </si>
  <si>
    <t>妻沼東</t>
  </si>
  <si>
    <t>楊井</t>
  </si>
  <si>
    <t>八木田</t>
  </si>
  <si>
    <t>八ツ口</t>
  </si>
  <si>
    <t>弥藤吾</t>
  </si>
  <si>
    <t>赤井</t>
  </si>
  <si>
    <t>赤芝新田</t>
  </si>
  <si>
    <t>赤山</t>
  </si>
  <si>
    <t>新井宿</t>
  </si>
  <si>
    <t>安行</t>
  </si>
  <si>
    <t>安行北谷</t>
  </si>
  <si>
    <t>安行吉蔵</t>
  </si>
  <si>
    <t>安行小山</t>
  </si>
  <si>
    <t>安行慈林</t>
  </si>
  <si>
    <t>安行藤八</t>
  </si>
  <si>
    <t>安行西立野</t>
  </si>
  <si>
    <t>安行原</t>
  </si>
  <si>
    <t>安行吉岡</t>
  </si>
  <si>
    <t>安行領家</t>
  </si>
  <si>
    <t>安行出羽</t>
  </si>
  <si>
    <t>安行領在家</t>
  </si>
  <si>
    <t>安行領根岸</t>
  </si>
  <si>
    <t>飯原町</t>
  </si>
  <si>
    <t>伊刈</t>
  </si>
  <si>
    <t>江戸</t>
  </si>
  <si>
    <t>江戸袋</t>
  </si>
  <si>
    <t>上青木</t>
  </si>
  <si>
    <t>上青木西</t>
  </si>
  <si>
    <t>木曽呂</t>
  </si>
  <si>
    <t>北園町</t>
  </si>
  <si>
    <t>北原台</t>
  </si>
  <si>
    <t>久左衛門新田</t>
  </si>
  <si>
    <t>行衛</t>
  </si>
  <si>
    <t>源左衛門新田</t>
  </si>
  <si>
    <t>小谷場</t>
  </si>
  <si>
    <t>在家町</t>
  </si>
  <si>
    <t>差間</t>
  </si>
  <si>
    <t>芝下</t>
  </si>
  <si>
    <t>芝新町</t>
  </si>
  <si>
    <t>芝園町</t>
  </si>
  <si>
    <t>芝高木</t>
  </si>
  <si>
    <t>芝塚原</t>
  </si>
  <si>
    <t>芝中田</t>
  </si>
  <si>
    <t>芝西</t>
  </si>
  <si>
    <t>芝東町</t>
  </si>
  <si>
    <t>芝樋ノ爪</t>
  </si>
  <si>
    <t>芝富士</t>
  </si>
  <si>
    <t>芝宮根町</t>
  </si>
  <si>
    <t>長蔵</t>
  </si>
  <si>
    <t>長蔵新田</t>
  </si>
  <si>
    <t>藤兵衛新田</t>
  </si>
  <si>
    <t>戸塚</t>
  </si>
  <si>
    <t>戸塚境町</t>
  </si>
  <si>
    <t>戸塚鋏町</t>
  </si>
  <si>
    <t>戸塚東</t>
  </si>
  <si>
    <t>中青木</t>
  </si>
  <si>
    <t>並木元町</t>
  </si>
  <si>
    <t>新堀町</t>
  </si>
  <si>
    <t>西青木</t>
  </si>
  <si>
    <t>西新井宿</t>
  </si>
  <si>
    <t>西川口</t>
  </si>
  <si>
    <t>西立野</t>
  </si>
  <si>
    <t>榛松</t>
  </si>
  <si>
    <t>丸の内丸の内パークビルディング（１８階）</t>
  </si>
  <si>
    <t>丸の内丸の内パークビルディング（１９階）</t>
  </si>
  <si>
    <t>丸の内丸の内パークビルディング（２０階）</t>
  </si>
  <si>
    <t>丸の内丸の内パークビルディング（２１階）</t>
  </si>
  <si>
    <t>丸の内丸の内パークビルディング（２２階）</t>
  </si>
  <si>
    <t>丸の内丸の内パークビルディング（２３階）</t>
  </si>
  <si>
    <t>丸の内丸の内パークビルディング（２４階）</t>
  </si>
  <si>
    <t>丸の内丸の内パークビルディング（２５階）</t>
  </si>
  <si>
    <t>丸の内丸の内パークビルディング（２６階）</t>
  </si>
  <si>
    <t>丸の内丸の内パークビルディング（２７階）</t>
  </si>
  <si>
    <t>丸の内丸の内パークビルディング（２８階）</t>
  </si>
  <si>
    <t>丸の内丸の内パークビルディング（２９階）</t>
  </si>
  <si>
    <t>丸の内丸の内パークビルディング（３０階）</t>
  </si>
  <si>
    <t>丸の内丸の内パークビルディング（３１階）</t>
  </si>
  <si>
    <t>丸の内丸の内パークビルディング（３２階）</t>
  </si>
  <si>
    <t>丸の内丸の内パークビルディング（３３階）</t>
  </si>
  <si>
    <t>丸の内丸の内パークビルディング（３４階）</t>
  </si>
  <si>
    <t>丸の内丸の内ビルディング（地階・階層不明）</t>
  </si>
  <si>
    <t>丸の内丸の内ビルディング（１階）</t>
  </si>
  <si>
    <t>丸の内丸の内ビルディング（２階）</t>
  </si>
  <si>
    <t>丸の内丸の内ビルディング（３階）</t>
  </si>
  <si>
    <t>丸の内丸の内ビルディング（４階）</t>
  </si>
  <si>
    <t>丸の内丸の内ビルディング（５階）</t>
  </si>
  <si>
    <t>丸の内丸の内ビルディング（６階）</t>
  </si>
  <si>
    <t>丸の内丸の内ビルディング（７階）</t>
  </si>
  <si>
    <t>丸の内丸の内ビルディング（８階）</t>
  </si>
  <si>
    <t>丸の内丸の内ビルディング（９階）</t>
  </si>
  <si>
    <t>丸の内丸の内ビルディング（１０階）</t>
  </si>
  <si>
    <t>丸の内丸の内ビルディング（１１階）</t>
  </si>
  <si>
    <t>丸の内丸の内ビルディング（１２階）</t>
  </si>
  <si>
    <t>丸の内丸の内ビルディング（１３階）</t>
  </si>
  <si>
    <t>丸の内丸の内ビルディング（１４階）</t>
  </si>
  <si>
    <t>丸の内丸の内ビルディング（１５階）</t>
  </si>
  <si>
    <t>丸の内丸の内ビルディング（１６階）</t>
  </si>
  <si>
    <t>丸の内丸の内ビルディング（１７階）</t>
  </si>
  <si>
    <t>東内野</t>
  </si>
  <si>
    <t>東貝塚</t>
  </si>
  <si>
    <t>東川口</t>
  </si>
  <si>
    <t>東領家</t>
  </si>
  <si>
    <t>舟戸町</t>
  </si>
  <si>
    <t>本蓮</t>
  </si>
  <si>
    <t>前上町</t>
  </si>
  <si>
    <t>前川町</t>
  </si>
  <si>
    <t>前野宿</t>
  </si>
  <si>
    <t>丸の内丸の内ビルディング（１８階）</t>
  </si>
  <si>
    <t>丸の内丸の内ビルディング（１９階）</t>
  </si>
  <si>
    <t>丸の内丸の内ビルディング（２０階）</t>
  </si>
  <si>
    <t>丸の内丸の内ビルディング（２１階）</t>
  </si>
  <si>
    <t>丸の内丸の内ビルディング（２２階）</t>
  </si>
  <si>
    <t>丸の内丸の内ビルディング（２３階）</t>
  </si>
  <si>
    <t>丸の内丸の内ビルディング（２４階）</t>
  </si>
  <si>
    <t>丸の内丸の内ビルディング（２５階）</t>
  </si>
  <si>
    <t>李平東和田</t>
  </si>
  <si>
    <t>李平南豊田</t>
  </si>
  <si>
    <t>0360101</t>
  </si>
  <si>
    <t>大光寺一滝本</t>
  </si>
  <si>
    <t>大光寺一村井</t>
  </si>
  <si>
    <t>大光寺一早稲田</t>
  </si>
  <si>
    <t>大光寺稲田</t>
  </si>
  <si>
    <t>大光寺稲村</t>
  </si>
  <si>
    <t>大光寺川原田</t>
  </si>
  <si>
    <t>大光寺三滝本</t>
  </si>
  <si>
    <t>大光寺三村井</t>
  </si>
  <si>
    <t>大光寺三早稲田</t>
  </si>
  <si>
    <t>大光寺釈迦口</t>
  </si>
  <si>
    <t>大光寺白山</t>
  </si>
  <si>
    <t>大光寺種元</t>
  </si>
  <si>
    <t>大光寺西稲村</t>
  </si>
  <si>
    <t>大光寺二滝本</t>
  </si>
  <si>
    <t>大光寺二村井</t>
  </si>
  <si>
    <t>大光寺二早稲田</t>
  </si>
  <si>
    <t>大光寺四滝本</t>
  </si>
  <si>
    <t>0360146</t>
  </si>
  <si>
    <t>大坊竹内</t>
  </si>
  <si>
    <t>大坊竹原</t>
  </si>
  <si>
    <t>大坊福田</t>
  </si>
  <si>
    <t>大坊前田</t>
  </si>
  <si>
    <t>0360211</t>
  </si>
  <si>
    <t>高木岡崎</t>
  </si>
  <si>
    <t>高木岡田</t>
  </si>
  <si>
    <t>高木岡部</t>
  </si>
  <si>
    <t>高木豊岡</t>
  </si>
  <si>
    <t>高木豊田</t>
  </si>
  <si>
    <t>高木原田</t>
  </si>
  <si>
    <t>高木原富</t>
  </si>
  <si>
    <t>高木松元</t>
  </si>
  <si>
    <t>0360142</t>
  </si>
  <si>
    <t>高畑熊沢</t>
  </si>
  <si>
    <t>高畑高田</t>
  </si>
  <si>
    <t>高畑前田</t>
  </si>
  <si>
    <t>0360155</t>
  </si>
  <si>
    <t>館田稲村</t>
  </si>
  <si>
    <t>館田中前田</t>
  </si>
  <si>
    <t>館田西川原田</t>
  </si>
  <si>
    <t>館田西和田</t>
  </si>
  <si>
    <t>館田東稲村</t>
  </si>
  <si>
    <t>館田東前田</t>
  </si>
  <si>
    <t>館田東和田</t>
  </si>
  <si>
    <t>館田前田</t>
  </si>
  <si>
    <t>館田南川原田</t>
  </si>
  <si>
    <t>館田元川原田</t>
  </si>
  <si>
    <t>館田柳原</t>
  </si>
  <si>
    <t>0360162</t>
  </si>
  <si>
    <t>館山板橋</t>
  </si>
  <si>
    <t>館山上扇田</t>
  </si>
  <si>
    <t>館山上亀岡</t>
  </si>
  <si>
    <t>館山川合</t>
  </si>
  <si>
    <t>館山下扇田</t>
  </si>
  <si>
    <t>館山下亀岡</t>
  </si>
  <si>
    <t>館山前田</t>
  </si>
  <si>
    <t>0360221</t>
  </si>
  <si>
    <t>中佐渡石田</t>
  </si>
  <si>
    <t>中佐渡鎌田</t>
  </si>
  <si>
    <t>中佐渡前田</t>
  </si>
  <si>
    <t>中佐渡南田</t>
  </si>
  <si>
    <t>中佐渡村元</t>
  </si>
  <si>
    <t>0360163</t>
  </si>
  <si>
    <t>苗生松一本柳</t>
  </si>
  <si>
    <t>苗生松上東田</t>
  </si>
  <si>
    <t>苗生松川崎</t>
  </si>
  <si>
    <t>苗生松川原田</t>
  </si>
  <si>
    <t>苗生松下東田</t>
  </si>
  <si>
    <t>苗生松元東田</t>
  </si>
  <si>
    <t>0360115</t>
  </si>
  <si>
    <t>新館後野</t>
  </si>
  <si>
    <t>新館柏崎</t>
  </si>
  <si>
    <t>新館駒泊</t>
  </si>
  <si>
    <t>新館島村</t>
  </si>
  <si>
    <t>新館野木和</t>
  </si>
  <si>
    <t>新館東山</t>
  </si>
  <si>
    <t>新館藤巻</t>
  </si>
  <si>
    <t>新館藤山</t>
  </si>
  <si>
    <t>0360223</t>
  </si>
  <si>
    <t>西野曽江川崎</t>
  </si>
  <si>
    <t>西野曽江橋元</t>
  </si>
  <si>
    <t>西野曽江広田</t>
  </si>
  <si>
    <t>0360231</t>
  </si>
  <si>
    <t>新山岡部</t>
  </si>
  <si>
    <t>新山松橋</t>
  </si>
  <si>
    <t>新山村元</t>
  </si>
  <si>
    <t>新山柳田</t>
  </si>
  <si>
    <t>新山早稲田</t>
  </si>
  <si>
    <t>0360243</t>
  </si>
  <si>
    <t>原大野</t>
  </si>
  <si>
    <t>原上原</t>
  </si>
  <si>
    <t>原北原</t>
  </si>
  <si>
    <t>0360144</t>
  </si>
  <si>
    <t>原田稲元</t>
  </si>
  <si>
    <t>原田今井</t>
  </si>
  <si>
    <t>原田沢田</t>
  </si>
  <si>
    <t>原田村元</t>
  </si>
  <si>
    <t>0360233</t>
  </si>
  <si>
    <t>日沼一本柳</t>
  </si>
  <si>
    <t>日沼河原田</t>
  </si>
  <si>
    <t>日沼下川原</t>
  </si>
  <si>
    <t>日沼下袋</t>
  </si>
  <si>
    <t>日沼李田</t>
  </si>
  <si>
    <t>日沼高田</t>
  </si>
  <si>
    <t>日沼塚越</t>
  </si>
  <si>
    <t>日沼樋田</t>
  </si>
  <si>
    <t>日沼富田</t>
  </si>
  <si>
    <t>日沼富岳</t>
  </si>
  <si>
    <t>0360113</t>
  </si>
  <si>
    <t>平田森稲村</t>
  </si>
  <si>
    <t>平田森上宮本</t>
  </si>
  <si>
    <t>平田森下宮本</t>
  </si>
  <si>
    <t>平田森前田</t>
  </si>
  <si>
    <t>平田森若松</t>
  </si>
  <si>
    <t>0360131</t>
  </si>
  <si>
    <t>広船広沢</t>
  </si>
  <si>
    <t>広船福田</t>
  </si>
  <si>
    <t>広船山下</t>
  </si>
  <si>
    <t>0360143</t>
  </si>
  <si>
    <t>吹上高田</t>
  </si>
  <si>
    <t>吹上平岡</t>
  </si>
  <si>
    <t>吹上安田</t>
  </si>
  <si>
    <t>0360114</t>
  </si>
  <si>
    <t>町居稲村</t>
  </si>
  <si>
    <t>町居稲元</t>
  </si>
  <si>
    <t>町居西田</t>
  </si>
  <si>
    <t>町居南田</t>
  </si>
  <si>
    <t>町居山下</t>
  </si>
  <si>
    <t>町居山元</t>
  </si>
  <si>
    <t>町居横山</t>
  </si>
  <si>
    <t>0360164</t>
  </si>
  <si>
    <t>松崎亀井</t>
  </si>
  <si>
    <t>松崎西田</t>
  </si>
  <si>
    <t>0360165</t>
  </si>
  <si>
    <t>松館浅井</t>
  </si>
  <si>
    <t>松館井ノ上</t>
  </si>
  <si>
    <t>松館西稲村</t>
  </si>
  <si>
    <t>松館西川原田</t>
  </si>
  <si>
    <t>松館東稲村</t>
  </si>
  <si>
    <t>松館東川原田</t>
  </si>
  <si>
    <t>松館松元</t>
  </si>
  <si>
    <t>0360203</t>
  </si>
  <si>
    <t>南田中北林元</t>
  </si>
  <si>
    <t>南田中北原</t>
  </si>
  <si>
    <t>南田中北細田</t>
  </si>
  <si>
    <t>南田中北村井</t>
  </si>
  <si>
    <t>南田中中村井</t>
  </si>
  <si>
    <t>南田中西林元</t>
  </si>
  <si>
    <t>南田中西原</t>
  </si>
  <si>
    <t>南田中東林元</t>
  </si>
  <si>
    <t>南田中南林元</t>
  </si>
  <si>
    <t>南田中村内</t>
  </si>
  <si>
    <t>0360103</t>
  </si>
  <si>
    <t>本町北柳田</t>
  </si>
  <si>
    <t>本町富岡</t>
  </si>
  <si>
    <t>本町西宮</t>
  </si>
  <si>
    <t>本町平野</t>
  </si>
  <si>
    <t>本町南柳田</t>
  </si>
  <si>
    <t>本町村元</t>
  </si>
  <si>
    <t>0360241</t>
  </si>
  <si>
    <t>八幡崎高野</t>
  </si>
  <si>
    <t>八幡崎高原</t>
  </si>
  <si>
    <t>八幡崎本林</t>
  </si>
  <si>
    <t>八幡崎松枝</t>
  </si>
  <si>
    <t>八幡崎松橋</t>
  </si>
  <si>
    <t>八幡崎宮田</t>
  </si>
  <si>
    <t>八幡崎宮本</t>
  </si>
  <si>
    <t>八幡崎本宮</t>
  </si>
  <si>
    <t>0360154</t>
  </si>
  <si>
    <t>四ツ屋亀田</t>
  </si>
  <si>
    <t>0393300</t>
  </si>
  <si>
    <t>東津軽郡平内町</t>
  </si>
  <si>
    <t>0393312</t>
  </si>
  <si>
    <t>浅所</t>
  </si>
  <si>
    <t>0393364</t>
  </si>
  <si>
    <t>0393382</t>
  </si>
  <si>
    <t>稲生</t>
  </si>
  <si>
    <t>0393352</t>
  </si>
  <si>
    <t>内童子</t>
  </si>
  <si>
    <t>0393343</t>
  </si>
  <si>
    <t>狩場沢</t>
  </si>
  <si>
    <t>0393342</t>
  </si>
  <si>
    <t>口広</t>
  </si>
  <si>
    <t>0393321</t>
  </si>
  <si>
    <t>0393332</t>
  </si>
  <si>
    <t>清水川</t>
  </si>
  <si>
    <t>0393302</t>
  </si>
  <si>
    <t>白砂</t>
  </si>
  <si>
    <t>0393351</t>
  </si>
  <si>
    <t>外童子</t>
  </si>
  <si>
    <t>0393353</t>
  </si>
  <si>
    <t>田茂木</t>
  </si>
  <si>
    <t>0393372</t>
  </si>
  <si>
    <t>0393371</t>
  </si>
  <si>
    <t>0393373</t>
  </si>
  <si>
    <t>0393313</t>
  </si>
  <si>
    <t>0393331</t>
  </si>
  <si>
    <t>0393303</t>
  </si>
  <si>
    <t>東滝</t>
  </si>
  <si>
    <t>0393301</t>
  </si>
  <si>
    <t>東田沢</t>
  </si>
  <si>
    <t>0393315</t>
  </si>
  <si>
    <t>0393311</t>
  </si>
  <si>
    <t>福館</t>
  </si>
  <si>
    <t>0393361</t>
  </si>
  <si>
    <t>0393362</t>
  </si>
  <si>
    <t>0393333</t>
  </si>
  <si>
    <t>0393381</t>
  </si>
  <si>
    <t>茂浦</t>
  </si>
  <si>
    <t>0393314</t>
  </si>
  <si>
    <t>盛田</t>
  </si>
  <si>
    <t>0393341</t>
  </si>
  <si>
    <t>薬師野</t>
  </si>
  <si>
    <t>0393363</t>
  </si>
  <si>
    <t>0301500</t>
  </si>
  <si>
    <t>東津軽郡今別町</t>
  </si>
  <si>
    <t>0301502</t>
  </si>
  <si>
    <t>今別</t>
  </si>
  <si>
    <t>0301505</t>
  </si>
  <si>
    <t>大川平</t>
  </si>
  <si>
    <t>0301512</t>
  </si>
  <si>
    <t>0301515</t>
  </si>
  <si>
    <t>奥平部</t>
  </si>
  <si>
    <t>0301514</t>
  </si>
  <si>
    <t>砂ケ森</t>
  </si>
  <si>
    <t>0301504</t>
  </si>
  <si>
    <t>鍋田</t>
  </si>
  <si>
    <t>0301501</t>
  </si>
  <si>
    <t>浜名</t>
  </si>
  <si>
    <t>0301513</t>
  </si>
  <si>
    <t>袰月</t>
  </si>
  <si>
    <t>0301503</t>
  </si>
  <si>
    <t>村元</t>
  </si>
  <si>
    <t>0301511</t>
  </si>
  <si>
    <t>0301200</t>
  </si>
  <si>
    <t>東津軽郡蓬田村</t>
  </si>
  <si>
    <t>0301212</t>
  </si>
  <si>
    <t>阿弥陀川</t>
  </si>
  <si>
    <t>0301203</t>
  </si>
  <si>
    <t>郷沢</t>
  </si>
  <si>
    <t>0301202</t>
  </si>
  <si>
    <t>瀬辺地</t>
  </si>
  <si>
    <t>0301214</t>
  </si>
  <si>
    <t>0301213</t>
  </si>
  <si>
    <t>長科</t>
  </si>
  <si>
    <t>0301201</t>
  </si>
  <si>
    <t>0301211</t>
  </si>
  <si>
    <t>蓬田</t>
  </si>
  <si>
    <t>0301400</t>
  </si>
  <si>
    <t>東津軽郡外ヶ浜町</t>
  </si>
  <si>
    <t>0301309</t>
  </si>
  <si>
    <t>上蟹田</t>
  </si>
  <si>
    <t>0301303</t>
  </si>
  <si>
    <t>0301301</t>
  </si>
  <si>
    <t>蟹田石浜</t>
  </si>
  <si>
    <t>0301307</t>
  </si>
  <si>
    <t>蟹田大平</t>
  </si>
  <si>
    <t>0301305</t>
  </si>
  <si>
    <t>蟹田小国</t>
  </si>
  <si>
    <t>0301311</t>
  </si>
  <si>
    <t>蟹田塩越</t>
  </si>
  <si>
    <t>0301302</t>
  </si>
  <si>
    <t>蟹田中師</t>
  </si>
  <si>
    <t>0301304</t>
  </si>
  <si>
    <t>蟹田南沢</t>
  </si>
  <si>
    <t>0301306</t>
  </si>
  <si>
    <t>蟹田山本</t>
  </si>
  <si>
    <t>0301308</t>
  </si>
  <si>
    <t>下蟹田</t>
  </si>
  <si>
    <t>0301402</t>
  </si>
  <si>
    <t>平舘</t>
  </si>
  <si>
    <t>0301405</t>
  </si>
  <si>
    <t>平舘石崎沢</t>
  </si>
  <si>
    <t>0301416</t>
  </si>
  <si>
    <t>平舘磯山</t>
  </si>
  <si>
    <t>0301413</t>
  </si>
  <si>
    <t>平舘今津</t>
  </si>
  <si>
    <t>0301411</t>
  </si>
  <si>
    <t>平舘根岸</t>
  </si>
  <si>
    <t>0301412</t>
  </si>
  <si>
    <t>平舘野田</t>
  </si>
  <si>
    <t>0301415</t>
  </si>
  <si>
    <t>平舘舟岡</t>
  </si>
  <si>
    <t>0301403</t>
  </si>
  <si>
    <t>平舘元宇田</t>
  </si>
  <si>
    <t>0301404</t>
  </si>
  <si>
    <t>平舘弥蔵釜</t>
  </si>
  <si>
    <t>0301732</t>
  </si>
  <si>
    <t>三厩家ノ上</t>
  </si>
  <si>
    <t>0301724</t>
  </si>
  <si>
    <t>三厩釜野澤</t>
  </si>
  <si>
    <t>0301722</t>
  </si>
  <si>
    <t>三厩上宇鉄</t>
  </si>
  <si>
    <t>0301717</t>
  </si>
  <si>
    <t>三厩川柱</t>
  </si>
  <si>
    <t>0301712</t>
  </si>
  <si>
    <t>三厩木落</t>
  </si>
  <si>
    <t>0301711</t>
  </si>
  <si>
    <t>三厩源兵衛間</t>
  </si>
  <si>
    <t>0301727</t>
  </si>
  <si>
    <t>三厩算用師</t>
  </si>
  <si>
    <t>0301720</t>
  </si>
  <si>
    <t>三厩四枚橋</t>
  </si>
  <si>
    <t>0301729</t>
  </si>
  <si>
    <t>三厩下平</t>
  </si>
  <si>
    <t>0301716</t>
  </si>
  <si>
    <t>三厩尻神</t>
  </si>
  <si>
    <t>0301733</t>
  </si>
  <si>
    <t>三厩新町</t>
  </si>
  <si>
    <t>三厩龍浜</t>
  </si>
  <si>
    <t>0301728</t>
  </si>
  <si>
    <t>三厩中浜</t>
  </si>
  <si>
    <t>0301718</t>
  </si>
  <si>
    <t>三厩梨ノ木間</t>
  </si>
  <si>
    <t>0301715</t>
  </si>
  <si>
    <t>三厩鳴神</t>
  </si>
  <si>
    <t>0301737</t>
  </si>
  <si>
    <t>三厩東町</t>
  </si>
  <si>
    <t>0301714</t>
  </si>
  <si>
    <t>三厩梹榔</t>
  </si>
  <si>
    <t>0301725</t>
  </si>
  <si>
    <t>三厩藤嶋</t>
  </si>
  <si>
    <t>0301731</t>
  </si>
  <si>
    <t>三厩本町</t>
  </si>
  <si>
    <t>0301721</t>
  </si>
  <si>
    <t>三厩鐇泊</t>
  </si>
  <si>
    <t>0301734</t>
  </si>
  <si>
    <t>三厩増川</t>
  </si>
  <si>
    <t>0301735</t>
  </si>
  <si>
    <t>三厩緑ケ丘</t>
  </si>
  <si>
    <t>0301723</t>
  </si>
  <si>
    <t>三厩元宇鉄</t>
  </si>
  <si>
    <t>0301736</t>
  </si>
  <si>
    <t>三厩桃ケ丘</t>
  </si>
  <si>
    <t>0301713</t>
  </si>
  <si>
    <t>三厩鎧嶋</t>
  </si>
  <si>
    <t>0301726</t>
  </si>
  <si>
    <t>三厩六條間</t>
  </si>
  <si>
    <t>0382700</t>
  </si>
  <si>
    <t>西津軽郡鰺ヶ沢町</t>
  </si>
  <si>
    <t>0382731</t>
  </si>
  <si>
    <t>赤石町</t>
  </si>
  <si>
    <t>0382714</t>
  </si>
  <si>
    <t>芦萢町</t>
  </si>
  <si>
    <t>0382742</t>
  </si>
  <si>
    <t>0382735</t>
  </si>
  <si>
    <t>姥袋町</t>
  </si>
  <si>
    <t>0382724</t>
  </si>
  <si>
    <t>鬼袋町</t>
  </si>
  <si>
    <t>0382701</t>
  </si>
  <si>
    <t>北浮田町</t>
  </si>
  <si>
    <t>0382754</t>
  </si>
  <si>
    <t>米町</t>
  </si>
  <si>
    <t>0382722</t>
  </si>
  <si>
    <t>小森町</t>
  </si>
  <si>
    <t>0382703</t>
  </si>
  <si>
    <t>小屋敷町</t>
  </si>
  <si>
    <t>0382745</t>
  </si>
  <si>
    <t>0382702</t>
  </si>
  <si>
    <t>建石町</t>
  </si>
  <si>
    <t>0382733</t>
  </si>
  <si>
    <t>館前町</t>
  </si>
  <si>
    <t>0382751</t>
  </si>
  <si>
    <t>0382725</t>
  </si>
  <si>
    <t>種里町</t>
  </si>
  <si>
    <t>0382743</t>
  </si>
  <si>
    <t>釣町</t>
  </si>
  <si>
    <t>0382711</t>
  </si>
  <si>
    <t>0382712</t>
  </si>
  <si>
    <t>長平町</t>
  </si>
  <si>
    <t>0382752</t>
  </si>
  <si>
    <t>七ツ石町</t>
  </si>
  <si>
    <t>0382741</t>
  </si>
  <si>
    <t>0382715</t>
  </si>
  <si>
    <t>浜横沢町</t>
  </si>
  <si>
    <t>0382732</t>
  </si>
  <si>
    <t>日照田町</t>
  </si>
  <si>
    <t>0382723</t>
  </si>
  <si>
    <t>一ツ森町</t>
  </si>
  <si>
    <t>0382721</t>
  </si>
  <si>
    <t>0382746</t>
  </si>
  <si>
    <t>富根町</t>
  </si>
  <si>
    <t>0382753</t>
  </si>
  <si>
    <t>0382761</t>
  </si>
  <si>
    <t>舞戸町</t>
  </si>
  <si>
    <t>0382713</t>
  </si>
  <si>
    <t>松代町</t>
  </si>
  <si>
    <t>0382705</t>
  </si>
  <si>
    <t>南浮田町</t>
  </si>
  <si>
    <t>0382734</t>
  </si>
  <si>
    <t>南金沢町</t>
  </si>
  <si>
    <t>0382704</t>
  </si>
  <si>
    <t>湯舟町</t>
  </si>
  <si>
    <t>0382747</t>
  </si>
  <si>
    <t>淀町</t>
  </si>
  <si>
    <t>0382744</t>
  </si>
  <si>
    <t>漁師町</t>
  </si>
  <si>
    <t>0382300</t>
  </si>
  <si>
    <t>西津軽郡深浦町</t>
  </si>
  <si>
    <t>0382502</t>
  </si>
  <si>
    <t>0382202</t>
  </si>
  <si>
    <t>0382413</t>
  </si>
  <si>
    <t>追良瀬</t>
  </si>
  <si>
    <t>0382208</t>
  </si>
  <si>
    <t>大間越</t>
  </si>
  <si>
    <t>0382411</t>
  </si>
  <si>
    <t>風合瀬</t>
  </si>
  <si>
    <t>0382323</t>
  </si>
  <si>
    <t>上長慶平</t>
  </si>
  <si>
    <t>0382504</t>
  </si>
  <si>
    <t>北金ケ沢</t>
  </si>
  <si>
    <t>0382207</t>
  </si>
  <si>
    <t>黒崎</t>
  </si>
  <si>
    <t>0382201</t>
  </si>
  <si>
    <t>沢辺</t>
  </si>
  <si>
    <t>0382203</t>
  </si>
  <si>
    <t>正道尻</t>
  </si>
  <si>
    <t>0382503</t>
  </si>
  <si>
    <t>0382505</t>
  </si>
  <si>
    <t>田野沢</t>
  </si>
  <si>
    <t>0382322</t>
  </si>
  <si>
    <t>長慶平</t>
  </si>
  <si>
    <t>0382326</t>
  </si>
  <si>
    <t>月屋</t>
  </si>
  <si>
    <t>0382412</t>
  </si>
  <si>
    <t>驫木</t>
  </si>
  <si>
    <t>0382204</t>
  </si>
  <si>
    <t>久田</t>
  </si>
  <si>
    <t>0382321</t>
  </si>
  <si>
    <t>広戸</t>
  </si>
  <si>
    <t>0382324</t>
  </si>
  <si>
    <t>深浦</t>
  </si>
  <si>
    <t>0382327</t>
  </si>
  <si>
    <t>舮作</t>
  </si>
  <si>
    <t>0382206</t>
  </si>
  <si>
    <t>松神</t>
  </si>
  <si>
    <t>0382205</t>
  </si>
  <si>
    <t>森山</t>
  </si>
  <si>
    <t>0382501</t>
  </si>
  <si>
    <t>柳田</t>
  </si>
  <si>
    <t>0382325</t>
  </si>
  <si>
    <t>横磯</t>
  </si>
  <si>
    <t>0361400</t>
  </si>
  <si>
    <t>中津軽郡西目屋村</t>
  </si>
  <si>
    <t>0361422</t>
  </si>
  <si>
    <t>居森平</t>
  </si>
  <si>
    <t>0361424</t>
  </si>
  <si>
    <t>川原平</t>
  </si>
  <si>
    <t>0361414</t>
  </si>
  <si>
    <t>白沢</t>
  </si>
  <si>
    <t>0361412</t>
  </si>
  <si>
    <t>杉ケ沢</t>
  </si>
  <si>
    <t>0361423</t>
  </si>
  <si>
    <t>砂子瀬</t>
  </si>
  <si>
    <t>0361413</t>
  </si>
  <si>
    <t>大秋</t>
  </si>
  <si>
    <t>0361411</t>
  </si>
  <si>
    <t>0361421</t>
  </si>
  <si>
    <t>藤川</t>
  </si>
  <si>
    <t>0361415</t>
  </si>
  <si>
    <t>村市</t>
  </si>
  <si>
    <t>0383800</t>
  </si>
  <si>
    <t>南津軽郡藤崎町</t>
  </si>
  <si>
    <t>0383837</t>
  </si>
  <si>
    <t>柏木堰</t>
  </si>
  <si>
    <t>0383833</t>
  </si>
  <si>
    <t>亀岡</t>
  </si>
  <si>
    <t>0381203</t>
  </si>
  <si>
    <t>久井名舘</t>
  </si>
  <si>
    <t>0383804</t>
  </si>
  <si>
    <t>葛野</t>
  </si>
  <si>
    <t>0381206</t>
  </si>
  <si>
    <t>郷山前</t>
  </si>
  <si>
    <t>0383812</t>
  </si>
  <si>
    <t>小畑</t>
  </si>
  <si>
    <t>0383805</t>
  </si>
  <si>
    <t>五林</t>
  </si>
  <si>
    <t>0381216</t>
  </si>
  <si>
    <t>榊</t>
  </si>
  <si>
    <t>0383836</t>
  </si>
  <si>
    <t>下俵舛</t>
  </si>
  <si>
    <t>0383835</t>
  </si>
  <si>
    <t>俵舛</t>
  </si>
  <si>
    <t>0381214</t>
  </si>
  <si>
    <t>0381213</t>
  </si>
  <si>
    <t>徳下</t>
  </si>
  <si>
    <t>0381202</t>
  </si>
  <si>
    <t>富柳</t>
  </si>
  <si>
    <t>0383811</t>
  </si>
  <si>
    <t>0383831</t>
  </si>
  <si>
    <t>中野目</t>
  </si>
  <si>
    <t>0383803</t>
  </si>
  <si>
    <t>西豊田</t>
  </si>
  <si>
    <t>0383834</t>
  </si>
  <si>
    <t>西中野目</t>
  </si>
  <si>
    <t>0383806</t>
  </si>
  <si>
    <t>林崎</t>
  </si>
  <si>
    <t>0381211</t>
  </si>
  <si>
    <t>0381201</t>
  </si>
  <si>
    <t>福舘</t>
  </si>
  <si>
    <t>0383801</t>
  </si>
  <si>
    <t>藤越</t>
  </si>
  <si>
    <t>0383802</t>
  </si>
  <si>
    <t>0381207</t>
  </si>
  <si>
    <t>増館</t>
  </si>
  <si>
    <t>0381204</t>
  </si>
  <si>
    <t>水木</t>
  </si>
  <si>
    <t>0383814</t>
  </si>
  <si>
    <t>0381212</t>
  </si>
  <si>
    <t>三ツ屋</t>
  </si>
  <si>
    <t>0383813</t>
  </si>
  <si>
    <t>矢沢</t>
  </si>
  <si>
    <t>0381205</t>
  </si>
  <si>
    <t>0383832</t>
  </si>
  <si>
    <t>吉向</t>
  </si>
  <si>
    <t>0381215</t>
  </si>
  <si>
    <t>0380200</t>
  </si>
  <si>
    <t>南津軽郡大鰐町</t>
  </si>
  <si>
    <t>0380233</t>
  </si>
  <si>
    <t>居土</t>
  </si>
  <si>
    <t>0380211</t>
  </si>
  <si>
    <t>大鰐</t>
  </si>
  <si>
    <t>0380204</t>
  </si>
  <si>
    <t>唐牛</t>
  </si>
  <si>
    <t>0380212</t>
  </si>
  <si>
    <t>蔵館</t>
  </si>
  <si>
    <t>0380203</t>
  </si>
  <si>
    <t>0380241</t>
  </si>
  <si>
    <t>鯖石</t>
  </si>
  <si>
    <t>0380223</t>
  </si>
  <si>
    <t>0380231</t>
  </si>
  <si>
    <t>宿川原</t>
  </si>
  <si>
    <t>0380202</t>
  </si>
  <si>
    <t>0380201</t>
  </si>
  <si>
    <t>苦木</t>
  </si>
  <si>
    <t>0380221</t>
  </si>
  <si>
    <t>虹貝</t>
  </si>
  <si>
    <t>0380243</t>
  </si>
  <si>
    <t>八幡館</t>
  </si>
  <si>
    <t>0380222</t>
  </si>
  <si>
    <t>早瀬野</t>
  </si>
  <si>
    <t>0380232</t>
  </si>
  <si>
    <t>三ツ目内</t>
  </si>
  <si>
    <t>0380242</t>
  </si>
  <si>
    <t>0381100</t>
  </si>
  <si>
    <t>南津軽郡田舎館村</t>
  </si>
  <si>
    <t>0381142</t>
  </si>
  <si>
    <t>0381113</t>
  </si>
  <si>
    <t>田舎舘</t>
  </si>
  <si>
    <t>0381104</t>
  </si>
  <si>
    <t>0381133</t>
  </si>
  <si>
    <t>大根子</t>
  </si>
  <si>
    <t>0381131</t>
  </si>
  <si>
    <t>0381123</t>
  </si>
  <si>
    <t>0381141</t>
  </si>
  <si>
    <t>川部</t>
  </si>
  <si>
    <t>0381143</t>
  </si>
  <si>
    <t>境森</t>
  </si>
  <si>
    <t>0381103</t>
  </si>
  <si>
    <t>十二川原</t>
  </si>
  <si>
    <t>0381132</t>
  </si>
  <si>
    <t>諏訪堂</t>
  </si>
  <si>
    <t>0381111</t>
  </si>
  <si>
    <t>高樋</t>
  </si>
  <si>
    <t>0381112</t>
  </si>
  <si>
    <t>垂柳</t>
  </si>
  <si>
    <t>0381145</t>
  </si>
  <si>
    <t>土矢倉</t>
  </si>
  <si>
    <t>0381101</t>
  </si>
  <si>
    <t>東光寺</t>
  </si>
  <si>
    <t>0381102</t>
  </si>
  <si>
    <t>堂野前</t>
  </si>
  <si>
    <t>0381134</t>
  </si>
  <si>
    <t>豊蒔</t>
  </si>
  <si>
    <t>0381121</t>
  </si>
  <si>
    <t>0381122</t>
  </si>
  <si>
    <t>八反田</t>
  </si>
  <si>
    <t>0381144</t>
  </si>
  <si>
    <t>前田屋敷</t>
  </si>
  <si>
    <t>0383600</t>
  </si>
  <si>
    <t>北津軽郡板柳町</t>
  </si>
  <si>
    <t>0383683</t>
  </si>
  <si>
    <t>0383651</t>
  </si>
  <si>
    <t>0383682</t>
  </si>
  <si>
    <t>石野</t>
  </si>
  <si>
    <t>0383685</t>
  </si>
  <si>
    <t>いたや町</t>
  </si>
  <si>
    <t>0383662</t>
  </si>
  <si>
    <t>板柳</t>
  </si>
  <si>
    <t>0383642</t>
  </si>
  <si>
    <t>0383635</t>
  </si>
  <si>
    <t>大俵</t>
  </si>
  <si>
    <t>0383671</t>
  </si>
  <si>
    <t>掛落林</t>
  </si>
  <si>
    <t>0383632</t>
  </si>
  <si>
    <t>0383633</t>
  </si>
  <si>
    <t>狐森</t>
  </si>
  <si>
    <t>0383636</t>
  </si>
  <si>
    <t>五幾形</t>
  </si>
  <si>
    <t>0383673</t>
  </si>
  <si>
    <t>小幡</t>
  </si>
  <si>
    <t>0383621</t>
  </si>
  <si>
    <t>五林平</t>
  </si>
  <si>
    <t>0383684</t>
  </si>
  <si>
    <t>三千石</t>
  </si>
  <si>
    <t>0383623</t>
  </si>
  <si>
    <t>常海橋</t>
  </si>
  <si>
    <t>0383634</t>
  </si>
  <si>
    <t>高増</t>
  </si>
  <si>
    <t>0383624</t>
  </si>
  <si>
    <t>滝井</t>
  </si>
  <si>
    <t>0383625</t>
  </si>
  <si>
    <t>舘野越</t>
  </si>
  <si>
    <t>0383645</t>
  </si>
  <si>
    <t>0383643</t>
  </si>
  <si>
    <t>0383681</t>
  </si>
  <si>
    <t>0383672</t>
  </si>
  <si>
    <t>灰沼</t>
  </si>
  <si>
    <t>0383641</t>
  </si>
  <si>
    <t>深味</t>
  </si>
  <si>
    <t>0383661</t>
  </si>
  <si>
    <t>福野田</t>
  </si>
  <si>
    <t>0383631</t>
  </si>
  <si>
    <t>牡丹森</t>
  </si>
  <si>
    <t>0383622</t>
  </si>
  <si>
    <t>夕顔関</t>
  </si>
  <si>
    <t>0383644</t>
  </si>
  <si>
    <t>0383500</t>
  </si>
  <si>
    <t>北津軽郡鶴田町</t>
  </si>
  <si>
    <t>0383501</t>
  </si>
  <si>
    <t>大巻</t>
  </si>
  <si>
    <t>0383513</t>
  </si>
  <si>
    <t>0383541</t>
  </si>
  <si>
    <t>尾原</t>
  </si>
  <si>
    <t>0383531</t>
  </si>
  <si>
    <t>木筒</t>
  </si>
  <si>
    <t>0383523</t>
  </si>
  <si>
    <t>胡桃舘</t>
  </si>
  <si>
    <t>0383502</t>
  </si>
  <si>
    <t>強巻</t>
  </si>
  <si>
    <t>0383524</t>
  </si>
  <si>
    <t>0383521</t>
  </si>
  <si>
    <t>菖蒲川</t>
  </si>
  <si>
    <t>0383512</t>
  </si>
  <si>
    <t>瀬良沢</t>
  </si>
  <si>
    <t>0383525</t>
  </si>
  <si>
    <t>大性</t>
  </si>
  <si>
    <t>0383503</t>
  </si>
  <si>
    <t>鶴田</t>
  </si>
  <si>
    <t>0383522</t>
  </si>
  <si>
    <t>鶴泊</t>
  </si>
  <si>
    <t>0383514</t>
  </si>
  <si>
    <t>0383532</t>
  </si>
  <si>
    <t>0383542</t>
  </si>
  <si>
    <t>廻堰</t>
  </si>
  <si>
    <t>0383543</t>
  </si>
  <si>
    <t>妙堂崎</t>
  </si>
  <si>
    <t>0383515</t>
  </si>
  <si>
    <t>山道</t>
  </si>
  <si>
    <t>0383511</t>
  </si>
  <si>
    <t>横萢</t>
  </si>
  <si>
    <t>0370300</t>
  </si>
  <si>
    <t>北津軽郡中泊町</t>
  </si>
  <si>
    <t>0370316</t>
  </si>
  <si>
    <t>芦野</t>
  </si>
  <si>
    <t>0370301</t>
  </si>
  <si>
    <t>0370302</t>
  </si>
  <si>
    <t>薄市</t>
  </si>
  <si>
    <t>0370311</t>
  </si>
  <si>
    <t>大沢内</t>
  </si>
  <si>
    <t>0370304</t>
  </si>
  <si>
    <t>尾別</t>
  </si>
  <si>
    <t>0370512</t>
  </si>
  <si>
    <t>小泊朝間</t>
  </si>
  <si>
    <t>0370523</t>
  </si>
  <si>
    <t>小泊稲荷</t>
  </si>
  <si>
    <t>0370541</t>
  </si>
  <si>
    <t>小泊嗽沢</t>
  </si>
  <si>
    <t>0370534</t>
  </si>
  <si>
    <t>小泊漆流</t>
  </si>
  <si>
    <t>0370542</t>
  </si>
  <si>
    <t>小泊大山長根</t>
  </si>
  <si>
    <t>0370535</t>
  </si>
  <si>
    <t>小泊尾崎道</t>
  </si>
  <si>
    <t>0370521</t>
  </si>
  <si>
    <t>小泊折戸</t>
  </si>
  <si>
    <t>0370522</t>
  </si>
  <si>
    <t>小泊小泊</t>
  </si>
  <si>
    <t>0370525</t>
  </si>
  <si>
    <t>小泊鮫貝</t>
  </si>
  <si>
    <t>0370538</t>
  </si>
  <si>
    <t>小泊下前</t>
  </si>
  <si>
    <t>0370533</t>
  </si>
  <si>
    <t>小泊白倉</t>
  </si>
  <si>
    <t>0370511</t>
  </si>
  <si>
    <t>小泊砂山</t>
  </si>
  <si>
    <t>0370531</t>
  </si>
  <si>
    <t>小泊長坂</t>
  </si>
  <si>
    <t>0370536</t>
  </si>
  <si>
    <t>小泊中間</t>
  </si>
  <si>
    <t>0370532</t>
  </si>
  <si>
    <t>小泊梨子木平</t>
  </si>
  <si>
    <t>0370514</t>
  </si>
  <si>
    <t>小泊浜野</t>
  </si>
  <si>
    <t>0370537</t>
  </si>
  <si>
    <t>小泊渕岩</t>
  </si>
  <si>
    <t>0370543</t>
  </si>
  <si>
    <t>小泊坊主沢</t>
  </si>
  <si>
    <t>0301701</t>
  </si>
  <si>
    <t>小泊袰内</t>
  </si>
  <si>
    <t>0370524</t>
  </si>
  <si>
    <t>小泊水澗</t>
  </si>
  <si>
    <t>0370513</t>
  </si>
  <si>
    <t>小泊割長根</t>
  </si>
  <si>
    <t>0370303</t>
  </si>
  <si>
    <t>0370318</t>
  </si>
  <si>
    <t>0370313</t>
  </si>
  <si>
    <t>富野</t>
  </si>
  <si>
    <t>0370315</t>
  </si>
  <si>
    <t>0370312</t>
  </si>
  <si>
    <t>0370305</t>
  </si>
  <si>
    <t>0370317</t>
  </si>
  <si>
    <t>長泥</t>
  </si>
  <si>
    <t>0370309</t>
  </si>
  <si>
    <t>0370314</t>
  </si>
  <si>
    <t>0370308</t>
  </si>
  <si>
    <t>深郷田</t>
  </si>
  <si>
    <t>0370306</t>
  </si>
  <si>
    <t>0370307</t>
  </si>
  <si>
    <t>宮野沢</t>
  </si>
  <si>
    <t>0393100</t>
  </si>
  <si>
    <t>上北郡野辺地町</t>
  </si>
  <si>
    <t>0393116</t>
  </si>
  <si>
    <t>0393108</t>
  </si>
  <si>
    <t>有戸</t>
  </si>
  <si>
    <t>0393105</t>
  </si>
  <si>
    <t>有戸鳥井平</t>
  </si>
  <si>
    <t>0393178</t>
  </si>
  <si>
    <t>家ノ上</t>
  </si>
  <si>
    <t>0393111</t>
  </si>
  <si>
    <t>石神裏</t>
  </si>
  <si>
    <t>0393144</t>
  </si>
  <si>
    <t>一ノ渡</t>
  </si>
  <si>
    <t>0393174</t>
  </si>
  <si>
    <t>大平下</t>
  </si>
  <si>
    <t>0393104</t>
  </si>
  <si>
    <t>大月平</t>
  </si>
  <si>
    <t>0393107</t>
  </si>
  <si>
    <t>小沢平</t>
  </si>
  <si>
    <t>0393106</t>
  </si>
  <si>
    <t>上河渡頭</t>
  </si>
  <si>
    <t>0393127</t>
  </si>
  <si>
    <t>上川原</t>
  </si>
  <si>
    <t>0393154</t>
  </si>
  <si>
    <t>上小中野</t>
  </si>
  <si>
    <t>0393128</t>
  </si>
  <si>
    <t>上前田</t>
  </si>
  <si>
    <t>0393171</t>
  </si>
  <si>
    <t>上御手洗瀬</t>
  </si>
  <si>
    <t>0393143</t>
  </si>
  <si>
    <t>0393158</t>
  </si>
  <si>
    <t>観音林後</t>
  </si>
  <si>
    <t>0393165</t>
  </si>
  <si>
    <t>観音林前田</t>
  </si>
  <si>
    <t>0393159</t>
  </si>
  <si>
    <t>観音林脇</t>
  </si>
  <si>
    <t>木明</t>
  </si>
  <si>
    <t>0393155</t>
  </si>
  <si>
    <t>切明</t>
  </si>
  <si>
    <t>0393142</t>
  </si>
  <si>
    <t>0393162</t>
  </si>
  <si>
    <t>笹館</t>
  </si>
  <si>
    <t>0393157</t>
  </si>
  <si>
    <t>獅子沢</t>
  </si>
  <si>
    <t>下道</t>
  </si>
  <si>
    <t>0393177</t>
  </si>
  <si>
    <t>下河渡頭</t>
  </si>
  <si>
    <t>0393152</t>
  </si>
  <si>
    <t>下小中野</t>
  </si>
  <si>
    <t>0393117</t>
  </si>
  <si>
    <t>下坂</t>
  </si>
  <si>
    <t>0393126</t>
  </si>
  <si>
    <t>下前田</t>
  </si>
  <si>
    <t>0393146</t>
  </si>
  <si>
    <t>下松ノ木平</t>
  </si>
  <si>
    <t>下御手洗瀬</t>
  </si>
  <si>
    <t>0393147</t>
  </si>
  <si>
    <t>下与田川</t>
  </si>
  <si>
    <t>0393124</t>
  </si>
  <si>
    <t>白岩</t>
  </si>
  <si>
    <t>0393151</t>
  </si>
  <si>
    <t>白岩向</t>
  </si>
  <si>
    <t>0393129</t>
  </si>
  <si>
    <t>0393163</t>
  </si>
  <si>
    <t>新町裏</t>
  </si>
  <si>
    <t>0393175</t>
  </si>
  <si>
    <t>地続山</t>
  </si>
  <si>
    <t>0393173</t>
  </si>
  <si>
    <t>陣場川原</t>
  </si>
  <si>
    <t>0393114</t>
  </si>
  <si>
    <t>助佐小路</t>
  </si>
  <si>
    <t>0393122</t>
  </si>
  <si>
    <t>雑吉沢</t>
  </si>
  <si>
    <t>滝田</t>
  </si>
  <si>
    <t>0393103</t>
  </si>
  <si>
    <t>田名部道</t>
  </si>
  <si>
    <t>0393123</t>
  </si>
  <si>
    <t>種川</t>
  </si>
  <si>
    <t>0393113</t>
  </si>
  <si>
    <t>田狭沢</t>
  </si>
  <si>
    <t>0393115</t>
  </si>
  <si>
    <t>タラノ木</t>
  </si>
  <si>
    <t>槻ノ木</t>
  </si>
  <si>
    <t>0393118</t>
  </si>
  <si>
    <t>寺ノ沢</t>
  </si>
  <si>
    <t>戸田ノ沢</t>
  </si>
  <si>
    <t>0393172</t>
  </si>
  <si>
    <t>鳥井平</t>
  </si>
  <si>
    <t>0393153</t>
  </si>
  <si>
    <t>中小中野</t>
  </si>
  <si>
    <t>中田</t>
  </si>
  <si>
    <t>0393112</t>
  </si>
  <si>
    <t>中道</t>
  </si>
  <si>
    <t>0393176</t>
  </si>
  <si>
    <t>0393141</t>
  </si>
  <si>
    <t>鳴沢</t>
  </si>
  <si>
    <t>0393167</t>
  </si>
  <si>
    <t>二本木向</t>
  </si>
  <si>
    <t>0393166</t>
  </si>
  <si>
    <t>二本木向前田</t>
  </si>
  <si>
    <t>0393131</t>
  </si>
  <si>
    <t>野辺地</t>
  </si>
  <si>
    <t>二十平</t>
  </si>
  <si>
    <t>八ノ木谷地</t>
  </si>
  <si>
    <t>0393101</t>
  </si>
  <si>
    <t>浜掛</t>
  </si>
  <si>
    <t>東太田沢</t>
  </si>
  <si>
    <t>干草橋</t>
  </si>
  <si>
    <t>昼場</t>
  </si>
  <si>
    <t>0393156</t>
  </si>
  <si>
    <t>枇杷野</t>
  </si>
  <si>
    <t>0393121</t>
  </si>
  <si>
    <t>古明前</t>
  </si>
  <si>
    <t>0393125</t>
  </si>
  <si>
    <t>坊ノ塚</t>
  </si>
  <si>
    <t>0393164</t>
  </si>
  <si>
    <t>0393168</t>
  </si>
  <si>
    <t>0393179</t>
  </si>
  <si>
    <t>馬門</t>
  </si>
  <si>
    <t>0393161</t>
  </si>
  <si>
    <t>馬門道</t>
  </si>
  <si>
    <t>0393145</t>
  </si>
  <si>
    <t>松ノ木平</t>
  </si>
  <si>
    <t>御手洗瀬</t>
  </si>
  <si>
    <t>明前</t>
  </si>
  <si>
    <t>0393109</t>
  </si>
  <si>
    <t>餅粟川原</t>
  </si>
  <si>
    <t>湯沢尻</t>
  </si>
  <si>
    <t>0393148</t>
  </si>
  <si>
    <t>与田川尻</t>
  </si>
  <si>
    <t>0393102</t>
  </si>
  <si>
    <t>米内沢</t>
  </si>
  <si>
    <t>0392500</t>
  </si>
  <si>
    <t>上北郡七戸町</t>
  </si>
  <si>
    <t>0392501</t>
  </si>
  <si>
    <t>荒熊内</t>
  </si>
  <si>
    <t>0392534</t>
  </si>
  <si>
    <t>荒屋</t>
  </si>
  <si>
    <t>0392543</t>
  </si>
  <si>
    <t>有田沢</t>
  </si>
  <si>
    <t>0392816</t>
  </si>
  <si>
    <t>家ノ裏</t>
  </si>
  <si>
    <t>0392825</t>
  </si>
  <si>
    <t>0392824</t>
  </si>
  <si>
    <t>家ノ下</t>
  </si>
  <si>
    <t>0392833</t>
  </si>
  <si>
    <t>家ノ前</t>
  </si>
  <si>
    <t>0392865</t>
  </si>
  <si>
    <t>市ノ渡</t>
  </si>
  <si>
    <t>0392561</t>
  </si>
  <si>
    <t>銀南木</t>
  </si>
  <si>
    <t>0392741</t>
  </si>
  <si>
    <t>猪ノ鼻</t>
  </si>
  <si>
    <t>0392585</t>
  </si>
  <si>
    <t>上ノ山</t>
  </si>
  <si>
    <t>0392587</t>
  </si>
  <si>
    <t>上屋田</t>
  </si>
  <si>
    <t>0392584</t>
  </si>
  <si>
    <t>後川原</t>
  </si>
  <si>
    <t>0392731</t>
  </si>
  <si>
    <t>後平</t>
  </si>
  <si>
    <t>0392574</t>
  </si>
  <si>
    <t>宇道坂</t>
  </si>
  <si>
    <t>0392771</t>
  </si>
  <si>
    <t>姥沢</t>
  </si>
  <si>
    <t>0392586</t>
  </si>
  <si>
    <t>海内</t>
  </si>
  <si>
    <t>0392526</t>
  </si>
  <si>
    <t>上町野</t>
  </si>
  <si>
    <t>0392507</t>
  </si>
  <si>
    <t>えぞ花</t>
  </si>
  <si>
    <t>0392756</t>
  </si>
  <si>
    <t>榎林家ノ後</t>
  </si>
  <si>
    <t>0392755</t>
  </si>
  <si>
    <t>榎林家ノ前</t>
  </si>
  <si>
    <t>0392779</t>
  </si>
  <si>
    <t>榎林古屋敷</t>
  </si>
  <si>
    <t>0392745</t>
  </si>
  <si>
    <t>夷堂</t>
  </si>
  <si>
    <t>0392508</t>
  </si>
  <si>
    <t>大池</t>
  </si>
  <si>
    <t>0392502</t>
  </si>
  <si>
    <t>0392531</t>
  </si>
  <si>
    <t>0392821</t>
  </si>
  <si>
    <t>0392514</t>
  </si>
  <si>
    <t>太田野</t>
  </si>
  <si>
    <t>0392532</t>
  </si>
  <si>
    <t>0392715</t>
  </si>
  <si>
    <t>尾山頭</t>
  </si>
  <si>
    <t>0392751</t>
  </si>
  <si>
    <t>貝塚家ノ前</t>
  </si>
  <si>
    <t>0392578</t>
  </si>
  <si>
    <t>貝ノ口</t>
  </si>
  <si>
    <t>0392523</t>
  </si>
  <si>
    <t>影津内</t>
  </si>
  <si>
    <t>0392577</t>
  </si>
  <si>
    <t>鍛治林</t>
  </si>
  <si>
    <t>0392831</t>
  </si>
  <si>
    <t>金沢平</t>
  </si>
  <si>
    <t>0392725</t>
  </si>
  <si>
    <t>0392714</t>
  </si>
  <si>
    <t>上志多</t>
  </si>
  <si>
    <t>0392724</t>
  </si>
  <si>
    <t>上平</t>
  </si>
  <si>
    <t>0392533</t>
  </si>
  <si>
    <t>川去</t>
  </si>
  <si>
    <t>0392712</t>
  </si>
  <si>
    <t>北天間舘</t>
  </si>
  <si>
    <t>0392562</t>
  </si>
  <si>
    <t>倉岡</t>
  </si>
  <si>
    <t>0392522</t>
  </si>
  <si>
    <t>倉越</t>
  </si>
  <si>
    <t>0392866</t>
  </si>
  <si>
    <t>栗ノ木沢</t>
  </si>
  <si>
    <t>0392877</t>
  </si>
  <si>
    <t>五庵ノ下</t>
  </si>
  <si>
    <t>0392812</t>
  </si>
  <si>
    <t>小田下</t>
  </si>
  <si>
    <t>0392813</t>
  </si>
  <si>
    <t>小田平</t>
  </si>
  <si>
    <t>0392822</t>
  </si>
  <si>
    <t>小又</t>
  </si>
  <si>
    <t>0392856</t>
  </si>
  <si>
    <t>古和備</t>
  </si>
  <si>
    <t>0392537</t>
  </si>
  <si>
    <t>賽ノ神</t>
  </si>
  <si>
    <t>0392753</t>
  </si>
  <si>
    <t>竿打川原</t>
  </si>
  <si>
    <t>0392778</t>
  </si>
  <si>
    <t>坂ノ外</t>
  </si>
  <si>
    <t>0392575</t>
  </si>
  <si>
    <t>0392845</t>
  </si>
  <si>
    <t>作田道</t>
  </si>
  <si>
    <t>0392576</t>
  </si>
  <si>
    <t>0392568</t>
  </si>
  <si>
    <t>左組</t>
  </si>
  <si>
    <t>0392852</t>
  </si>
  <si>
    <t>さそう</t>
  </si>
  <si>
    <t>0392853</t>
  </si>
  <si>
    <t>さそう平</t>
  </si>
  <si>
    <t>0392875</t>
  </si>
  <si>
    <t>0392512</t>
  </si>
  <si>
    <t>笊田</t>
  </si>
  <si>
    <t>0392511</t>
  </si>
  <si>
    <t>笊田川久保</t>
  </si>
  <si>
    <t>0392754</t>
  </si>
  <si>
    <t>地蔵堂</t>
  </si>
  <si>
    <t>0392872</t>
  </si>
  <si>
    <t>下タ川原</t>
  </si>
  <si>
    <t>0392525</t>
  </si>
  <si>
    <t>七戸</t>
  </si>
  <si>
    <t>0392774</t>
  </si>
  <si>
    <t>柴舘道ノ下</t>
  </si>
  <si>
    <t>0392546</t>
  </si>
  <si>
    <t>清水頭</t>
  </si>
  <si>
    <t>0392721</t>
  </si>
  <si>
    <t>志茂川原</t>
  </si>
  <si>
    <t>0392864</t>
  </si>
  <si>
    <t>下モ川原</t>
  </si>
  <si>
    <t>0392723</t>
  </si>
  <si>
    <t>下志多</t>
  </si>
  <si>
    <t>0392772</t>
  </si>
  <si>
    <t>下田坪</t>
  </si>
  <si>
    <t>0392841</t>
  </si>
  <si>
    <t>下鳥谷部</t>
  </si>
  <si>
    <t>0392549</t>
  </si>
  <si>
    <t>下見町</t>
  </si>
  <si>
    <t>0392871</t>
  </si>
  <si>
    <t>0392572</t>
  </si>
  <si>
    <t>城ノ後</t>
  </si>
  <si>
    <t>0392565</t>
  </si>
  <si>
    <t>治部袋</t>
  </si>
  <si>
    <t>0392726</t>
  </si>
  <si>
    <t>李川原</t>
  </si>
  <si>
    <t>0392777</t>
  </si>
  <si>
    <t>李沢家ノ後</t>
  </si>
  <si>
    <t>0392776</t>
  </si>
  <si>
    <t>李沢家ノ前</t>
  </si>
  <si>
    <t>0392775</t>
  </si>
  <si>
    <t>李沢道ノ下</t>
  </si>
  <si>
    <t>0392557</t>
  </si>
  <si>
    <t>0392876</t>
  </si>
  <si>
    <t>堰代</t>
  </si>
  <si>
    <t>0392851</t>
  </si>
  <si>
    <t>堰根</t>
  </si>
  <si>
    <t>0392515</t>
  </si>
  <si>
    <t>蒼前</t>
  </si>
  <si>
    <t>0392855</t>
  </si>
  <si>
    <t>底田</t>
  </si>
  <si>
    <t>0392732</t>
  </si>
  <si>
    <t>卒古沢</t>
  </si>
  <si>
    <t>0392757</t>
  </si>
  <si>
    <t>卒古沢南平</t>
  </si>
  <si>
    <t>0392854</t>
  </si>
  <si>
    <t>高井名</t>
  </si>
  <si>
    <t>0392558</t>
  </si>
  <si>
    <t>高屋敷</t>
  </si>
  <si>
    <t>0392516</t>
  </si>
  <si>
    <t>舘野</t>
  </si>
  <si>
    <t>0392505</t>
  </si>
  <si>
    <t>立野頭</t>
  </si>
  <si>
    <t>0392823</t>
  </si>
  <si>
    <t>館ノ下</t>
  </si>
  <si>
    <t>0392744</t>
  </si>
  <si>
    <t>塚長根</t>
  </si>
  <si>
    <t>0392747</t>
  </si>
  <si>
    <t>附田家ノ前</t>
  </si>
  <si>
    <t>0392746</t>
  </si>
  <si>
    <t>附田川目</t>
  </si>
  <si>
    <t>0392874</t>
  </si>
  <si>
    <t>坪川原</t>
  </si>
  <si>
    <t>0392552</t>
  </si>
  <si>
    <t>鶴打田</t>
  </si>
  <si>
    <t>0392567</t>
  </si>
  <si>
    <t>鶴児平</t>
  </si>
  <si>
    <t>0392844</t>
  </si>
  <si>
    <t>0392524</t>
  </si>
  <si>
    <t>寺裏</t>
  </si>
  <si>
    <t>0392743</t>
  </si>
  <si>
    <t>寺沢前</t>
  </si>
  <si>
    <t>0392538</t>
  </si>
  <si>
    <t>寺下</t>
  </si>
  <si>
    <t>0392518</t>
  </si>
  <si>
    <t>天神林</t>
  </si>
  <si>
    <t>0392521</t>
  </si>
  <si>
    <t>天王</t>
  </si>
  <si>
    <t>0392811</t>
  </si>
  <si>
    <t>天間舘荒谷</t>
  </si>
  <si>
    <t>0392861</t>
  </si>
  <si>
    <t>天間舘大沢</t>
  </si>
  <si>
    <t>0392873</t>
  </si>
  <si>
    <t>天間舘寒水</t>
  </si>
  <si>
    <t>0392857</t>
  </si>
  <si>
    <t>天間舘倉越</t>
  </si>
  <si>
    <t>0392733</t>
  </si>
  <si>
    <t>天間舘前川原</t>
  </si>
  <si>
    <t>0392863</t>
  </si>
  <si>
    <t>十枝内</t>
  </si>
  <si>
    <t>0392579</t>
  </si>
  <si>
    <t>十役野</t>
  </si>
  <si>
    <t>0392503</t>
  </si>
  <si>
    <t>豊間内</t>
  </si>
  <si>
    <t>0392846</t>
  </si>
  <si>
    <t>鳥谷部</t>
  </si>
  <si>
    <t>0392554</t>
  </si>
  <si>
    <t>中岫</t>
  </si>
  <si>
    <t>0392782</t>
  </si>
  <si>
    <t>中岫太田嶋</t>
  </si>
  <si>
    <t>0392784</t>
  </si>
  <si>
    <t>中岫長沢下</t>
  </si>
  <si>
    <t>0392783</t>
  </si>
  <si>
    <t>中岫番屋</t>
  </si>
  <si>
    <t>0392786</t>
  </si>
  <si>
    <t>中岫東道添</t>
  </si>
  <si>
    <t>0392785</t>
  </si>
  <si>
    <t>中岫村ノ上</t>
  </si>
  <si>
    <t>0392711</t>
  </si>
  <si>
    <t>中天間舘</t>
  </si>
  <si>
    <t>0392842</t>
  </si>
  <si>
    <t>中鳥谷</t>
  </si>
  <si>
    <t>0392826</t>
  </si>
  <si>
    <t>0392539</t>
  </si>
  <si>
    <t>0392862</t>
  </si>
  <si>
    <t>夏間木</t>
  </si>
  <si>
    <t>0392517</t>
  </si>
  <si>
    <t>夏焼</t>
  </si>
  <si>
    <t>0392582</t>
  </si>
  <si>
    <t>西上川原</t>
  </si>
  <si>
    <t>0392556</t>
  </si>
  <si>
    <t>西槻木</t>
  </si>
  <si>
    <t>0392535</t>
  </si>
  <si>
    <t>沼ノ沢</t>
  </si>
  <si>
    <t>0392536</t>
  </si>
  <si>
    <t>野佐掛</t>
  </si>
  <si>
    <t>0392801</t>
  </si>
  <si>
    <t>0392804</t>
  </si>
  <si>
    <t>野崎狐久保</t>
  </si>
  <si>
    <t>0392802</t>
  </si>
  <si>
    <t>野崎前平</t>
  </si>
  <si>
    <t>0392803</t>
  </si>
  <si>
    <t>野崎森ノ下</t>
  </si>
  <si>
    <t>0392573</t>
  </si>
  <si>
    <t>野続</t>
  </si>
  <si>
    <t>0392542</t>
  </si>
  <si>
    <t>萩ノ沢</t>
  </si>
  <si>
    <t>0392843</t>
  </si>
  <si>
    <t>橋ノ上</t>
  </si>
  <si>
    <t>0392752</t>
  </si>
  <si>
    <t>鉢森平</t>
  </si>
  <si>
    <t>0392544</t>
  </si>
  <si>
    <t>八栗平</t>
  </si>
  <si>
    <t>0392553</t>
  </si>
  <si>
    <t>八尺堂</t>
  </si>
  <si>
    <t>0392566</t>
  </si>
  <si>
    <t>放森</t>
  </si>
  <si>
    <t>0392781</t>
  </si>
  <si>
    <t>花松林ノ根</t>
  </si>
  <si>
    <t>0392805</t>
  </si>
  <si>
    <t>原久保</t>
  </si>
  <si>
    <t>0392581</t>
  </si>
  <si>
    <t>東上川原</t>
  </si>
  <si>
    <t>0392513</t>
  </si>
  <si>
    <t>東槻木</t>
  </si>
  <si>
    <t>0392713</t>
  </si>
  <si>
    <t>東天間舘</t>
  </si>
  <si>
    <t>0392506</t>
  </si>
  <si>
    <t>膝森</t>
  </si>
  <si>
    <t>0392504</t>
  </si>
  <si>
    <t>寒水</t>
  </si>
  <si>
    <t>0392761</t>
  </si>
  <si>
    <t>二ツ森家ノ後</t>
  </si>
  <si>
    <t>0392763</t>
  </si>
  <si>
    <t>二ツ森家ノ表</t>
  </si>
  <si>
    <t>0392762</t>
  </si>
  <si>
    <t>二ツ森家ノ下</t>
  </si>
  <si>
    <t>0392742</t>
  </si>
  <si>
    <t>舟場向川久保</t>
  </si>
  <si>
    <t>0392564</t>
  </si>
  <si>
    <t>古屋敷</t>
  </si>
  <si>
    <t>0392545</t>
  </si>
  <si>
    <t>別曽</t>
  </si>
  <si>
    <t>0392571</t>
  </si>
  <si>
    <t>蛇坂</t>
  </si>
  <si>
    <t>0392716</t>
  </si>
  <si>
    <t>菩提木</t>
  </si>
  <si>
    <t>0392583</t>
  </si>
  <si>
    <t>前川原</t>
  </si>
  <si>
    <t>0392773</t>
  </si>
  <si>
    <t>前左野</t>
  </si>
  <si>
    <t>0392555</t>
  </si>
  <si>
    <t>0392569</t>
  </si>
  <si>
    <t>馬門川原</t>
  </si>
  <si>
    <t>0392527</t>
  </si>
  <si>
    <t>町</t>
  </si>
  <si>
    <t>0392835</t>
  </si>
  <si>
    <t>松ケ沢</t>
  </si>
  <si>
    <t>0392832</t>
  </si>
  <si>
    <t>道ノ上</t>
  </si>
  <si>
    <t>0392814</t>
  </si>
  <si>
    <t>道ノ下</t>
  </si>
  <si>
    <t>0392748</t>
  </si>
  <si>
    <t>南舘向</t>
  </si>
  <si>
    <t>0392541</t>
  </si>
  <si>
    <t>都平</t>
  </si>
  <si>
    <t>0392548</t>
  </si>
  <si>
    <t>見町</t>
  </si>
  <si>
    <t>0392722</t>
  </si>
  <si>
    <t>向川原</t>
  </si>
  <si>
    <t>0392563</t>
  </si>
  <si>
    <t>向平</t>
  </si>
  <si>
    <t>0392834</t>
  </si>
  <si>
    <t>向中野川向</t>
  </si>
  <si>
    <t>0392828</t>
  </si>
  <si>
    <t>森ケ沢</t>
  </si>
  <si>
    <t>0392827</t>
  </si>
  <si>
    <t>森ノ上</t>
  </si>
  <si>
    <t>0392815</t>
  </si>
  <si>
    <t>森ノ下</t>
  </si>
  <si>
    <t>0392551</t>
  </si>
  <si>
    <t>薬師平</t>
  </si>
  <si>
    <t>0392547</t>
  </si>
  <si>
    <t>矢倉</t>
  </si>
  <si>
    <t>0392717</t>
  </si>
  <si>
    <t>柳平</t>
  </si>
  <si>
    <t>0392559</t>
  </si>
  <si>
    <t>山屋</t>
  </si>
  <si>
    <t>0392589</t>
  </si>
  <si>
    <t>0392588</t>
  </si>
  <si>
    <t>和田下</t>
  </si>
  <si>
    <t>0392300</t>
  </si>
  <si>
    <t>上北郡六戸町</t>
  </si>
  <si>
    <t>0330071</t>
  </si>
  <si>
    <t>犬落瀬（内金矢、内山、岡沼、金沢、金矢、上淋代、木越、権現沢、</t>
  </si>
  <si>
    <t>四木、七百、下久保「１７４を除く」、下淋代、高森、通目木、坪毛沢「２</t>
  </si>
  <si>
    <t>５、６３７、６４１、６４３、６４７を除く」、中屋敷、沼久保、根古橋、堀切</t>
  </si>
  <si>
    <t>沢、南平、柳沢、大曲）</t>
  </si>
  <si>
    <t>0392371</t>
  </si>
  <si>
    <t>犬落瀬（その他）</t>
  </si>
  <si>
    <t>0330072</t>
  </si>
  <si>
    <t>折茂（今熊「２１３～２３４、２４０、２４７、２６２、２６６、２７</t>
  </si>
  <si>
    <t>５、２７７、２８０、２９５、１１９９、１２０６、１５０４を除く」、</t>
  </si>
  <si>
    <t>大原、沖山、上折茂「１－１３、７１－１９２を除く」）</t>
  </si>
  <si>
    <t>0392372</t>
  </si>
  <si>
    <t>折茂（その他）</t>
  </si>
  <si>
    <t>0330073</t>
  </si>
  <si>
    <t>金矢</t>
  </si>
  <si>
    <t>0392311</t>
  </si>
  <si>
    <t>0392314</t>
  </si>
  <si>
    <t>0330074</t>
  </si>
  <si>
    <t>小松ケ丘</t>
  </si>
  <si>
    <t>0392312</t>
  </si>
  <si>
    <t>0392313</t>
  </si>
  <si>
    <t>鶴喰</t>
  </si>
  <si>
    <t>0392315</t>
  </si>
  <si>
    <t>0394100</t>
  </si>
  <si>
    <t>上北郡横浜町</t>
  </si>
  <si>
    <t>0394106</t>
  </si>
  <si>
    <t>有畑</t>
  </si>
  <si>
    <t>0394113</t>
  </si>
  <si>
    <t>家ノ前川目</t>
  </si>
  <si>
    <t>0394115</t>
  </si>
  <si>
    <t>稲荷平</t>
  </si>
  <si>
    <t>0394112</t>
  </si>
  <si>
    <t>夷ケ沢平</t>
  </si>
  <si>
    <t>0394111</t>
  </si>
  <si>
    <t>0394131</t>
  </si>
  <si>
    <t>椛名木</t>
  </si>
  <si>
    <t>0394142</t>
  </si>
  <si>
    <t>上イタヤノ木</t>
  </si>
  <si>
    <t>0394123</t>
  </si>
  <si>
    <t>茅平</t>
  </si>
  <si>
    <t>0394124</t>
  </si>
  <si>
    <t>0394103</t>
  </si>
  <si>
    <t>川太郎川目</t>
  </si>
  <si>
    <t>0394137</t>
  </si>
  <si>
    <t>0394104</t>
  </si>
  <si>
    <t>下苗代川目</t>
  </si>
  <si>
    <t>0394133</t>
  </si>
  <si>
    <t>舘の後</t>
  </si>
  <si>
    <t>0394132</t>
  </si>
  <si>
    <t>太郎須田</t>
  </si>
  <si>
    <t>0394138</t>
  </si>
  <si>
    <t>塚名平</t>
  </si>
  <si>
    <t>0394145</t>
  </si>
  <si>
    <t>0394152</t>
  </si>
  <si>
    <t>0394155</t>
  </si>
  <si>
    <t>豊栄平</t>
  </si>
  <si>
    <t>0394122</t>
  </si>
  <si>
    <t>鶏ケ唄</t>
  </si>
  <si>
    <t>0394116</t>
  </si>
  <si>
    <t>0394105</t>
  </si>
  <si>
    <t>苗代川目</t>
  </si>
  <si>
    <t>0394117</t>
  </si>
  <si>
    <t>鶏沢</t>
  </si>
  <si>
    <t>0394144</t>
  </si>
  <si>
    <t>浜懸</t>
  </si>
  <si>
    <t>0394102</t>
  </si>
  <si>
    <t>0394101</t>
  </si>
  <si>
    <t>林尻</t>
  </si>
  <si>
    <t>0394135</t>
  </si>
  <si>
    <t>林の後</t>
  </si>
  <si>
    <t>0394134</t>
  </si>
  <si>
    <t>林の脇</t>
  </si>
  <si>
    <t>0394121</t>
  </si>
  <si>
    <t>0394156</t>
  </si>
  <si>
    <t>雲雀平</t>
  </si>
  <si>
    <t>0394157</t>
  </si>
  <si>
    <t>0394153</t>
  </si>
  <si>
    <t>吹越</t>
  </si>
  <si>
    <t>0394114</t>
  </si>
  <si>
    <t>大豆田</t>
  </si>
  <si>
    <t>0394141</t>
  </si>
  <si>
    <t>三保野</t>
  </si>
  <si>
    <t>0394154</t>
  </si>
  <si>
    <t>明神平</t>
  </si>
  <si>
    <t>0394151</t>
  </si>
  <si>
    <t>0394143</t>
  </si>
  <si>
    <t>屋敷形</t>
  </si>
  <si>
    <t>0394136</t>
  </si>
  <si>
    <t>横浜</t>
  </si>
  <si>
    <t>0392600</t>
  </si>
  <si>
    <t>上北郡東北町</t>
  </si>
  <si>
    <t>0392657</t>
  </si>
  <si>
    <t>赤川道</t>
  </si>
  <si>
    <t>0392604</t>
  </si>
  <si>
    <t>空久保</t>
  </si>
  <si>
    <t>0392406</t>
  </si>
  <si>
    <t>旭北</t>
  </si>
  <si>
    <t>0392407</t>
  </si>
  <si>
    <t>旭南</t>
  </si>
  <si>
    <t>0392685</t>
  </si>
  <si>
    <t>家ノ下タ</t>
  </si>
  <si>
    <t>0392681</t>
  </si>
  <si>
    <t>0392602</t>
  </si>
  <si>
    <t>五十嵐</t>
  </si>
  <si>
    <t>0392682</t>
  </si>
  <si>
    <t>0392683</t>
  </si>
  <si>
    <t>板橋山</t>
  </si>
  <si>
    <t>0392626</t>
  </si>
  <si>
    <t>後久保</t>
  </si>
  <si>
    <t>0392655</t>
  </si>
  <si>
    <t>内蛯沢道ノ上</t>
  </si>
  <si>
    <t>0392656</t>
  </si>
  <si>
    <t>内蛯沢向</t>
  </si>
  <si>
    <t>0392686</t>
  </si>
  <si>
    <t>0392607</t>
  </si>
  <si>
    <t>0392673</t>
  </si>
  <si>
    <t>馬尻</t>
  </si>
  <si>
    <t>0392401</t>
  </si>
  <si>
    <t>0392612</t>
  </si>
  <si>
    <t>狼ノ沢</t>
  </si>
  <si>
    <t>0392402</t>
  </si>
  <si>
    <t>0392623</t>
  </si>
  <si>
    <t>0392651</t>
  </si>
  <si>
    <t>0392688</t>
  </si>
  <si>
    <t>大撫沢</t>
  </si>
  <si>
    <t>大籏屋</t>
  </si>
  <si>
    <t>0392636</t>
  </si>
  <si>
    <t>往来ノ上</t>
  </si>
  <si>
    <t>0392634</t>
  </si>
  <si>
    <t>往来ノ下</t>
  </si>
  <si>
    <t>0392671</t>
  </si>
  <si>
    <t>0392635</t>
  </si>
  <si>
    <t>乙越</t>
  </si>
  <si>
    <t>0392664</t>
  </si>
  <si>
    <t>乙供</t>
  </si>
  <si>
    <t>0392666</t>
  </si>
  <si>
    <t>乙供山</t>
  </si>
  <si>
    <t>0392643</t>
  </si>
  <si>
    <t>乙部道ノ上</t>
  </si>
  <si>
    <t>乙部道ノ下</t>
  </si>
  <si>
    <t>0392601</t>
  </si>
  <si>
    <t>ガス平</t>
  </si>
  <si>
    <t>0392606</t>
  </si>
  <si>
    <t>数牛</t>
  </si>
  <si>
    <t>上板橋家ノ後</t>
  </si>
  <si>
    <t>0392404</t>
  </si>
  <si>
    <t>上北北</t>
  </si>
  <si>
    <t>0392405</t>
  </si>
  <si>
    <t>上北南</t>
  </si>
  <si>
    <t>0392661</t>
  </si>
  <si>
    <t>上笹橋</t>
  </si>
  <si>
    <t>0392687</t>
  </si>
  <si>
    <t>上清水目</t>
  </si>
  <si>
    <t>0392668</t>
  </si>
  <si>
    <t>北膳前</t>
  </si>
  <si>
    <t>0392678</t>
  </si>
  <si>
    <t>狐沢山</t>
  </si>
  <si>
    <t>0392616</t>
  </si>
  <si>
    <t>切左坂道ノ上</t>
  </si>
  <si>
    <t>0392614</t>
  </si>
  <si>
    <t>切左坂道ノ下</t>
  </si>
  <si>
    <t>0392672</t>
  </si>
  <si>
    <t>栗山添</t>
  </si>
  <si>
    <t>0392641</t>
  </si>
  <si>
    <t>枋木</t>
  </si>
  <si>
    <t>塞ノ神</t>
  </si>
  <si>
    <t>0392605</t>
  </si>
  <si>
    <t>0392627</t>
  </si>
  <si>
    <t>漆玉</t>
  </si>
  <si>
    <t>篠内平</t>
  </si>
  <si>
    <t>0392676</t>
  </si>
  <si>
    <t>下板橋</t>
  </si>
  <si>
    <t>0392662</t>
  </si>
  <si>
    <t>下笹橋</t>
  </si>
  <si>
    <t>0392653</t>
  </si>
  <si>
    <t>下山</t>
  </si>
  <si>
    <t>0392633</t>
  </si>
  <si>
    <t>素柄邸</t>
  </si>
  <si>
    <t>0392667</t>
  </si>
  <si>
    <t>膳前</t>
  </si>
  <si>
    <t>添ノ沢</t>
  </si>
  <si>
    <t>0392647</t>
  </si>
  <si>
    <t>外蛯沢後久保</t>
  </si>
  <si>
    <t>0392648</t>
  </si>
  <si>
    <t>外蛯沢北久保</t>
  </si>
  <si>
    <t>0392646</t>
  </si>
  <si>
    <t>外蛯沢西平</t>
  </si>
  <si>
    <t>0392645</t>
  </si>
  <si>
    <t>外蛯沢前平</t>
  </si>
  <si>
    <t>0392631</t>
  </si>
  <si>
    <t>滝沢平</t>
  </si>
  <si>
    <t>舘</t>
  </si>
  <si>
    <t>0392624</t>
  </si>
  <si>
    <t>蓼内久保</t>
  </si>
  <si>
    <t>0392663</t>
  </si>
  <si>
    <t>舘花</t>
  </si>
  <si>
    <t>0392621</t>
  </si>
  <si>
    <t>田ノ沢</t>
  </si>
  <si>
    <t>0392675</t>
  </si>
  <si>
    <t>千曳</t>
  </si>
  <si>
    <t>0392674</t>
  </si>
  <si>
    <t>千曳下山</t>
  </si>
  <si>
    <t>長者久保</t>
  </si>
  <si>
    <t>堤尻</t>
  </si>
  <si>
    <t>鶴ケ崎</t>
  </si>
  <si>
    <t>0392654</t>
  </si>
  <si>
    <t>塔ノ沢山</t>
  </si>
  <si>
    <t>鳥口平</t>
  </si>
  <si>
    <t>0392611</t>
  </si>
  <si>
    <t>中村道ノ上</t>
  </si>
  <si>
    <t>中村道ノ下</t>
  </si>
  <si>
    <t>0392625</t>
  </si>
  <si>
    <t>長久保</t>
  </si>
  <si>
    <t>0392403</t>
  </si>
  <si>
    <t>新舘</t>
  </si>
  <si>
    <t>沼添左ノ平</t>
  </si>
  <si>
    <t>0392613</t>
  </si>
  <si>
    <t>子ノ鳥平</t>
  </si>
  <si>
    <t>野田頭</t>
  </si>
  <si>
    <t>野田頭山</t>
  </si>
  <si>
    <t>野田尻</t>
  </si>
  <si>
    <t>0392622</t>
  </si>
  <si>
    <t>浜家苫</t>
  </si>
  <si>
    <t>浜台</t>
  </si>
  <si>
    <t>林ノ下</t>
  </si>
  <si>
    <t>0392632</t>
  </si>
  <si>
    <t>日影林ノ上山</t>
  </si>
  <si>
    <t>0392642</t>
  </si>
  <si>
    <t>寒水下</t>
  </si>
  <si>
    <t>寒水山</t>
  </si>
  <si>
    <t>夫雑原</t>
  </si>
  <si>
    <t>0392677</t>
  </si>
  <si>
    <t>夫雑原下山</t>
  </si>
  <si>
    <t>船ケ沢</t>
  </si>
  <si>
    <t>0392615</t>
  </si>
  <si>
    <t>細津</t>
  </si>
  <si>
    <t>細津橋ノ上</t>
  </si>
  <si>
    <t>0392652</t>
  </si>
  <si>
    <t>ほとけ沢</t>
  </si>
  <si>
    <t>0392644</t>
  </si>
  <si>
    <t>保戸沢家ノ上</t>
  </si>
  <si>
    <t>保戸沢家ノ前</t>
  </si>
  <si>
    <t>保戸沢家ノ後</t>
  </si>
  <si>
    <t>饅頭長根</t>
  </si>
  <si>
    <t>水流</t>
  </si>
  <si>
    <t>0392617</t>
  </si>
  <si>
    <t>水喰</t>
  </si>
  <si>
    <t>水喰向</t>
  </si>
  <si>
    <t>道ノ北</t>
  </si>
  <si>
    <t>0392684</t>
  </si>
  <si>
    <t>向籏屋</t>
  </si>
  <si>
    <t>向屋敷</t>
  </si>
  <si>
    <t>萌出道ノ上</t>
  </si>
  <si>
    <t>萌出道ノ下</t>
  </si>
  <si>
    <t>0392665</t>
  </si>
  <si>
    <t>山添</t>
  </si>
  <si>
    <t>横沢頭</t>
  </si>
  <si>
    <t>0392603</t>
  </si>
  <si>
    <t>横沢山</t>
  </si>
  <si>
    <t>横志多</t>
  </si>
  <si>
    <t>和山平</t>
  </si>
  <si>
    <t>0393200</t>
  </si>
  <si>
    <t>上北郡六ヶ所村</t>
  </si>
  <si>
    <t>0393212</t>
  </si>
  <si>
    <t>尾駮</t>
  </si>
  <si>
    <t>0393215</t>
  </si>
  <si>
    <t>倉内</t>
  </si>
  <si>
    <t>0393213</t>
  </si>
  <si>
    <t>鷹架</t>
  </si>
  <si>
    <t>0393211</t>
  </si>
  <si>
    <t>出戸</t>
  </si>
  <si>
    <t>0394301</t>
  </si>
  <si>
    <t>泊</t>
  </si>
  <si>
    <t>0393214</t>
  </si>
  <si>
    <t>0392200</t>
  </si>
  <si>
    <t>上北郡おいらせ町</t>
  </si>
  <si>
    <t>0392189</t>
  </si>
  <si>
    <t>0392147</t>
  </si>
  <si>
    <t>赤田前</t>
  </si>
  <si>
    <t>0392116</t>
  </si>
  <si>
    <t>秋堂</t>
  </si>
  <si>
    <t>0392141</t>
  </si>
  <si>
    <t>明土</t>
  </si>
  <si>
    <t>0392165</t>
  </si>
  <si>
    <t>阿光坊</t>
  </si>
  <si>
    <t>0392172</t>
  </si>
  <si>
    <t>洗平</t>
  </si>
  <si>
    <t>0392113</t>
  </si>
  <si>
    <t>犬毛谷地</t>
  </si>
  <si>
    <t>0392217</t>
  </si>
  <si>
    <t>牛込平</t>
  </si>
  <si>
    <t>0392216</t>
  </si>
  <si>
    <t>後田</t>
  </si>
  <si>
    <t>0392182</t>
  </si>
  <si>
    <t>鶉久保</t>
  </si>
  <si>
    <t>0392183</t>
  </si>
  <si>
    <t>鶉久保山</t>
  </si>
  <si>
    <t>0392253</t>
  </si>
  <si>
    <t>獺野</t>
  </si>
  <si>
    <t>0392225</t>
  </si>
  <si>
    <t>上明堂</t>
  </si>
  <si>
    <t>0392133</t>
  </si>
  <si>
    <t>0392185</t>
  </si>
  <si>
    <t>0392221</t>
  </si>
  <si>
    <t>0392145</t>
  </si>
  <si>
    <t>上谷地</t>
  </si>
  <si>
    <t>0392117</t>
  </si>
  <si>
    <t>0392127</t>
  </si>
  <si>
    <t>0392186</t>
  </si>
  <si>
    <t>北下田</t>
  </si>
  <si>
    <t>0392252</t>
  </si>
  <si>
    <t>黒坂谷地</t>
  </si>
  <si>
    <t>0392142</t>
  </si>
  <si>
    <t>小前谷地</t>
  </si>
  <si>
    <t>0392124</t>
  </si>
  <si>
    <t>境田</t>
  </si>
  <si>
    <t>0392125</t>
  </si>
  <si>
    <t>0392224</t>
  </si>
  <si>
    <t>下明堂</t>
  </si>
  <si>
    <t>0392121</t>
  </si>
  <si>
    <t>下境</t>
  </si>
  <si>
    <t>0392222</t>
  </si>
  <si>
    <t>0392215</t>
  </si>
  <si>
    <t>下屋敷</t>
  </si>
  <si>
    <t>0392143</t>
  </si>
  <si>
    <t>上水下</t>
  </si>
  <si>
    <t>0392226</t>
  </si>
  <si>
    <t>新助川原</t>
  </si>
  <si>
    <t>0392211</t>
  </si>
  <si>
    <t>0392164</t>
  </si>
  <si>
    <t>神明前</t>
  </si>
  <si>
    <t>0392180</t>
  </si>
  <si>
    <t>0392235</t>
  </si>
  <si>
    <t>千刈田</t>
  </si>
  <si>
    <t>0392128</t>
  </si>
  <si>
    <t>染屋</t>
  </si>
  <si>
    <t>0392114</t>
  </si>
  <si>
    <t>0392144</t>
  </si>
  <si>
    <t>丈の端</t>
  </si>
  <si>
    <t>0392135</t>
  </si>
  <si>
    <t>立蛇</t>
  </si>
  <si>
    <t>0392163</t>
  </si>
  <si>
    <t>館越</t>
  </si>
  <si>
    <t>0392255</t>
  </si>
  <si>
    <t>土取</t>
  </si>
  <si>
    <t>0392234</t>
  </si>
  <si>
    <t>堤田</t>
  </si>
  <si>
    <t>0392102</t>
  </si>
  <si>
    <t>豊栄</t>
  </si>
  <si>
    <t>0392223</t>
  </si>
  <si>
    <t>苗平谷地</t>
  </si>
  <si>
    <t>0392254</t>
  </si>
  <si>
    <t>苗振谷地</t>
  </si>
  <si>
    <t>0392136</t>
  </si>
  <si>
    <t>中下田</t>
  </si>
  <si>
    <t>0392129</t>
  </si>
  <si>
    <t>中平下長根山</t>
  </si>
  <si>
    <t>0392112</t>
  </si>
  <si>
    <t>中野平</t>
  </si>
  <si>
    <t>0392146</t>
  </si>
  <si>
    <t>中谷地</t>
  </si>
  <si>
    <t>0392115</t>
  </si>
  <si>
    <t>菜飯</t>
  </si>
  <si>
    <t>0392111</t>
  </si>
  <si>
    <t>西後谷地</t>
  </si>
  <si>
    <t>0392171</t>
  </si>
  <si>
    <t>新敷</t>
  </si>
  <si>
    <t>0392161</t>
  </si>
  <si>
    <t>西下川原</t>
  </si>
  <si>
    <t>0392123</t>
  </si>
  <si>
    <t>西下谷地</t>
  </si>
  <si>
    <t>0392132</t>
  </si>
  <si>
    <t>西前川原</t>
  </si>
  <si>
    <t>0392122</t>
  </si>
  <si>
    <t>沼小屋</t>
  </si>
  <si>
    <t>0392233</t>
  </si>
  <si>
    <t>沼端</t>
  </si>
  <si>
    <t>0392134</t>
  </si>
  <si>
    <t>馳下り</t>
  </si>
  <si>
    <t>0392184</t>
  </si>
  <si>
    <t>浜道</t>
  </si>
  <si>
    <t>0392232</t>
  </si>
  <si>
    <t>東後谷地</t>
  </si>
  <si>
    <t>0392212</t>
  </si>
  <si>
    <t>東下川原</t>
  </si>
  <si>
    <t>0392231</t>
  </si>
  <si>
    <t>東下谷地</t>
  </si>
  <si>
    <t>0392214</t>
  </si>
  <si>
    <t>東前川原</t>
  </si>
  <si>
    <t>0392118</t>
  </si>
  <si>
    <t>彦七川原</t>
  </si>
  <si>
    <t>0392203</t>
  </si>
  <si>
    <t>一川目</t>
  </si>
  <si>
    <t>0392204</t>
  </si>
  <si>
    <t>0392205</t>
  </si>
  <si>
    <t>深沢平</t>
  </si>
  <si>
    <t>0392173</t>
  </si>
  <si>
    <t>瓢</t>
  </si>
  <si>
    <t>0392201</t>
  </si>
  <si>
    <t>二川目</t>
  </si>
  <si>
    <t>0392181</t>
  </si>
  <si>
    <t>0392213</t>
  </si>
  <si>
    <t>0392126</t>
  </si>
  <si>
    <t>間木</t>
  </si>
  <si>
    <t>0392206</t>
  </si>
  <si>
    <t>0392187</t>
  </si>
  <si>
    <t>0392162</t>
  </si>
  <si>
    <t>南下田</t>
  </si>
  <si>
    <t>0392131</t>
  </si>
  <si>
    <t>0392202</t>
  </si>
  <si>
    <t>0392251</t>
  </si>
  <si>
    <t>向山（２０８２、２０８３、２０８７台）</t>
  </si>
  <si>
    <t>0392151</t>
  </si>
  <si>
    <t>向山（その他）</t>
  </si>
  <si>
    <t>0392236</t>
  </si>
  <si>
    <t>0392188</t>
  </si>
  <si>
    <t>0394600</t>
  </si>
  <si>
    <t>下北郡大間町</t>
  </si>
  <si>
    <t>0394601</t>
  </si>
  <si>
    <t>0394602</t>
  </si>
  <si>
    <t>下北郡東通村</t>
  </si>
  <si>
    <t>0350113</t>
  </si>
  <si>
    <t>岩屋</t>
  </si>
  <si>
    <t>0350001</t>
  </si>
  <si>
    <t>大利</t>
  </si>
  <si>
    <t>0394223</t>
  </si>
  <si>
    <t>小田野沢</t>
  </si>
  <si>
    <t>0350104</t>
  </si>
  <si>
    <t>蒲野沢（稲崎、浜の平）</t>
  </si>
  <si>
    <t>0350004</t>
  </si>
  <si>
    <t>蒲野沢（その他）</t>
  </si>
  <si>
    <t>0394221</t>
  </si>
  <si>
    <t>猿ケ森</t>
  </si>
  <si>
    <t>0350112</t>
  </si>
  <si>
    <t>尻労</t>
  </si>
  <si>
    <t>0394224</t>
  </si>
  <si>
    <t>白糠</t>
  </si>
  <si>
    <t>0350111</t>
  </si>
  <si>
    <t>尻屋</t>
  </si>
  <si>
    <t>0394222</t>
  </si>
  <si>
    <t>砂子又</t>
  </si>
  <si>
    <t>0350005</t>
  </si>
  <si>
    <t>田屋</t>
  </si>
  <si>
    <t>0350003</t>
  </si>
  <si>
    <t>野牛（稲崎平３０２番地・３１５番地、トクサ沢）</t>
  </si>
  <si>
    <t>0350103</t>
  </si>
  <si>
    <t>野牛（その他）</t>
  </si>
  <si>
    <t>0350002</t>
  </si>
  <si>
    <t>目名</t>
  </si>
  <si>
    <t>0394500</t>
  </si>
  <si>
    <t>下北郡風間浦村</t>
  </si>
  <si>
    <t>0394502</t>
  </si>
  <si>
    <t>易国間</t>
  </si>
  <si>
    <t>0394501</t>
  </si>
  <si>
    <t>下風呂</t>
  </si>
  <si>
    <t>0394503</t>
  </si>
  <si>
    <t>蛇浦</t>
  </si>
  <si>
    <t>0394700</t>
  </si>
  <si>
    <t>下北郡佐井村</t>
  </si>
  <si>
    <t>0394711</t>
  </si>
  <si>
    <t>佐井</t>
  </si>
  <si>
    <t>0394712</t>
  </si>
  <si>
    <t>0390100</t>
  </si>
  <si>
    <t>三戸郡三戸町</t>
  </si>
  <si>
    <t>0390111</t>
  </si>
  <si>
    <t>泉山</t>
  </si>
  <si>
    <t>0390112</t>
  </si>
  <si>
    <t>梅内</t>
  </si>
  <si>
    <t>0390453</t>
  </si>
  <si>
    <t>貝守</t>
  </si>
  <si>
    <t>0390141</t>
  </si>
  <si>
    <t>川守田</t>
  </si>
  <si>
    <t>0390143</t>
  </si>
  <si>
    <t>川守田町</t>
  </si>
  <si>
    <t>0390142</t>
  </si>
  <si>
    <t>久慈町</t>
  </si>
  <si>
    <t>0390132</t>
  </si>
  <si>
    <t>在府小路町</t>
  </si>
  <si>
    <t>0390451</t>
  </si>
  <si>
    <t>蛇沼</t>
  </si>
  <si>
    <t>0390134</t>
  </si>
  <si>
    <t>同心町</t>
  </si>
  <si>
    <t>0390122</t>
  </si>
  <si>
    <t>斗内</t>
  </si>
  <si>
    <t>0390121</t>
  </si>
  <si>
    <t>豊川</t>
  </si>
  <si>
    <t>0390452</t>
  </si>
  <si>
    <t>袴田</t>
  </si>
  <si>
    <t>0390133</t>
  </si>
  <si>
    <t>0390131</t>
  </si>
  <si>
    <t>二日町</t>
  </si>
  <si>
    <t>0390144</t>
  </si>
  <si>
    <t>0390113</t>
  </si>
  <si>
    <t>目時</t>
  </si>
  <si>
    <t>0390135</t>
  </si>
  <si>
    <t>0391500</t>
  </si>
  <si>
    <t>三戸郡五戸町</t>
  </si>
  <si>
    <t>0391508</t>
  </si>
  <si>
    <t>赤川</t>
  </si>
  <si>
    <t>赤川前</t>
  </si>
  <si>
    <t>0391561</t>
  </si>
  <si>
    <t>0391528</t>
  </si>
  <si>
    <t>浅水</t>
  </si>
  <si>
    <t>0391536</t>
  </si>
  <si>
    <t>愛宕後</t>
  </si>
  <si>
    <t>愛宕下タ</t>
  </si>
  <si>
    <t>愛宕丁</t>
  </si>
  <si>
    <t>0391556</t>
  </si>
  <si>
    <t>油出</t>
  </si>
  <si>
    <t>0391534</t>
  </si>
  <si>
    <t>0391521</t>
  </si>
  <si>
    <t>五百窪</t>
  </si>
  <si>
    <t>0391539</t>
  </si>
  <si>
    <t>石沢境</t>
  </si>
  <si>
    <t>0391505</t>
  </si>
  <si>
    <t>石仏</t>
  </si>
  <si>
    <t>石仏上川原</t>
  </si>
  <si>
    <t>石仏下川原</t>
  </si>
  <si>
    <t>石仏前</t>
  </si>
  <si>
    <t>泉窪</t>
  </si>
  <si>
    <t>0391516</t>
  </si>
  <si>
    <t>市川道十文字</t>
  </si>
  <si>
    <t>0391568</t>
  </si>
  <si>
    <t>銀杏木</t>
  </si>
  <si>
    <t>銀杏木前</t>
  </si>
  <si>
    <t>一本木前</t>
  </si>
  <si>
    <t>0391504</t>
  </si>
  <si>
    <t>兎内</t>
  </si>
  <si>
    <t>兎内上保土沢</t>
  </si>
  <si>
    <t>兎内下保土沢</t>
  </si>
  <si>
    <t>兎内下川原</t>
  </si>
  <si>
    <t>兎内下谷地</t>
  </si>
  <si>
    <t>0391552</t>
  </si>
  <si>
    <t>姥堤</t>
  </si>
  <si>
    <t>0391537</t>
  </si>
  <si>
    <t>ウルエ長根</t>
  </si>
  <si>
    <t>ウルエ長根下</t>
  </si>
  <si>
    <t>0391507</t>
  </si>
  <si>
    <t>蛯川後</t>
  </si>
  <si>
    <t>蛯川前川原</t>
  </si>
  <si>
    <t>蛯川村</t>
  </si>
  <si>
    <t>0391527</t>
  </si>
  <si>
    <t>扇田</t>
  </si>
  <si>
    <t>應田</t>
  </si>
  <si>
    <t>0391503</t>
  </si>
  <si>
    <t>大渡</t>
  </si>
  <si>
    <t>大渡道ノ下</t>
  </si>
  <si>
    <t>0391563</t>
  </si>
  <si>
    <t>岡谷地</t>
  </si>
  <si>
    <t>0391511</t>
  </si>
  <si>
    <t>鍜冶屋窪</t>
  </si>
  <si>
    <t>鍜冶屋窪上ミ</t>
  </si>
  <si>
    <t>鍜冶屋敷</t>
  </si>
  <si>
    <t>0391501</t>
  </si>
  <si>
    <t>上市川</t>
  </si>
  <si>
    <t>上兎内</t>
  </si>
  <si>
    <t>0391533</t>
  </si>
  <si>
    <t>上大町</t>
  </si>
  <si>
    <t>0391557</t>
  </si>
  <si>
    <t>上新道</t>
  </si>
  <si>
    <t>0391567</t>
  </si>
  <si>
    <t>上大平楽</t>
  </si>
  <si>
    <t>0391526</t>
  </si>
  <si>
    <t>上長下</t>
  </si>
  <si>
    <t>0391551</t>
  </si>
  <si>
    <t>上新井田</t>
  </si>
  <si>
    <t>上新井田前</t>
  </si>
  <si>
    <t>0391523</t>
  </si>
  <si>
    <t>上保土沢</t>
  </si>
  <si>
    <t>傘松</t>
  </si>
  <si>
    <t>傘松前</t>
  </si>
  <si>
    <t>0391554</t>
  </si>
  <si>
    <t>川原町</t>
  </si>
  <si>
    <t>川原町裏</t>
  </si>
  <si>
    <t>0391553</t>
  </si>
  <si>
    <t>川原町下裏</t>
  </si>
  <si>
    <t>川原町西裏</t>
  </si>
  <si>
    <t>0391532</t>
  </si>
  <si>
    <t>観音堂</t>
  </si>
  <si>
    <t>0391531</t>
  </si>
  <si>
    <t>狐森北</t>
  </si>
  <si>
    <t>久蔵窪</t>
  </si>
  <si>
    <t>0392302</t>
  </si>
  <si>
    <t>切谷内（北田ノ沢）</t>
  </si>
  <si>
    <t>0391502</t>
  </si>
  <si>
    <t>切谷内（その他）</t>
  </si>
  <si>
    <t>0391515</t>
  </si>
  <si>
    <t>熊ノ沢</t>
  </si>
  <si>
    <t>熊ノ沢頭</t>
  </si>
  <si>
    <t>0391506</t>
  </si>
  <si>
    <t>熊野林</t>
  </si>
  <si>
    <t>熊野林後</t>
  </si>
  <si>
    <t>熊野林前</t>
  </si>
  <si>
    <t>0391701</t>
  </si>
  <si>
    <t>倉石石沢</t>
  </si>
  <si>
    <t>0391702</t>
  </si>
  <si>
    <t>倉石中市</t>
  </si>
  <si>
    <t>0391703</t>
  </si>
  <si>
    <t>倉石又重</t>
  </si>
  <si>
    <t>毛無森</t>
  </si>
  <si>
    <t>越掛沢</t>
  </si>
  <si>
    <t>越掛沢前</t>
  </si>
  <si>
    <t>越掛沢道下モ</t>
  </si>
  <si>
    <t>0391522</t>
  </si>
  <si>
    <t>小渡</t>
  </si>
  <si>
    <t>小渡頭</t>
  </si>
  <si>
    <t>0391566</t>
  </si>
  <si>
    <t>幸ノ神</t>
  </si>
  <si>
    <t>幸ノ神前</t>
  </si>
  <si>
    <t>佐野上谷地</t>
  </si>
  <si>
    <t>鮫ノ口</t>
  </si>
  <si>
    <t>0391558</t>
  </si>
  <si>
    <t>0391517</t>
  </si>
  <si>
    <t>沢向</t>
  </si>
  <si>
    <t>0391562</t>
  </si>
  <si>
    <t>鹿内</t>
  </si>
  <si>
    <t>鹿内沖</t>
  </si>
  <si>
    <t>鹿内下モ</t>
  </si>
  <si>
    <t>鹿内前</t>
  </si>
  <si>
    <t>0391525</t>
  </si>
  <si>
    <t>地蔵岱</t>
  </si>
  <si>
    <t>0391546</t>
  </si>
  <si>
    <t>下タノ沢</t>
  </si>
  <si>
    <t>下タノ沢頭</t>
  </si>
  <si>
    <t>0391559</t>
  </si>
  <si>
    <t>下大町</t>
  </si>
  <si>
    <t>0391518</t>
  </si>
  <si>
    <t>下モ沢向</t>
  </si>
  <si>
    <t>下新道</t>
  </si>
  <si>
    <t>下大平楽</t>
  </si>
  <si>
    <t>0391555</t>
  </si>
  <si>
    <t>下高田</t>
  </si>
  <si>
    <t>0391514</t>
  </si>
  <si>
    <t>下中崎</t>
  </si>
  <si>
    <t>下長下</t>
  </si>
  <si>
    <t>0391565</t>
  </si>
  <si>
    <t>下新井田</t>
  </si>
  <si>
    <t>下新井田前</t>
  </si>
  <si>
    <t>下保土沢</t>
  </si>
  <si>
    <t>0391545</t>
  </si>
  <si>
    <t>正場沢</t>
  </si>
  <si>
    <t>正場沢長根</t>
  </si>
  <si>
    <t>治郎左エ門長根</t>
  </si>
  <si>
    <t>新蔵長根</t>
  </si>
  <si>
    <t>0391535</t>
  </si>
  <si>
    <t>0391541</t>
  </si>
  <si>
    <t>新田窪</t>
  </si>
  <si>
    <t>0391548</t>
  </si>
  <si>
    <t>0391547</t>
  </si>
  <si>
    <t>神明後</t>
  </si>
  <si>
    <t>惣林橋</t>
  </si>
  <si>
    <t>大学沢</t>
  </si>
  <si>
    <t>大学沢向</t>
  </si>
  <si>
    <t>大工窪</t>
  </si>
  <si>
    <t>0391543</t>
  </si>
  <si>
    <t>丁塚</t>
  </si>
  <si>
    <t>0391538</t>
  </si>
  <si>
    <t>塚無岱</t>
  </si>
  <si>
    <t>土取場</t>
  </si>
  <si>
    <t>0391529</t>
  </si>
  <si>
    <t>手倉橋</t>
  </si>
  <si>
    <t>傳兵ヱ丁</t>
  </si>
  <si>
    <t>0391519</t>
  </si>
  <si>
    <t>天満後</t>
  </si>
  <si>
    <t>天満下川原</t>
  </si>
  <si>
    <t>土井頭</t>
  </si>
  <si>
    <t>筒口川原</t>
  </si>
  <si>
    <t>徳良窪</t>
  </si>
  <si>
    <t>0391524</t>
  </si>
  <si>
    <t>中高田</t>
  </si>
  <si>
    <t>中ノ沢</t>
  </si>
  <si>
    <t>中ノ沢西張</t>
  </si>
  <si>
    <t>0391542</t>
  </si>
  <si>
    <t>中道十文字</t>
  </si>
  <si>
    <t>中森</t>
  </si>
  <si>
    <t>中寄</t>
  </si>
  <si>
    <t>苗代沢</t>
  </si>
  <si>
    <t>0391544</t>
  </si>
  <si>
    <t>二階平</t>
  </si>
  <si>
    <t>二階平下タ</t>
  </si>
  <si>
    <t>0391512</t>
  </si>
  <si>
    <t>西ノ沢</t>
  </si>
  <si>
    <t>二本柳</t>
  </si>
  <si>
    <t>二本柳向</t>
  </si>
  <si>
    <t>0391569</t>
  </si>
  <si>
    <t>野月</t>
  </si>
  <si>
    <t>白山前</t>
  </si>
  <si>
    <t>博労町</t>
  </si>
  <si>
    <t>八景</t>
  </si>
  <si>
    <t>花道川原</t>
  </si>
  <si>
    <t>古街道長根</t>
  </si>
  <si>
    <t>0391513</t>
  </si>
  <si>
    <t>0391564</t>
  </si>
  <si>
    <t>古館下川原</t>
  </si>
  <si>
    <t>古館向</t>
  </si>
  <si>
    <t>古館向川原</t>
  </si>
  <si>
    <t>古館脇</t>
  </si>
  <si>
    <t>古堂</t>
  </si>
  <si>
    <t>古堂後</t>
  </si>
  <si>
    <t>平佐窪</t>
  </si>
  <si>
    <t>堀合</t>
  </si>
  <si>
    <t>虫追塚前</t>
  </si>
  <si>
    <t>横丁</t>
  </si>
  <si>
    <t>六角</t>
  </si>
  <si>
    <t>0390200</t>
  </si>
  <si>
    <t>三戸郡田子町</t>
  </si>
  <si>
    <t>0390312</t>
  </si>
  <si>
    <t>石亀</t>
  </si>
  <si>
    <t>0390316</t>
  </si>
  <si>
    <t>0390202</t>
  </si>
  <si>
    <t>相米</t>
  </si>
  <si>
    <t>0390201</t>
  </si>
  <si>
    <t>田子</t>
  </si>
  <si>
    <t>0390314</t>
  </si>
  <si>
    <t>遠瀬</t>
  </si>
  <si>
    <t>0390315</t>
  </si>
  <si>
    <t>夏坂</t>
  </si>
  <si>
    <t>0390311</t>
  </si>
  <si>
    <t>0390313</t>
  </si>
  <si>
    <t>茂市</t>
  </si>
  <si>
    <t>0390317</t>
  </si>
  <si>
    <t>三戸郡南部町</t>
  </si>
  <si>
    <t>0390606</t>
  </si>
  <si>
    <t>相内（柏木久保、鴨ノ首、留ノ沢、沼久保、屋敷久保）</t>
  </si>
  <si>
    <t>0390106</t>
  </si>
  <si>
    <t>相内（その他）</t>
  </si>
  <si>
    <t>0390102</t>
  </si>
  <si>
    <t>赤石</t>
  </si>
  <si>
    <t>0390103</t>
  </si>
  <si>
    <t>大向</t>
  </si>
  <si>
    <t>0390105</t>
  </si>
  <si>
    <t>沖田面</t>
  </si>
  <si>
    <t>0390801</t>
  </si>
  <si>
    <t>片岸</t>
  </si>
  <si>
    <t>0390812</t>
  </si>
  <si>
    <t>椛木</t>
  </si>
  <si>
    <t>0390501</t>
  </si>
  <si>
    <t>上名久井</t>
  </si>
  <si>
    <t>0390612</t>
  </si>
  <si>
    <t>剣吉</t>
  </si>
  <si>
    <t>0390805</t>
  </si>
  <si>
    <t>0390814</t>
  </si>
  <si>
    <t>埖渡</t>
  </si>
  <si>
    <t>0390104</t>
  </si>
  <si>
    <t>小向</t>
  </si>
  <si>
    <t>0390502</t>
  </si>
  <si>
    <t>下名久井</t>
  </si>
  <si>
    <t>0390813</t>
  </si>
  <si>
    <t>杉沢</t>
  </si>
  <si>
    <t>0390503</t>
  </si>
  <si>
    <t>0390507</t>
  </si>
  <si>
    <t>0390804</t>
  </si>
  <si>
    <t>0390101</t>
  </si>
  <si>
    <t>玉掛</t>
  </si>
  <si>
    <t>0390504</t>
  </si>
  <si>
    <t>鳥舌内</t>
  </si>
  <si>
    <t>0390611</t>
  </si>
  <si>
    <t>斗賀</t>
  </si>
  <si>
    <t>0390802</t>
  </si>
  <si>
    <t>苫米地</t>
  </si>
  <si>
    <t>0390505</t>
  </si>
  <si>
    <t>鳥谷</t>
  </si>
  <si>
    <t>0390614</t>
  </si>
  <si>
    <t>虎渡</t>
  </si>
  <si>
    <t>0390815</t>
  </si>
  <si>
    <t>0390506</t>
  </si>
  <si>
    <t>法光寺</t>
  </si>
  <si>
    <t>0390811</t>
  </si>
  <si>
    <t>法師岡</t>
  </si>
  <si>
    <t>0390803</t>
  </si>
  <si>
    <t>麦沢</t>
  </si>
  <si>
    <t>0390613</t>
  </si>
  <si>
    <t>森越</t>
  </si>
  <si>
    <t>0391200</t>
  </si>
  <si>
    <t>三戸郡階上町</t>
  </si>
  <si>
    <t>0391202</t>
  </si>
  <si>
    <t>赤保内</t>
  </si>
  <si>
    <t>0391207</t>
  </si>
  <si>
    <t>金山沢</t>
  </si>
  <si>
    <t>0391212</t>
  </si>
  <si>
    <t>蒼前西</t>
  </si>
  <si>
    <t>0391211</t>
  </si>
  <si>
    <t>蒼前東</t>
  </si>
  <si>
    <t>0391206</t>
  </si>
  <si>
    <t>0391208</t>
  </si>
  <si>
    <t>角柄折</t>
  </si>
  <si>
    <t>0391201</t>
  </si>
  <si>
    <t>道仏</t>
  </si>
  <si>
    <t>0391203</t>
  </si>
  <si>
    <t>鳥屋部</t>
  </si>
  <si>
    <t>0391205</t>
  </si>
  <si>
    <t>晴山沢</t>
  </si>
  <si>
    <t>0391204</t>
  </si>
  <si>
    <t>平内</t>
  </si>
  <si>
    <t>0391800</t>
  </si>
  <si>
    <t>三戸郡新郷村</t>
  </si>
  <si>
    <t>0391802</t>
  </si>
  <si>
    <t>西越</t>
  </si>
  <si>
    <t>0391801</t>
  </si>
  <si>
    <t>戸来</t>
  </si>
  <si>
    <t>0270078</t>
  </si>
  <si>
    <t>鴨崎町</t>
  </si>
  <si>
    <t>0282104</t>
  </si>
  <si>
    <t>刈屋</t>
  </si>
  <si>
    <t>0270042</t>
  </si>
  <si>
    <t>神田沢町</t>
  </si>
  <si>
    <t>0270044</t>
  </si>
  <si>
    <t>上鼻</t>
  </si>
  <si>
    <t>0270028</t>
  </si>
  <si>
    <t>神林</t>
  </si>
  <si>
    <t>0270008</t>
  </si>
  <si>
    <t>0270085</t>
  </si>
  <si>
    <t>黒田町</t>
  </si>
  <si>
    <t>0270065</t>
  </si>
  <si>
    <t>黒森町</t>
  </si>
  <si>
    <t>0270006</t>
  </si>
  <si>
    <t>鍬ケ崎</t>
  </si>
  <si>
    <t>0270046</t>
  </si>
  <si>
    <t>花原市</t>
  </si>
  <si>
    <t>0270005</t>
  </si>
  <si>
    <t>光岸地</t>
  </si>
  <si>
    <t>0270071</t>
  </si>
  <si>
    <t>0270038</t>
  </si>
  <si>
    <t>小山田</t>
  </si>
  <si>
    <t>0270076</t>
  </si>
  <si>
    <t>0270096</t>
  </si>
  <si>
    <t>崎鍬ケ崎</t>
  </si>
  <si>
    <t>0270097</t>
  </si>
  <si>
    <t>崎山</t>
  </si>
  <si>
    <t>0270072</t>
  </si>
  <si>
    <t>五月町</t>
  </si>
  <si>
    <t>0270095</t>
  </si>
  <si>
    <t>0270088</t>
  </si>
  <si>
    <t>0270201</t>
  </si>
  <si>
    <t>白浜</t>
  </si>
  <si>
    <t>0270081</t>
  </si>
  <si>
    <t>0270084</t>
  </si>
  <si>
    <t>0270058</t>
  </si>
  <si>
    <t>千徳</t>
  </si>
  <si>
    <t>0270043</t>
  </si>
  <si>
    <t>千徳町</t>
  </si>
  <si>
    <t>0270024</t>
  </si>
  <si>
    <t>磯鶏</t>
  </si>
  <si>
    <t>0270022</t>
  </si>
  <si>
    <t>磯鶏石崎</t>
  </si>
  <si>
    <t>0270023</t>
  </si>
  <si>
    <t>磯鶏沖</t>
  </si>
  <si>
    <t>0270027</t>
  </si>
  <si>
    <t>磯鶏西</t>
  </si>
  <si>
    <t>0270032</t>
  </si>
  <si>
    <t>0270036</t>
  </si>
  <si>
    <t>田鎖</t>
  </si>
  <si>
    <t>0270009</t>
  </si>
  <si>
    <t>蛸の浜町</t>
  </si>
  <si>
    <t>0270067</t>
  </si>
  <si>
    <t>0270077</t>
  </si>
  <si>
    <t>舘合町</t>
  </si>
  <si>
    <t>0270066</t>
  </si>
  <si>
    <t>田の神</t>
  </si>
  <si>
    <t>0270359</t>
  </si>
  <si>
    <t>田老青倉</t>
  </si>
  <si>
    <t>0270322</t>
  </si>
  <si>
    <t>田老青砂里</t>
  </si>
  <si>
    <t>0270375</t>
  </si>
  <si>
    <t>田老青野滝</t>
  </si>
  <si>
    <t>0270374</t>
  </si>
  <si>
    <t>田老青野滝北</t>
  </si>
  <si>
    <t>0270376</t>
  </si>
  <si>
    <t>田老青野滝南</t>
  </si>
  <si>
    <t>0270305</t>
  </si>
  <si>
    <t>田老荒谷</t>
  </si>
  <si>
    <t>0270321</t>
  </si>
  <si>
    <t>田老乙部</t>
  </si>
  <si>
    <t>0270379</t>
  </si>
  <si>
    <t>田老乙部野</t>
  </si>
  <si>
    <t>0270378</t>
  </si>
  <si>
    <t>田老重津部</t>
  </si>
  <si>
    <t>0270377</t>
  </si>
  <si>
    <t>田老重津部北</t>
  </si>
  <si>
    <t>0270332</t>
  </si>
  <si>
    <t>田老樫内</t>
  </si>
  <si>
    <t>0270382</t>
  </si>
  <si>
    <t>田老片巻</t>
  </si>
  <si>
    <t>0270388</t>
  </si>
  <si>
    <t>田老上沖</t>
  </si>
  <si>
    <t>0270343</t>
  </si>
  <si>
    <t>田老上小田代</t>
  </si>
  <si>
    <t>0270383</t>
  </si>
  <si>
    <t>田老上摂待</t>
  </si>
  <si>
    <t>0270306</t>
  </si>
  <si>
    <t>田老川向</t>
  </si>
  <si>
    <t>0270386</t>
  </si>
  <si>
    <t>田老胡桃畑</t>
  </si>
  <si>
    <t>0270304</t>
  </si>
  <si>
    <t>田老ケラス</t>
  </si>
  <si>
    <t>0270312</t>
  </si>
  <si>
    <t>田老越田</t>
  </si>
  <si>
    <t>0270342</t>
  </si>
  <si>
    <t>田老小田代</t>
  </si>
  <si>
    <t>0270351</t>
  </si>
  <si>
    <t>田老小林</t>
  </si>
  <si>
    <t>0270361</t>
  </si>
  <si>
    <t>田老小堀内</t>
  </si>
  <si>
    <t>0270362</t>
  </si>
  <si>
    <t>田老小堀内南</t>
  </si>
  <si>
    <t>0270347</t>
  </si>
  <si>
    <t>田老笹見平</t>
  </si>
  <si>
    <t>0270345</t>
  </si>
  <si>
    <t>田老篠倉</t>
  </si>
  <si>
    <t>0270385</t>
  </si>
  <si>
    <t>田老下摂待</t>
  </si>
  <si>
    <t>0270313</t>
  </si>
  <si>
    <t>田老駿達</t>
  </si>
  <si>
    <t>0270364</t>
  </si>
  <si>
    <t>田老新田</t>
  </si>
  <si>
    <t>0270355</t>
  </si>
  <si>
    <t>田老末前</t>
  </si>
  <si>
    <t>0270367</t>
  </si>
  <si>
    <t>田老鈴子沢</t>
  </si>
  <si>
    <t>0270384</t>
  </si>
  <si>
    <t>田老摂待</t>
  </si>
  <si>
    <t>0270365</t>
  </si>
  <si>
    <t>田老滝の沢</t>
  </si>
  <si>
    <t>0270344</t>
  </si>
  <si>
    <t>田老辰の口</t>
  </si>
  <si>
    <t>0270301</t>
  </si>
  <si>
    <t>田老館が森</t>
  </si>
  <si>
    <t>0270358</t>
  </si>
  <si>
    <t>田老立腰</t>
  </si>
  <si>
    <t>0270302</t>
  </si>
  <si>
    <t>田老田中</t>
  </si>
  <si>
    <t>0270303</t>
  </si>
  <si>
    <t>田老田の沢</t>
  </si>
  <si>
    <t>0270363</t>
  </si>
  <si>
    <t>田老長畑</t>
  </si>
  <si>
    <t>0270346</t>
  </si>
  <si>
    <t>田老七滝</t>
  </si>
  <si>
    <t>0270331</t>
  </si>
  <si>
    <t>田老西向山</t>
  </si>
  <si>
    <t>0270366</t>
  </si>
  <si>
    <t>田老新田平</t>
  </si>
  <si>
    <t>0270323</t>
  </si>
  <si>
    <t>田老野原</t>
  </si>
  <si>
    <t>0270387</t>
  </si>
  <si>
    <t>田老畑</t>
  </si>
  <si>
    <t>0270333</t>
  </si>
  <si>
    <t>田老古田</t>
  </si>
  <si>
    <t>0270381</t>
  </si>
  <si>
    <t>田老星山</t>
  </si>
  <si>
    <t>0270371</t>
  </si>
  <si>
    <t>田老水沢</t>
  </si>
  <si>
    <t>0270372</t>
  </si>
  <si>
    <t>田老水沢南</t>
  </si>
  <si>
    <t>0270357</t>
  </si>
  <si>
    <t>田老向桑畑</t>
  </si>
  <si>
    <t>0270373</t>
  </si>
  <si>
    <t>田老向新田</t>
  </si>
  <si>
    <t>0270324</t>
  </si>
  <si>
    <t>田老向山</t>
  </si>
  <si>
    <t>0270354</t>
  </si>
  <si>
    <t>田老森崎</t>
  </si>
  <si>
    <t>0270352</t>
  </si>
  <si>
    <t>田老八幡水神</t>
  </si>
  <si>
    <t>0270341</t>
  </si>
  <si>
    <t>田老養呂地</t>
  </si>
  <si>
    <t>0270311</t>
  </si>
  <si>
    <t>田老和野</t>
  </si>
  <si>
    <t>0270353</t>
  </si>
  <si>
    <t>田老和蒔</t>
  </si>
  <si>
    <t>0270356</t>
  </si>
  <si>
    <t>田老和山</t>
  </si>
  <si>
    <t>0270056</t>
  </si>
  <si>
    <t>近内</t>
  </si>
  <si>
    <t>0270203</t>
  </si>
  <si>
    <t>津軽石</t>
  </si>
  <si>
    <t>0270091</t>
  </si>
  <si>
    <t>0270093</t>
  </si>
  <si>
    <t>中里団地</t>
  </si>
  <si>
    <t>0270034</t>
  </si>
  <si>
    <t>0270055</t>
  </si>
  <si>
    <t>0270053</t>
  </si>
  <si>
    <t>長町</t>
  </si>
  <si>
    <t>0270041</t>
  </si>
  <si>
    <t>0270061</t>
  </si>
  <si>
    <t>0270047</t>
  </si>
  <si>
    <t>根市</t>
  </si>
  <si>
    <t>0270035</t>
  </si>
  <si>
    <t>0282103</t>
  </si>
  <si>
    <t>腹帯</t>
  </si>
  <si>
    <t>0270007</t>
  </si>
  <si>
    <t>日影町</t>
  </si>
  <si>
    <t>0282102</t>
  </si>
  <si>
    <t>蟇目</t>
  </si>
  <si>
    <t>0270001</t>
  </si>
  <si>
    <t>日立浜町</t>
  </si>
  <si>
    <t>0270094</t>
  </si>
  <si>
    <t>0270029</t>
  </si>
  <si>
    <t>藤の川</t>
  </si>
  <si>
    <t>0270021</t>
  </si>
  <si>
    <t>0270074</t>
  </si>
  <si>
    <t>保久田</t>
  </si>
  <si>
    <t>0270037</t>
  </si>
  <si>
    <t>0270025</t>
  </si>
  <si>
    <t>実田</t>
  </si>
  <si>
    <t>0270073</t>
  </si>
  <si>
    <t>0270003</t>
  </si>
  <si>
    <t>0270051</t>
  </si>
  <si>
    <t>0270064</t>
  </si>
  <si>
    <t>0270052</t>
  </si>
  <si>
    <t>0270082</t>
  </si>
  <si>
    <t>0282101</t>
  </si>
  <si>
    <t>0270089</t>
  </si>
  <si>
    <t>0270031</t>
  </si>
  <si>
    <t>八木沢</t>
  </si>
  <si>
    <t>0270063</t>
  </si>
  <si>
    <t>0270002</t>
  </si>
  <si>
    <t>山根町</t>
  </si>
  <si>
    <t>0270087</t>
  </si>
  <si>
    <t>0270004</t>
  </si>
  <si>
    <t>臨港通</t>
  </si>
  <si>
    <t>0270045</t>
  </si>
  <si>
    <t>老木</t>
  </si>
  <si>
    <t>0282105</t>
  </si>
  <si>
    <t>和井内</t>
  </si>
  <si>
    <t>0270075</t>
  </si>
  <si>
    <t>和見町</t>
  </si>
  <si>
    <t>0270026</t>
  </si>
  <si>
    <t>上村</t>
  </si>
  <si>
    <t>0220000</t>
  </si>
  <si>
    <t>大船渡市</t>
  </si>
  <si>
    <t>0220007</t>
  </si>
  <si>
    <t>赤崎町</t>
  </si>
  <si>
    <t>0220004</t>
  </si>
  <si>
    <t>猪川町</t>
  </si>
  <si>
    <t>0220002</t>
  </si>
  <si>
    <t>大船渡町</t>
  </si>
  <si>
    <t>0220003</t>
  </si>
  <si>
    <t>盛町</t>
  </si>
  <si>
    <t>0220101</t>
  </si>
  <si>
    <t>三陸町越喜来</t>
  </si>
  <si>
    <t>0220102</t>
  </si>
  <si>
    <t>三陸町吉浜</t>
  </si>
  <si>
    <t>0220211</t>
  </si>
  <si>
    <t>三陸町綾里</t>
  </si>
  <si>
    <t>0220006</t>
  </si>
  <si>
    <t>立根町</t>
  </si>
  <si>
    <t>0220005</t>
  </si>
  <si>
    <t>日頃市町</t>
  </si>
  <si>
    <t>0220001</t>
  </si>
  <si>
    <t>末崎町</t>
  </si>
  <si>
    <t>0250000</t>
  </si>
  <si>
    <t>花巻市</t>
  </si>
  <si>
    <t>0250067</t>
  </si>
  <si>
    <t>浅沢</t>
  </si>
  <si>
    <t>0250088</t>
  </si>
  <si>
    <t>0250071</t>
  </si>
  <si>
    <t>0250095</t>
  </si>
  <si>
    <t>石神町</t>
  </si>
  <si>
    <t>0283131</t>
  </si>
  <si>
    <t>石鳥谷町猪鼻</t>
  </si>
  <si>
    <t>0283151</t>
  </si>
  <si>
    <t>石鳥谷町江曽</t>
  </si>
  <si>
    <t>0283185</t>
  </si>
  <si>
    <t>石鳥谷町大瀬川</t>
  </si>
  <si>
    <t>0283102</t>
  </si>
  <si>
    <t>石鳥谷町上口</t>
  </si>
  <si>
    <t>0283172</t>
  </si>
  <si>
    <t>石鳥谷町北寺林</t>
  </si>
  <si>
    <t>0283161</t>
  </si>
  <si>
    <t>石鳥谷町黒沼</t>
  </si>
  <si>
    <t>0283101</t>
  </si>
  <si>
    <t>石鳥谷町好地</t>
  </si>
  <si>
    <t>0283141</t>
  </si>
  <si>
    <t>石鳥谷町五大堂</t>
  </si>
  <si>
    <t>0283153</t>
  </si>
  <si>
    <t>石鳥谷町小森林</t>
  </si>
  <si>
    <t>0283182</t>
  </si>
  <si>
    <t>石鳥谷町松林寺</t>
  </si>
  <si>
    <t>0283133</t>
  </si>
  <si>
    <t>石鳥谷町関口</t>
  </si>
  <si>
    <t>0283181</t>
  </si>
  <si>
    <t>石鳥谷町大興寺</t>
  </si>
  <si>
    <t>0283122</t>
  </si>
  <si>
    <t>石鳥谷町滝田</t>
  </si>
  <si>
    <t>0283121</t>
  </si>
  <si>
    <t>石鳥谷町戸塚</t>
  </si>
  <si>
    <t>0283184</t>
  </si>
  <si>
    <t>石鳥谷町富沢</t>
  </si>
  <si>
    <t>0283171</t>
  </si>
  <si>
    <t>石鳥谷町中寺林</t>
  </si>
  <si>
    <t>0283111</t>
  </si>
  <si>
    <t>石鳥谷町新堀</t>
  </si>
  <si>
    <t>0283162</t>
  </si>
  <si>
    <t>石鳥谷町西中島</t>
  </si>
  <si>
    <t>0283183</t>
  </si>
  <si>
    <t>石鳥谷町長谷堂</t>
  </si>
  <si>
    <t>0283163</t>
  </si>
  <si>
    <t>石鳥谷町八幡</t>
  </si>
  <si>
    <t>0283132</t>
  </si>
  <si>
    <t>石鳥谷町東中島</t>
  </si>
  <si>
    <t>0283152</t>
  </si>
  <si>
    <t>石鳥谷町南寺林</t>
  </si>
  <si>
    <t>0283142</t>
  </si>
  <si>
    <t>石鳥谷町八重畑</t>
  </si>
  <si>
    <t>0250058</t>
  </si>
  <si>
    <t>一本杉</t>
  </si>
  <si>
    <t>0250042</t>
  </si>
  <si>
    <t>円万寺</t>
  </si>
  <si>
    <t>0250322</t>
  </si>
  <si>
    <t>狼沢</t>
  </si>
  <si>
    <t>0250037</t>
  </si>
  <si>
    <t>0250092</t>
  </si>
  <si>
    <t>大通り</t>
  </si>
  <si>
    <t>0283201</t>
  </si>
  <si>
    <t>大迫町内川目</t>
  </si>
  <si>
    <t>0283203</t>
  </si>
  <si>
    <t>大迫町大迫</t>
  </si>
  <si>
    <t>0283204</t>
  </si>
  <si>
    <t>大迫町亀ケ森</t>
  </si>
  <si>
    <t>0283202</t>
  </si>
  <si>
    <t>大迫町外川目</t>
  </si>
  <si>
    <t>0250303</t>
  </si>
  <si>
    <t>0250026</t>
  </si>
  <si>
    <t>大谷地</t>
  </si>
  <si>
    <t>0250082</t>
  </si>
  <si>
    <t>御田屋町</t>
  </si>
  <si>
    <t>0250311</t>
  </si>
  <si>
    <t>0250086</t>
  </si>
  <si>
    <t>0250075</t>
  </si>
  <si>
    <t>花城町</t>
  </si>
  <si>
    <t>0250321</t>
  </si>
  <si>
    <t>0250056</t>
  </si>
  <si>
    <t>上北万丁目</t>
  </si>
  <si>
    <t>0250062</t>
  </si>
  <si>
    <t>上小舟渡</t>
  </si>
  <si>
    <t>0250032</t>
  </si>
  <si>
    <t>上諏訪</t>
  </si>
  <si>
    <t>0250087</t>
  </si>
  <si>
    <t>0250007</t>
  </si>
  <si>
    <t>上似内</t>
  </si>
  <si>
    <t>0250043</t>
  </si>
  <si>
    <t>上根子</t>
  </si>
  <si>
    <t>0250132</t>
  </si>
  <si>
    <t>北笹間</t>
  </si>
  <si>
    <t>0250301</t>
  </si>
  <si>
    <t>北湯口</t>
  </si>
  <si>
    <t>0250008</t>
  </si>
  <si>
    <t>空港南</t>
  </si>
  <si>
    <t>0250004</t>
  </si>
  <si>
    <t>葛</t>
  </si>
  <si>
    <t>0250253</t>
  </si>
  <si>
    <t>下シ沢</t>
  </si>
  <si>
    <t>0250323</t>
  </si>
  <si>
    <t>椚ノ目</t>
  </si>
  <si>
    <t>0250013</t>
  </si>
  <si>
    <t>0250012</t>
  </si>
  <si>
    <t>胡四王</t>
  </si>
  <si>
    <t>0250324</t>
  </si>
  <si>
    <t>小瀬川</t>
  </si>
  <si>
    <t>0250098</t>
  </si>
  <si>
    <t>0250074</t>
  </si>
  <si>
    <t>0250094</t>
  </si>
  <si>
    <t>0250064</t>
  </si>
  <si>
    <t>0250084</t>
  </si>
  <si>
    <t>0250081</t>
  </si>
  <si>
    <t>里川口町</t>
  </si>
  <si>
    <t>0250068</t>
  </si>
  <si>
    <t>下幅</t>
  </si>
  <si>
    <t>0250035</t>
  </si>
  <si>
    <t>実相寺</t>
  </si>
  <si>
    <t>0250054</t>
  </si>
  <si>
    <t>下北万丁目</t>
  </si>
  <si>
    <t>0250063</t>
  </si>
  <si>
    <t>下小舟渡</t>
  </si>
  <si>
    <t>0250006</t>
  </si>
  <si>
    <t>下似内</t>
  </si>
  <si>
    <t>0250025</t>
  </si>
  <si>
    <t>下根子</t>
  </si>
  <si>
    <t>0250022</t>
  </si>
  <si>
    <t>十二丁目</t>
  </si>
  <si>
    <t>0250076</t>
  </si>
  <si>
    <t>0250137</t>
  </si>
  <si>
    <t>尻平川</t>
  </si>
  <si>
    <t>0250057</t>
  </si>
  <si>
    <t>0250079</t>
  </si>
  <si>
    <t>0250033</t>
  </si>
  <si>
    <t>0250039</t>
  </si>
  <si>
    <t>0250305</t>
  </si>
  <si>
    <t>0250016</t>
  </si>
  <si>
    <t>0250083</t>
  </si>
  <si>
    <t>0250014</t>
  </si>
  <si>
    <t>0250005</t>
  </si>
  <si>
    <t>田力</t>
  </si>
  <si>
    <t>0250001</t>
  </si>
  <si>
    <t>天下田</t>
  </si>
  <si>
    <t>0280115</t>
  </si>
  <si>
    <t>東和町安俵</t>
  </si>
  <si>
    <t>0280134</t>
  </si>
  <si>
    <t>東和町砂子</t>
  </si>
  <si>
    <t>0280103</t>
  </si>
  <si>
    <t>東和町石鳩岡</t>
  </si>
  <si>
    <t>0280154</t>
  </si>
  <si>
    <t>東和町石持</t>
  </si>
  <si>
    <t>0280151</t>
  </si>
  <si>
    <t>東和町落合</t>
  </si>
  <si>
    <t>0280121</t>
  </si>
  <si>
    <t>東和町小友</t>
  </si>
  <si>
    <t>0280136</t>
  </si>
  <si>
    <t>東和町小原</t>
  </si>
  <si>
    <t>0280143</t>
  </si>
  <si>
    <t>東和町上浮田</t>
  </si>
  <si>
    <t>0280107</t>
  </si>
  <si>
    <t>東和町北小山田</t>
  </si>
  <si>
    <t>0280102</t>
  </si>
  <si>
    <t>東和町北川目</t>
  </si>
  <si>
    <t>0280116</t>
  </si>
  <si>
    <t>東和町北成島</t>
  </si>
  <si>
    <t>0280101</t>
  </si>
  <si>
    <t>東和町北前田</t>
  </si>
  <si>
    <t>0280135</t>
  </si>
  <si>
    <t>東和町倉沢</t>
  </si>
  <si>
    <t>0280156</t>
  </si>
  <si>
    <t>東和町小通</t>
  </si>
  <si>
    <t>0280142</t>
  </si>
  <si>
    <t>東和町駒籠</t>
  </si>
  <si>
    <t>0280141</t>
  </si>
  <si>
    <t>東和町下浮田</t>
  </si>
  <si>
    <t>0280112</t>
  </si>
  <si>
    <t>東和町新地</t>
  </si>
  <si>
    <t>0280106</t>
  </si>
  <si>
    <t>東和町外谷地</t>
  </si>
  <si>
    <t>0280133</t>
  </si>
  <si>
    <t>東和町鷹巣堂</t>
  </si>
  <si>
    <t>0280123</t>
  </si>
  <si>
    <t>東和町田瀬</t>
  </si>
  <si>
    <t>0280132</t>
  </si>
  <si>
    <t>東和町舘迫</t>
  </si>
  <si>
    <t>0280122</t>
  </si>
  <si>
    <t>東和町谷内</t>
  </si>
  <si>
    <t>0280114</t>
  </si>
  <si>
    <t>東和町土沢</t>
  </si>
  <si>
    <t>0280152</t>
  </si>
  <si>
    <t>東和町毒沢</t>
  </si>
  <si>
    <t>0280153</t>
  </si>
  <si>
    <t>東和町中内</t>
  </si>
  <si>
    <t>0280113</t>
  </si>
  <si>
    <t>東和町東晴山</t>
  </si>
  <si>
    <t>0280105</t>
  </si>
  <si>
    <t>東和町前田</t>
  </si>
  <si>
    <t>0280131</t>
  </si>
  <si>
    <t>東和町町井</t>
  </si>
  <si>
    <t>0280104</t>
  </si>
  <si>
    <t>東和町南川目</t>
  </si>
  <si>
    <t>0280155</t>
  </si>
  <si>
    <t>東和町南成島</t>
  </si>
  <si>
    <t>0280144</t>
  </si>
  <si>
    <t>東和町宮田</t>
  </si>
  <si>
    <t>0280111</t>
  </si>
  <si>
    <t>東和町百ノ沢</t>
  </si>
  <si>
    <t>0250135</t>
  </si>
  <si>
    <t>栃内</t>
  </si>
  <si>
    <t>0250131</t>
  </si>
  <si>
    <t>轟木</t>
  </si>
  <si>
    <t>0250251</t>
  </si>
  <si>
    <t>豊沢</t>
  </si>
  <si>
    <t>0250089</t>
  </si>
  <si>
    <t>豊沢町</t>
  </si>
  <si>
    <t>0250053</t>
  </si>
  <si>
    <t>中北万丁目</t>
  </si>
  <si>
    <t>0250133</t>
  </si>
  <si>
    <t>中笹間</t>
  </si>
  <si>
    <t>0250036</t>
  </si>
  <si>
    <t>中根子</t>
  </si>
  <si>
    <t>0250077</t>
  </si>
  <si>
    <t>0250046</t>
  </si>
  <si>
    <t>鍋倉</t>
  </si>
  <si>
    <t>0250252</t>
  </si>
  <si>
    <t>鉛</t>
  </si>
  <si>
    <t>0250023</t>
  </si>
  <si>
    <t>0250021</t>
  </si>
  <si>
    <t>南城</t>
  </si>
  <si>
    <t>0250091</t>
  </si>
  <si>
    <t>西大通り</t>
  </si>
  <si>
    <t>0250045</t>
  </si>
  <si>
    <t>西晴山</t>
  </si>
  <si>
    <t>0250002</t>
  </si>
  <si>
    <t>西宮野目</t>
  </si>
  <si>
    <t>0250312</t>
  </si>
  <si>
    <t>二枚橋</t>
  </si>
  <si>
    <t>0250314</t>
  </si>
  <si>
    <t>二枚橋町大通り</t>
  </si>
  <si>
    <t>0250315</t>
  </si>
  <si>
    <t>二枚橋町南</t>
  </si>
  <si>
    <t>0250313</t>
  </si>
  <si>
    <t>二枚橋町北</t>
  </si>
  <si>
    <t>0250302</t>
  </si>
  <si>
    <t>0250052</t>
  </si>
  <si>
    <t>0250015</t>
  </si>
  <si>
    <t>東十二丁目</t>
  </si>
  <si>
    <t>0250003</t>
  </si>
  <si>
    <t>東宮野目</t>
  </si>
  <si>
    <t>0250041</t>
  </si>
  <si>
    <t>膝立</t>
  </si>
  <si>
    <t>0250073</t>
  </si>
  <si>
    <t>一日市</t>
  </si>
  <si>
    <t>0250096</t>
  </si>
  <si>
    <t>0250085</t>
  </si>
  <si>
    <t>0250078</t>
  </si>
  <si>
    <t>吹張町</t>
  </si>
  <si>
    <t>0250031</t>
  </si>
  <si>
    <t>不動</t>
  </si>
  <si>
    <t>0250038</t>
  </si>
  <si>
    <t>不動町</t>
  </si>
  <si>
    <t>0250065</t>
  </si>
  <si>
    <t>0250066</t>
  </si>
  <si>
    <t>0250093</t>
  </si>
  <si>
    <t>南川原町</t>
  </si>
  <si>
    <t>0250134</t>
  </si>
  <si>
    <t>南笹間</t>
  </si>
  <si>
    <t>0250051</t>
  </si>
  <si>
    <t>南新田</t>
  </si>
  <si>
    <t>0250034</t>
  </si>
  <si>
    <t>南諏訪町</t>
  </si>
  <si>
    <t>0250055</t>
  </si>
  <si>
    <t>南万丁目</t>
  </si>
  <si>
    <t>0250061</t>
  </si>
  <si>
    <t>本館</t>
  </si>
  <si>
    <t>0250011</t>
  </si>
  <si>
    <t>0250024</t>
  </si>
  <si>
    <t>山の神</t>
  </si>
  <si>
    <t>0250044</t>
  </si>
  <si>
    <t>湯口（石川原、田屋、二ツ堰、的場）</t>
  </si>
  <si>
    <t>0250244</t>
  </si>
  <si>
    <t>湯口（その他）</t>
  </si>
  <si>
    <t>0250304</t>
  </si>
  <si>
    <t>0250136</t>
  </si>
  <si>
    <t>横志田</t>
  </si>
  <si>
    <t>0250072</t>
  </si>
  <si>
    <t>四日町</t>
  </si>
  <si>
    <t>0250097</t>
  </si>
  <si>
    <t>0240000</t>
  </si>
  <si>
    <t>北上市</t>
  </si>
  <si>
    <t>0240051</t>
  </si>
  <si>
    <t>相去町</t>
  </si>
  <si>
    <t>0240031</t>
  </si>
  <si>
    <t>0240081</t>
  </si>
  <si>
    <t>有田町</t>
  </si>
  <si>
    <t>0240001</t>
  </si>
  <si>
    <t>飯豊</t>
  </si>
  <si>
    <t>0240041</t>
  </si>
  <si>
    <t>稲瀬町</t>
  </si>
  <si>
    <t>0240021</t>
  </si>
  <si>
    <t>0240054</t>
  </si>
  <si>
    <t>大堤東</t>
  </si>
  <si>
    <t>0240053</t>
  </si>
  <si>
    <t>大堤西</t>
  </si>
  <si>
    <t>0240055</t>
  </si>
  <si>
    <t>大堤南</t>
  </si>
  <si>
    <t>0240052</t>
  </si>
  <si>
    <t>大堤北</t>
  </si>
  <si>
    <t>0240061</t>
  </si>
  <si>
    <t>0240091</t>
  </si>
  <si>
    <t>大曲町</t>
  </si>
  <si>
    <t>0240056</t>
  </si>
  <si>
    <t>鬼柳町</t>
  </si>
  <si>
    <t>0240062</t>
  </si>
  <si>
    <t>0240071</t>
  </si>
  <si>
    <t>上江釣子</t>
  </si>
  <si>
    <t>0240057</t>
  </si>
  <si>
    <t>上鬼柳</t>
  </si>
  <si>
    <t>0240032</t>
  </si>
  <si>
    <t>0240072</t>
  </si>
  <si>
    <t>北鬼柳</t>
  </si>
  <si>
    <t>0240102</t>
  </si>
  <si>
    <t>北工業団地（３、５番地）</t>
  </si>
  <si>
    <t>0240002</t>
  </si>
  <si>
    <t>北工業団地（その他）</t>
  </si>
  <si>
    <t>0240211</t>
  </si>
  <si>
    <t>口内町</t>
  </si>
  <si>
    <t>0240063</t>
  </si>
  <si>
    <t>九年橋</t>
  </si>
  <si>
    <t>0240042</t>
  </si>
  <si>
    <t>0240022</t>
  </si>
  <si>
    <t>黒沢尻</t>
  </si>
  <si>
    <t>0240105</t>
  </si>
  <si>
    <t>小鳥崎</t>
  </si>
  <si>
    <t>0240033</t>
  </si>
  <si>
    <t>0240084</t>
  </si>
  <si>
    <t>さくら通り</t>
  </si>
  <si>
    <t>0240023</t>
  </si>
  <si>
    <t>里分</t>
  </si>
  <si>
    <t>0240103</t>
  </si>
  <si>
    <t>更木</t>
  </si>
  <si>
    <t>0240073</t>
  </si>
  <si>
    <t>下江釣子</t>
  </si>
  <si>
    <t>0240058</t>
  </si>
  <si>
    <t>下鬼柳</t>
  </si>
  <si>
    <t>0240092</t>
  </si>
  <si>
    <t>新穀町</t>
  </si>
  <si>
    <t>0240034</t>
  </si>
  <si>
    <t>0240043</t>
  </si>
  <si>
    <t>0240011</t>
  </si>
  <si>
    <t>堤ケ丘</t>
  </si>
  <si>
    <t>0240012</t>
  </si>
  <si>
    <t>0240024</t>
  </si>
  <si>
    <t>0240074</t>
  </si>
  <si>
    <t>滑田</t>
  </si>
  <si>
    <t>0240003</t>
  </si>
  <si>
    <t>0240075</t>
  </si>
  <si>
    <t>新平</t>
  </si>
  <si>
    <t>0240076</t>
  </si>
  <si>
    <t>鳩岡崎</t>
  </si>
  <si>
    <t>0240035</t>
  </si>
  <si>
    <t>0240044</t>
  </si>
  <si>
    <t>0240101</t>
  </si>
  <si>
    <t>臥牛</t>
  </si>
  <si>
    <t>0240013</t>
  </si>
  <si>
    <t>0240104</t>
  </si>
  <si>
    <t>0240093</t>
  </si>
  <si>
    <t>本石町</t>
  </si>
  <si>
    <t>0240094</t>
  </si>
  <si>
    <t>本通り</t>
  </si>
  <si>
    <t>0240025</t>
  </si>
  <si>
    <t>孫屋敷</t>
  </si>
  <si>
    <t>0240082</t>
  </si>
  <si>
    <t>町分</t>
  </si>
  <si>
    <t>0240004</t>
  </si>
  <si>
    <t>村崎野</t>
  </si>
  <si>
    <t>0240083</t>
  </si>
  <si>
    <t>柳原町</t>
  </si>
  <si>
    <t>0240045</t>
  </si>
  <si>
    <t>0240095</t>
  </si>
  <si>
    <t>芳町</t>
  </si>
  <si>
    <t>0240014</t>
  </si>
  <si>
    <t>流通センター</t>
  </si>
  <si>
    <t>0240064</t>
  </si>
  <si>
    <t>0240321</t>
  </si>
  <si>
    <t>和賀町岩崎</t>
  </si>
  <si>
    <t>0240322</t>
  </si>
  <si>
    <t>和賀町岩崎新田</t>
  </si>
  <si>
    <t>0240325</t>
  </si>
  <si>
    <t>和賀町岩沢</t>
  </si>
  <si>
    <t>0240335</t>
  </si>
  <si>
    <t>和賀町後藤</t>
  </si>
  <si>
    <t>0240323</t>
  </si>
  <si>
    <t>和賀町煤孫</t>
  </si>
  <si>
    <t>0240326</t>
  </si>
  <si>
    <t>和賀町仙人</t>
  </si>
  <si>
    <t>0240332</t>
  </si>
  <si>
    <t>和賀町竪川目</t>
  </si>
  <si>
    <t>0240333</t>
  </si>
  <si>
    <t>和賀町長沼</t>
  </si>
  <si>
    <t>0240334</t>
  </si>
  <si>
    <t>和賀町藤根</t>
  </si>
  <si>
    <t>0240324</t>
  </si>
  <si>
    <t>和賀町山口</t>
  </si>
  <si>
    <t>0240331</t>
  </si>
  <si>
    <t>和賀町横川目</t>
  </si>
  <si>
    <t>0280000</t>
  </si>
  <si>
    <t>久慈市</t>
  </si>
  <si>
    <t>0280014</t>
  </si>
  <si>
    <t>0280063</t>
  </si>
  <si>
    <t>0288111</t>
  </si>
  <si>
    <t>宇部町</t>
  </si>
  <si>
    <t>0280034</t>
  </si>
  <si>
    <t>枝成沢</t>
  </si>
  <si>
    <t>0280091</t>
  </si>
  <si>
    <t>大川目町</t>
  </si>
  <si>
    <t>0280083</t>
  </si>
  <si>
    <t>0280041</t>
  </si>
  <si>
    <t>長内町</t>
  </si>
  <si>
    <t>0280054</t>
  </si>
  <si>
    <t>0280051</t>
  </si>
  <si>
    <t>0280082</t>
  </si>
  <si>
    <t>川貫</t>
  </si>
  <si>
    <t>0280013</t>
  </si>
  <si>
    <t>京の森</t>
  </si>
  <si>
    <t>0280015</t>
  </si>
  <si>
    <t>源道</t>
  </si>
  <si>
    <t>0280071</t>
  </si>
  <si>
    <t>小久慈町</t>
  </si>
  <si>
    <t>0280024</t>
  </si>
  <si>
    <t>0287801</t>
  </si>
  <si>
    <t>侍浜町</t>
  </si>
  <si>
    <t>0280035</t>
  </si>
  <si>
    <t>0280065</t>
  </si>
  <si>
    <t>0280023</t>
  </si>
  <si>
    <t>新中の橋</t>
  </si>
  <si>
    <t>0280053</t>
  </si>
  <si>
    <t>田高</t>
  </si>
  <si>
    <t>0280055</t>
  </si>
  <si>
    <t>巽町</t>
  </si>
  <si>
    <t>0280022</t>
  </si>
  <si>
    <t>田屋町</t>
  </si>
  <si>
    <t>0280061</t>
  </si>
  <si>
    <t>0280032</t>
  </si>
  <si>
    <t>寺里</t>
  </si>
  <si>
    <t>0280031</t>
  </si>
  <si>
    <t>天神堂</t>
  </si>
  <si>
    <t>0280066</t>
  </si>
  <si>
    <t>中の橋</t>
  </si>
  <si>
    <t>0280056</t>
  </si>
  <si>
    <t>0280001</t>
  </si>
  <si>
    <t>夏井町</t>
  </si>
  <si>
    <t>0280012</t>
  </si>
  <si>
    <t>0280081</t>
  </si>
  <si>
    <t>西の沢</t>
  </si>
  <si>
    <t>0280062</t>
  </si>
  <si>
    <t>二十八日町</t>
  </si>
  <si>
    <t>0280033</t>
  </si>
  <si>
    <t>畑田</t>
  </si>
  <si>
    <t>0280052</t>
  </si>
  <si>
    <t>0280011</t>
  </si>
  <si>
    <t>0280021</t>
  </si>
  <si>
    <t>0288712</t>
  </si>
  <si>
    <t>山形町小国</t>
  </si>
  <si>
    <t>0288602</t>
  </si>
  <si>
    <t>山形町川井</t>
  </si>
  <si>
    <t>0288713</t>
  </si>
  <si>
    <t>山形町霜畑</t>
  </si>
  <si>
    <t>0288711</t>
  </si>
  <si>
    <t>山形町繋</t>
  </si>
  <si>
    <t>0288603</t>
  </si>
  <si>
    <t>山形町荷軽部</t>
  </si>
  <si>
    <t>0288604</t>
  </si>
  <si>
    <t>山形町日野沢</t>
  </si>
  <si>
    <t>0288601</t>
  </si>
  <si>
    <t>山形町戸呂町</t>
  </si>
  <si>
    <t>0288605</t>
  </si>
  <si>
    <t>山形町来内</t>
  </si>
  <si>
    <t>0288521</t>
  </si>
  <si>
    <t>0280064</t>
  </si>
  <si>
    <t>0280500</t>
  </si>
  <si>
    <t>遠野市</t>
  </si>
  <si>
    <t>0280503</t>
  </si>
  <si>
    <t>青笹町青笹</t>
  </si>
  <si>
    <t>0280502</t>
  </si>
  <si>
    <t>青笹町中沢</t>
  </si>
  <si>
    <t>0280501</t>
  </si>
  <si>
    <t>青笹町糠前</t>
  </si>
  <si>
    <t>0280533</t>
  </si>
  <si>
    <t>綾織町上綾織</t>
  </si>
  <si>
    <t>0280532</t>
  </si>
  <si>
    <t>綾織町下綾織</t>
  </si>
  <si>
    <t>0280531</t>
  </si>
  <si>
    <t>綾織町新里</t>
  </si>
  <si>
    <t>0280534</t>
  </si>
  <si>
    <t>綾織町みさ崎</t>
  </si>
  <si>
    <t>0280511</t>
  </si>
  <si>
    <t>鶯崎町</t>
  </si>
  <si>
    <t>0280481</t>
  </si>
  <si>
    <t>小友町</t>
  </si>
  <si>
    <t>0280517</t>
  </si>
  <si>
    <t>0280776</t>
  </si>
  <si>
    <t>上郷町板沢</t>
  </si>
  <si>
    <t>0280771</t>
  </si>
  <si>
    <t>上郷町佐比内</t>
  </si>
  <si>
    <t>0280775</t>
  </si>
  <si>
    <t>上郷町平倉</t>
  </si>
  <si>
    <t>0280773</t>
  </si>
  <si>
    <t>上郷町平野原</t>
  </si>
  <si>
    <t>0280772</t>
  </si>
  <si>
    <t>上郷町細越</t>
  </si>
  <si>
    <t>0280774</t>
  </si>
  <si>
    <t>上郷町来内</t>
  </si>
  <si>
    <t>0280516</t>
  </si>
  <si>
    <t>穀町</t>
  </si>
  <si>
    <t>0280521</t>
  </si>
  <si>
    <t>0280526</t>
  </si>
  <si>
    <t>下組町</t>
  </si>
  <si>
    <t>0280522</t>
  </si>
  <si>
    <t>0280524</t>
  </si>
  <si>
    <t>0280527</t>
  </si>
  <si>
    <t>0280523</t>
  </si>
  <si>
    <t>中央通り</t>
  </si>
  <si>
    <t>0280662</t>
  </si>
  <si>
    <t>附馬牛町安居台</t>
  </si>
  <si>
    <t>0280661</t>
  </si>
  <si>
    <t>附馬牛町上附馬牛</t>
  </si>
  <si>
    <t>0280663</t>
  </si>
  <si>
    <t>附馬牛町下附馬牛</t>
  </si>
  <si>
    <t>0280664</t>
  </si>
  <si>
    <t>附馬牛町東禅寺</t>
  </si>
  <si>
    <t>0280554</t>
  </si>
  <si>
    <t>土淵町飯豊</t>
  </si>
  <si>
    <t>0280553</t>
  </si>
  <si>
    <t>土淵町柏崎</t>
  </si>
  <si>
    <t>0280555</t>
  </si>
  <si>
    <t>土淵町土淵</t>
  </si>
  <si>
    <t>0280551</t>
  </si>
  <si>
    <t>土淵町栃内</t>
  </si>
  <si>
    <t>0280552</t>
  </si>
  <si>
    <t>土淵町山口</t>
  </si>
  <si>
    <t>0280514</t>
  </si>
  <si>
    <t>遠野町</t>
  </si>
  <si>
    <t>0280542</t>
  </si>
  <si>
    <t>早瀬町</t>
  </si>
  <si>
    <t>0280512</t>
  </si>
  <si>
    <t>東上組町</t>
  </si>
  <si>
    <t>0280513</t>
  </si>
  <si>
    <t>東穀町</t>
  </si>
  <si>
    <t>0280515</t>
  </si>
  <si>
    <t>東舘町</t>
  </si>
  <si>
    <t>0280543</t>
  </si>
  <si>
    <t>松崎町光興寺</t>
  </si>
  <si>
    <t>0280545</t>
  </si>
  <si>
    <t>松崎町駒木</t>
  </si>
  <si>
    <t>0280541</t>
  </si>
  <si>
    <t>松崎町白岩</t>
  </si>
  <si>
    <t>0280544</t>
  </si>
  <si>
    <t>松崎町松崎</t>
  </si>
  <si>
    <t>0280302</t>
  </si>
  <si>
    <t>宮守町上鱒沢</t>
  </si>
  <si>
    <t>0280301</t>
  </si>
  <si>
    <t>宮守町上宮守</t>
  </si>
  <si>
    <t>0280303</t>
  </si>
  <si>
    <t>宮守町下鱒沢</t>
  </si>
  <si>
    <t>0280304</t>
  </si>
  <si>
    <t>宮守町下宮守</t>
  </si>
  <si>
    <t>0280305</t>
  </si>
  <si>
    <t>宮守町達曽部</t>
  </si>
  <si>
    <t>0280525</t>
  </si>
  <si>
    <t>0210000</t>
  </si>
  <si>
    <t>一関市</t>
  </si>
  <si>
    <t>0210853</t>
  </si>
  <si>
    <t>相去</t>
  </si>
  <si>
    <t>0210031</t>
  </si>
  <si>
    <t>0210041</t>
  </si>
  <si>
    <t>0210864</t>
  </si>
  <si>
    <t>0210008</t>
  </si>
  <si>
    <t>0210894</t>
  </si>
  <si>
    <t>磐井町</t>
  </si>
  <si>
    <t>0210834</t>
  </si>
  <si>
    <t>宇南</t>
  </si>
  <si>
    <t>0210867</t>
  </si>
  <si>
    <t>0210884</t>
  </si>
  <si>
    <t>0210881</t>
  </si>
  <si>
    <t>0210882</t>
  </si>
  <si>
    <t>上大槻街</t>
  </si>
  <si>
    <t>0210007</t>
  </si>
  <si>
    <t>上日照</t>
  </si>
  <si>
    <t>0210833</t>
  </si>
  <si>
    <t>柄貝</t>
  </si>
  <si>
    <t>0290202</t>
  </si>
  <si>
    <t>川崎町薄衣</t>
  </si>
  <si>
    <t>0290201</t>
  </si>
  <si>
    <t>川崎町門崎</t>
  </si>
  <si>
    <t>0210802</t>
  </si>
  <si>
    <t>北十軒街</t>
  </si>
  <si>
    <t>0210814</t>
  </si>
  <si>
    <t>北ほうりょう</t>
  </si>
  <si>
    <t>0210811</t>
  </si>
  <si>
    <t>0210101</t>
  </si>
  <si>
    <t>厳美町</t>
  </si>
  <si>
    <t>0290131</t>
  </si>
  <si>
    <t>狐禅寺</t>
  </si>
  <si>
    <t>0210804</t>
  </si>
  <si>
    <t>五十人町</t>
  </si>
  <si>
    <t>0210022</t>
  </si>
  <si>
    <t>五代町</t>
  </si>
  <si>
    <t>0210052</t>
  </si>
  <si>
    <t>0210024</t>
  </si>
  <si>
    <t>0210891</t>
  </si>
  <si>
    <t>0210801</t>
  </si>
  <si>
    <t>桜街</t>
  </si>
  <si>
    <t>0210852</t>
  </si>
  <si>
    <t>0210832</t>
  </si>
  <si>
    <t>散田</t>
  </si>
  <si>
    <t>0210821</t>
  </si>
  <si>
    <t>三関</t>
  </si>
  <si>
    <t>0210893</t>
  </si>
  <si>
    <t>地主町</t>
  </si>
  <si>
    <t>0210806</t>
  </si>
  <si>
    <t>下大槻街</t>
  </si>
  <si>
    <t>0210877</t>
  </si>
  <si>
    <t>0210006</t>
  </si>
  <si>
    <t>上坊</t>
  </si>
  <si>
    <t>0210883</t>
  </si>
  <si>
    <t>新大町</t>
  </si>
  <si>
    <t>0210001</t>
  </si>
  <si>
    <t>0210841</t>
  </si>
  <si>
    <t>吸川街</t>
  </si>
  <si>
    <t>0210032</t>
  </si>
  <si>
    <t>0210851</t>
  </si>
  <si>
    <t>関が丘</t>
  </si>
  <si>
    <t>0290804</t>
  </si>
  <si>
    <t>千厩町磐清水</t>
  </si>
  <si>
    <t>0291111</t>
  </si>
  <si>
    <t>千厩町奥玉</t>
  </si>
  <si>
    <t>0290801</t>
  </si>
  <si>
    <t>千厩町清田</t>
  </si>
  <si>
    <t>0290802</t>
  </si>
  <si>
    <t>千厩町小梨</t>
  </si>
  <si>
    <t>0290803</t>
  </si>
  <si>
    <t>千厩町千厩</t>
  </si>
  <si>
    <t>0290711</t>
  </si>
  <si>
    <t>大東町大原</t>
  </si>
  <si>
    <t>0290603</t>
  </si>
  <si>
    <t>大東町沖田</t>
  </si>
  <si>
    <t>0290431</t>
  </si>
  <si>
    <t>大東町猿沢</t>
  </si>
  <si>
    <t>0290521</t>
  </si>
  <si>
    <t>大東町渋民</t>
  </si>
  <si>
    <t>0290523</t>
  </si>
  <si>
    <t>大東町摺沢</t>
  </si>
  <si>
    <t>0290522</t>
  </si>
  <si>
    <t>大東町曽慶</t>
  </si>
  <si>
    <t>0290602</t>
  </si>
  <si>
    <t>大東町鳥海</t>
  </si>
  <si>
    <t>0290601</t>
  </si>
  <si>
    <t>大東町中川</t>
  </si>
  <si>
    <t>0210873</t>
  </si>
  <si>
    <t>0210875</t>
  </si>
  <si>
    <t>高崎町</t>
  </si>
  <si>
    <t>0290132</t>
  </si>
  <si>
    <t>0210027</t>
  </si>
  <si>
    <t>竹山町</t>
  </si>
  <si>
    <t>0210885</t>
  </si>
  <si>
    <t>0210844</t>
  </si>
  <si>
    <t>0210021</t>
  </si>
  <si>
    <t>0210862</t>
  </si>
  <si>
    <t>0210874</t>
  </si>
  <si>
    <t>釣山</t>
  </si>
  <si>
    <t>0210023</t>
  </si>
  <si>
    <t>銅谷町</t>
  </si>
  <si>
    <t>0210005</t>
  </si>
  <si>
    <t>中里（沢田）</t>
  </si>
  <si>
    <t>0210002</t>
  </si>
  <si>
    <t>中里（その他）</t>
  </si>
  <si>
    <t>0210836</t>
  </si>
  <si>
    <t>鳴神</t>
  </si>
  <si>
    <t>0210865</t>
  </si>
  <si>
    <t>新山</t>
  </si>
  <si>
    <t>0210854</t>
  </si>
  <si>
    <t>西沢</t>
  </si>
  <si>
    <t>0210835</t>
  </si>
  <si>
    <t>0210831</t>
  </si>
  <si>
    <t>0210102</t>
  </si>
  <si>
    <t>萩荘（赤猪子、芦ノ口、甘蕨、老流、大沢、上宇津野、上本郷、上要害、化粧</t>
  </si>
  <si>
    <t>坂、三月田、下宇津野、下本郷、外山、堂の沢、栃倉、栃倉南、長倉、中沢、</t>
  </si>
  <si>
    <t>八森、馬場、広面、平場、古釜場、曲淵、松原、南沢、谷起、焼切、八瀬、</t>
  </si>
  <si>
    <t>八幡、山ノ沢）</t>
  </si>
  <si>
    <t>0210902</t>
  </si>
  <si>
    <t>萩荘（その他）</t>
  </si>
  <si>
    <t>0210861</t>
  </si>
  <si>
    <t>機織山</t>
  </si>
  <si>
    <t>0210871</t>
  </si>
  <si>
    <t>0293103</t>
  </si>
  <si>
    <t>花泉町老松</t>
  </si>
  <si>
    <t>0293102</t>
  </si>
  <si>
    <t>花泉町金沢</t>
  </si>
  <si>
    <t>0293206</t>
  </si>
  <si>
    <t>花泉町永井</t>
  </si>
  <si>
    <t>0293101</t>
  </si>
  <si>
    <t>花泉町花泉</t>
  </si>
  <si>
    <t>0293104</t>
  </si>
  <si>
    <t>花泉町日形</t>
  </si>
  <si>
    <t>0293207</t>
  </si>
  <si>
    <t>花泉町油島</t>
  </si>
  <si>
    <t>0293105</t>
  </si>
  <si>
    <t>花泉町涌津（一ノ町、二ノ町、上原、境、古川、道下）</t>
  </si>
  <si>
    <t>0293205</t>
  </si>
  <si>
    <t>花泉町涌津（その他）</t>
  </si>
  <si>
    <t>0210807</t>
  </si>
  <si>
    <t>東花王町</t>
  </si>
  <si>
    <t>0210003</t>
  </si>
  <si>
    <t>東五代</t>
  </si>
  <si>
    <t>0210892</t>
  </si>
  <si>
    <t>東地主町</t>
  </si>
  <si>
    <t>0210822</t>
  </si>
  <si>
    <t>0290301</t>
  </si>
  <si>
    <t>東山町田河津</t>
  </si>
  <si>
    <t>0290302</t>
  </si>
  <si>
    <t>東山町長坂</t>
  </si>
  <si>
    <t>0290303</t>
  </si>
  <si>
    <t>東山町松川</t>
  </si>
  <si>
    <t>0210876</t>
  </si>
  <si>
    <t>広街</t>
  </si>
  <si>
    <t>0210812</t>
  </si>
  <si>
    <t>樋渡</t>
  </si>
  <si>
    <t>0210843</t>
  </si>
  <si>
    <t>深町</t>
  </si>
  <si>
    <t>0210221</t>
  </si>
  <si>
    <t>舞川</t>
  </si>
  <si>
    <t>0210901</t>
  </si>
  <si>
    <t>真柴</t>
  </si>
  <si>
    <t>0210004</t>
  </si>
  <si>
    <t>町浦</t>
  </si>
  <si>
    <t>0210866</t>
  </si>
  <si>
    <t>0210803</t>
  </si>
  <si>
    <t>南十軒街</t>
  </si>
  <si>
    <t>0210813</t>
  </si>
  <si>
    <t>南ほうりょう</t>
  </si>
  <si>
    <t>0210863</t>
  </si>
  <si>
    <t>0210872</t>
  </si>
  <si>
    <t>宮坂町</t>
  </si>
  <si>
    <t>0210013</t>
  </si>
  <si>
    <t>0210012</t>
  </si>
  <si>
    <t>0291201</t>
  </si>
  <si>
    <t>室根町折壁</t>
  </si>
  <si>
    <t>0291211</t>
  </si>
  <si>
    <t>室根町津谷川</t>
  </si>
  <si>
    <t>0291202</t>
  </si>
  <si>
    <t>室根町矢越</t>
  </si>
  <si>
    <t>0290211</t>
  </si>
  <si>
    <t>0210842</t>
  </si>
  <si>
    <t>0210063</t>
  </si>
  <si>
    <t>山目（大槻）</t>
  </si>
  <si>
    <t>0210035</t>
  </si>
  <si>
    <t>山目（才天）</t>
  </si>
  <si>
    <t>0210054</t>
  </si>
  <si>
    <t>山目（境）</t>
  </si>
  <si>
    <t>0210033</t>
  </si>
  <si>
    <t>山目（里前）</t>
  </si>
  <si>
    <t>0210064</t>
  </si>
  <si>
    <t>山目（沢内）</t>
  </si>
  <si>
    <t>0210051</t>
  </si>
  <si>
    <t>山目（三反田）</t>
  </si>
  <si>
    <t>0210036</t>
  </si>
  <si>
    <t>山目（十二神）</t>
  </si>
  <si>
    <t>0210034</t>
  </si>
  <si>
    <t>山目（立沢）</t>
  </si>
  <si>
    <t>0210061</t>
  </si>
  <si>
    <t>山目（館）</t>
  </si>
  <si>
    <t>0210062</t>
  </si>
  <si>
    <t>山目（寺前）</t>
  </si>
  <si>
    <t>0210055</t>
  </si>
  <si>
    <t>山目（泥田）</t>
  </si>
  <si>
    <t>0210056</t>
  </si>
  <si>
    <t>山目（泥田山下）</t>
  </si>
  <si>
    <t>0210053</t>
  </si>
  <si>
    <t>山目（中野）</t>
  </si>
  <si>
    <t>0210026</t>
  </si>
  <si>
    <t>山目（前田）</t>
  </si>
  <si>
    <t>0210025</t>
  </si>
  <si>
    <t>山目（向野）</t>
  </si>
  <si>
    <t>0210011</t>
  </si>
  <si>
    <t>山目町</t>
  </si>
  <si>
    <t>0210805</t>
  </si>
  <si>
    <t>0210815</t>
  </si>
  <si>
    <t>要害</t>
  </si>
  <si>
    <t>0210014</t>
  </si>
  <si>
    <t>蘭梅町</t>
  </si>
  <si>
    <t>0292200</t>
  </si>
  <si>
    <t>陸前高田市</t>
  </si>
  <si>
    <t>0292207</t>
  </si>
  <si>
    <t>0292204</t>
  </si>
  <si>
    <t>気仙町</t>
  </si>
  <si>
    <t>0292205</t>
  </si>
  <si>
    <t>0292203</t>
  </si>
  <si>
    <t>竹駒町</t>
  </si>
  <si>
    <t>0292208</t>
  </si>
  <si>
    <t>広田町</t>
  </si>
  <si>
    <t>0292201</t>
  </si>
  <si>
    <t>0292202</t>
  </si>
  <si>
    <t>横田町</t>
  </si>
  <si>
    <t>0292206</t>
  </si>
  <si>
    <t>米崎町</t>
  </si>
  <si>
    <t>0260000</t>
  </si>
  <si>
    <t>釜石市</t>
  </si>
  <si>
    <t>0260012</t>
  </si>
  <si>
    <t>魚河岸</t>
  </si>
  <si>
    <t>0260301</t>
  </si>
  <si>
    <t>鵜住居町</t>
  </si>
  <si>
    <t>0260003</t>
  </si>
  <si>
    <t>嬉石町</t>
  </si>
  <si>
    <t>0260022</t>
  </si>
  <si>
    <t>大只越町</t>
  </si>
  <si>
    <t>0260002</t>
  </si>
  <si>
    <t>0260024</t>
  </si>
  <si>
    <t>0260025</t>
  </si>
  <si>
    <t>大渡町</t>
  </si>
  <si>
    <t>0260302</t>
  </si>
  <si>
    <t>片岸町</t>
  </si>
  <si>
    <t>0260055</t>
  </si>
  <si>
    <t>甲子町</t>
  </si>
  <si>
    <t>0260026</t>
  </si>
  <si>
    <t>釜石</t>
  </si>
  <si>
    <t>0260041</t>
  </si>
  <si>
    <t>上中島町</t>
  </si>
  <si>
    <t>0260412</t>
  </si>
  <si>
    <t>栗林町</t>
  </si>
  <si>
    <t>0260042</t>
  </si>
  <si>
    <t>源太沢町</t>
  </si>
  <si>
    <t>0260045</t>
  </si>
  <si>
    <t>0260052</t>
  </si>
  <si>
    <t>小佐野町</t>
  </si>
  <si>
    <t>0260033</t>
  </si>
  <si>
    <t>0260046</t>
  </si>
  <si>
    <t>0260053</t>
  </si>
  <si>
    <t>定内町</t>
  </si>
  <si>
    <t>0260015</t>
  </si>
  <si>
    <t>0260043</t>
  </si>
  <si>
    <t>0260031</t>
  </si>
  <si>
    <t>鈴子町</t>
  </si>
  <si>
    <t>0260044</t>
  </si>
  <si>
    <t>0260021</t>
  </si>
  <si>
    <t>只越町</t>
  </si>
  <si>
    <t>0260032</t>
  </si>
  <si>
    <t>0260023</t>
  </si>
  <si>
    <t>0260061</t>
  </si>
  <si>
    <t>唐丹町（鍋倉）</t>
  </si>
  <si>
    <t>0260121</t>
  </si>
  <si>
    <t>唐丹町（その他）</t>
  </si>
  <si>
    <t>0260034</t>
  </si>
  <si>
    <t>中妻町</t>
  </si>
  <si>
    <t>0260054</t>
  </si>
  <si>
    <t>0260303</t>
  </si>
  <si>
    <t>0260411</t>
  </si>
  <si>
    <t>橋野町</t>
  </si>
  <si>
    <t>0260013</t>
  </si>
  <si>
    <t>0260014</t>
  </si>
  <si>
    <t>東前町</t>
  </si>
  <si>
    <t>0260001</t>
  </si>
  <si>
    <t>0260004</t>
  </si>
  <si>
    <t>0260011</t>
  </si>
  <si>
    <t>0260035</t>
  </si>
  <si>
    <t>八雲町</t>
  </si>
  <si>
    <t>0260304</t>
  </si>
  <si>
    <t>両石町</t>
  </si>
  <si>
    <t>0260051</t>
  </si>
  <si>
    <t>礼ケ口町</t>
  </si>
  <si>
    <t>0286100</t>
  </si>
  <si>
    <t>二戸市</t>
  </si>
  <si>
    <t>0286723</t>
  </si>
  <si>
    <t>安比</t>
  </si>
  <si>
    <t>0286103</t>
  </si>
  <si>
    <t>石切所</t>
  </si>
  <si>
    <t>0285713</t>
  </si>
  <si>
    <t>釜沢</t>
  </si>
  <si>
    <t>0286108</t>
  </si>
  <si>
    <t>上斗米</t>
  </si>
  <si>
    <t>0285711</t>
  </si>
  <si>
    <t>金田一</t>
  </si>
  <si>
    <t>0285702</t>
  </si>
  <si>
    <t>下斗米（外芹沢、月折、土橋）</t>
  </si>
  <si>
    <t>0286102</t>
  </si>
  <si>
    <t>下斗米（その他）</t>
  </si>
  <si>
    <t>0286857</t>
  </si>
  <si>
    <t>浄法寺町合名沢</t>
  </si>
  <si>
    <t>0286944</t>
  </si>
  <si>
    <t>浄法寺町飛鳥</t>
  </si>
  <si>
    <t>0286945</t>
  </si>
  <si>
    <t>浄法寺町飛鳥谷地</t>
  </si>
  <si>
    <t>0286946</t>
  </si>
  <si>
    <t>浄法寺町安比内</t>
  </si>
  <si>
    <t>0286947</t>
  </si>
  <si>
    <t>浄法寺町安比内沢</t>
  </si>
  <si>
    <t>0286883</t>
  </si>
  <si>
    <t>浄法寺町荒谷</t>
  </si>
  <si>
    <t>0286837</t>
  </si>
  <si>
    <t>浄法寺町荒屋敷</t>
  </si>
  <si>
    <t>0286866</t>
  </si>
  <si>
    <t>浄法寺町飯近</t>
  </si>
  <si>
    <t>0286924</t>
  </si>
  <si>
    <t>浄法寺町家ノ上</t>
  </si>
  <si>
    <t>0286877</t>
  </si>
  <si>
    <t>浄法寺町伊崎沢</t>
  </si>
  <si>
    <t>0286874</t>
  </si>
  <si>
    <t>浄法寺町一反田</t>
  </si>
  <si>
    <t>0286847</t>
  </si>
  <si>
    <t>浄法寺町岩渕</t>
  </si>
  <si>
    <t>0286943</t>
  </si>
  <si>
    <t>浄法寺町後久保</t>
  </si>
  <si>
    <t>0286848</t>
  </si>
  <si>
    <t>浄法寺町ウト坂</t>
  </si>
  <si>
    <t>0286819</t>
  </si>
  <si>
    <t>浄法寺町馬洗場</t>
  </si>
  <si>
    <t>0286879</t>
  </si>
  <si>
    <t>浄法寺町梅ノ木</t>
  </si>
  <si>
    <t>0286833</t>
  </si>
  <si>
    <t>浄法寺町漆沢</t>
  </si>
  <si>
    <t>0286817</t>
  </si>
  <si>
    <t>浄法寺町漆沢大久保</t>
  </si>
  <si>
    <t>0286832</t>
  </si>
  <si>
    <t>浄法寺町漆沢上平</t>
  </si>
  <si>
    <t>0286845</t>
  </si>
  <si>
    <t>浄法寺町漆沢上前田</t>
  </si>
  <si>
    <t>0286831</t>
  </si>
  <si>
    <t>浄法寺町漆沢下平</t>
  </si>
  <si>
    <t>0286835</t>
  </si>
  <si>
    <t>浄法寺町漆沢下モ前田</t>
  </si>
  <si>
    <t>0286822</t>
  </si>
  <si>
    <t>浄法寺町漆沢舘</t>
  </si>
  <si>
    <t>0286842</t>
  </si>
  <si>
    <t>浄法寺町漆沢中前田</t>
  </si>
  <si>
    <t>0286985</t>
  </si>
  <si>
    <t>浄法寺町漆畑</t>
  </si>
  <si>
    <t>0286878</t>
  </si>
  <si>
    <t>浄法寺町漆原</t>
  </si>
  <si>
    <t>0286861</t>
  </si>
  <si>
    <t>浄法寺町上野</t>
  </si>
  <si>
    <t>0286873</t>
  </si>
  <si>
    <t>浄法寺町大志田</t>
  </si>
  <si>
    <t>0286919</t>
  </si>
  <si>
    <t>浄法寺町大清水荒屋</t>
  </si>
  <si>
    <t>0286916</t>
  </si>
  <si>
    <t>浄法寺町大清水下モ平</t>
  </si>
  <si>
    <t>0286929</t>
  </si>
  <si>
    <t>浄法寺町大清水空久保</t>
  </si>
  <si>
    <t>0286917</t>
  </si>
  <si>
    <t>浄法寺町大清水前田</t>
  </si>
  <si>
    <t>0286813</t>
  </si>
  <si>
    <t>浄法寺町大平</t>
  </si>
  <si>
    <t>0286958</t>
  </si>
  <si>
    <t>浄法寺町大手</t>
  </si>
  <si>
    <t>0286937</t>
  </si>
  <si>
    <t>浄法寺町大畑</t>
  </si>
  <si>
    <t>0286849</t>
  </si>
  <si>
    <t>浄法寺町岡本</t>
  </si>
  <si>
    <t>0286844</t>
  </si>
  <si>
    <t>浄法寺町岡本前田</t>
  </si>
  <si>
    <t>0286939</t>
  </si>
  <si>
    <t>浄法寺町長流部</t>
  </si>
  <si>
    <t>0286942</t>
  </si>
  <si>
    <t>浄法寺町御山久保</t>
  </si>
  <si>
    <t>0286938</t>
  </si>
  <si>
    <t>浄法寺町御山上平</t>
  </si>
  <si>
    <t>0286933</t>
  </si>
  <si>
    <t>浄法寺町御山上野</t>
  </si>
  <si>
    <t>0286952</t>
  </si>
  <si>
    <t>浄法寺町御山大久保</t>
  </si>
  <si>
    <t>0286935</t>
  </si>
  <si>
    <t>浄法寺町御山下前田</t>
  </si>
  <si>
    <t>0286948</t>
  </si>
  <si>
    <t>浄法寺町御山舘</t>
  </si>
  <si>
    <t>0286941</t>
  </si>
  <si>
    <t>浄法寺町御山中前田</t>
  </si>
  <si>
    <t>0286949</t>
  </si>
  <si>
    <t>浄法寺町御山前田</t>
  </si>
  <si>
    <t>0286966</t>
  </si>
  <si>
    <t>浄法寺町海上</t>
  </si>
  <si>
    <t>0286957</t>
  </si>
  <si>
    <t>浄法寺町海上田</t>
  </si>
  <si>
    <t>0286968</t>
  </si>
  <si>
    <t>浄法寺町海上前田</t>
  </si>
  <si>
    <t>0286818</t>
  </si>
  <si>
    <t>浄法寺町鏡田</t>
  </si>
  <si>
    <t>0286984</t>
  </si>
  <si>
    <t>浄法寺町柿ノ木平</t>
  </si>
  <si>
    <t>0286955</t>
  </si>
  <si>
    <t>浄法寺町桂平</t>
  </si>
  <si>
    <t>0286906</t>
  </si>
  <si>
    <t>浄法寺町上杉沢</t>
  </si>
  <si>
    <t>0286856</t>
  </si>
  <si>
    <t>浄法寺町上外野</t>
  </si>
  <si>
    <t>0286911</t>
  </si>
  <si>
    <t>浄法寺町上前田</t>
  </si>
  <si>
    <t>0286816</t>
  </si>
  <si>
    <t>浄法寺町上谷地</t>
  </si>
  <si>
    <t>0286826</t>
  </si>
  <si>
    <t>浄法寺町川又</t>
  </si>
  <si>
    <t>0286926</t>
  </si>
  <si>
    <t>浄法寺町門崎</t>
  </si>
  <si>
    <t>0286953</t>
  </si>
  <si>
    <t>浄法寺町木沢畑向</t>
  </si>
  <si>
    <t>0286814</t>
  </si>
  <si>
    <t>浄法寺町北村</t>
  </si>
  <si>
    <t>0286981</t>
  </si>
  <si>
    <t>浄法寺町五庵</t>
  </si>
  <si>
    <t>0286851</t>
  </si>
  <si>
    <t>浄法寺町小池</t>
  </si>
  <si>
    <t>0286921</t>
  </si>
  <si>
    <t>浄法寺町小泉</t>
  </si>
  <si>
    <t>0286821</t>
  </si>
  <si>
    <t>浄法寺町小平</t>
  </si>
  <si>
    <t>0286977</t>
  </si>
  <si>
    <t>浄法寺町駒ケ嶺</t>
  </si>
  <si>
    <t>0286973</t>
  </si>
  <si>
    <t>浄法寺町駒ケ嶺舘</t>
  </si>
  <si>
    <t>0286979</t>
  </si>
  <si>
    <t>浄法寺町駒ケ嶺野田</t>
  </si>
  <si>
    <t>0286978</t>
  </si>
  <si>
    <t>浄法寺町駒ケ嶺前田</t>
  </si>
  <si>
    <t>0286963</t>
  </si>
  <si>
    <t>浄法寺町小又</t>
  </si>
  <si>
    <t>0286853</t>
  </si>
  <si>
    <t>浄法寺町サイカツ田</t>
  </si>
  <si>
    <t>0286918</t>
  </si>
  <si>
    <t>浄法寺町サイカツ平</t>
  </si>
  <si>
    <t>0286903</t>
  </si>
  <si>
    <t>浄法寺町坂本</t>
  </si>
  <si>
    <t>0286972</t>
  </si>
  <si>
    <t>浄法寺町桜田</t>
  </si>
  <si>
    <t>0286872</t>
  </si>
  <si>
    <t>浄法寺町里川目</t>
  </si>
  <si>
    <t>0286904</t>
  </si>
  <si>
    <t>浄法寺町里代</t>
  </si>
  <si>
    <t>0286934</t>
  </si>
  <si>
    <t>浄法寺町沢田</t>
  </si>
  <si>
    <t>0286928</t>
  </si>
  <si>
    <t>浄法寺町山内</t>
  </si>
  <si>
    <t>0286846</t>
  </si>
  <si>
    <t>浄法寺町下タ前田</t>
  </si>
  <si>
    <t>0286923</t>
  </si>
  <si>
    <t>浄法寺町下村</t>
  </si>
  <si>
    <t>0286931</t>
  </si>
  <si>
    <t>浄法寺町尻平</t>
  </si>
  <si>
    <t>0286951</t>
  </si>
  <si>
    <t>浄法寺町清水尻</t>
  </si>
  <si>
    <t>0286907</t>
  </si>
  <si>
    <t>浄法寺町季ケ平</t>
  </si>
  <si>
    <t>0286812</t>
  </si>
  <si>
    <t>浄法寺町下沢</t>
  </si>
  <si>
    <t>0286913</t>
  </si>
  <si>
    <t>浄法寺町下ノ沢</t>
  </si>
  <si>
    <t>0286983</t>
  </si>
  <si>
    <t>浄法寺町下藤</t>
  </si>
  <si>
    <t>0286854</t>
  </si>
  <si>
    <t>浄法寺町下前田</t>
  </si>
  <si>
    <t>0286915</t>
  </si>
  <si>
    <t>浄法寺町霜屋敷</t>
  </si>
  <si>
    <t>0286922</t>
  </si>
  <si>
    <t>浄法寺町下谷地</t>
  </si>
  <si>
    <t>0286855</t>
  </si>
  <si>
    <t>浄法寺町浄法寺</t>
  </si>
  <si>
    <t>0286884</t>
  </si>
  <si>
    <t>浄法寺町新山</t>
  </si>
  <si>
    <t>0286836</t>
  </si>
  <si>
    <t>浄法寺町関田</t>
  </si>
  <si>
    <t>0286967</t>
  </si>
  <si>
    <t>浄法寺町惣川原田</t>
  </si>
  <si>
    <t>0286905</t>
  </si>
  <si>
    <t>浄法寺町空久保</t>
  </si>
  <si>
    <t>0286956</t>
  </si>
  <si>
    <t>浄法寺町大坊</t>
  </si>
  <si>
    <t>0286961</t>
  </si>
  <si>
    <t>浄法寺町滝見橋</t>
  </si>
  <si>
    <t>0286876</t>
  </si>
  <si>
    <t>浄法寺町田子内沢</t>
  </si>
  <si>
    <t>0286875</t>
  </si>
  <si>
    <t>浄法寺町舘</t>
  </si>
  <si>
    <t>0286975</t>
  </si>
  <si>
    <t>浄法寺町田余内</t>
  </si>
  <si>
    <t>0286868</t>
  </si>
  <si>
    <t>浄法寺町長者花</t>
  </si>
  <si>
    <t>0286843</t>
  </si>
  <si>
    <t>浄法寺町堤口</t>
  </si>
  <si>
    <t>0286811</t>
  </si>
  <si>
    <t>浄法寺町手倉森</t>
  </si>
  <si>
    <t>0286862</t>
  </si>
  <si>
    <t>浄法寺町寺ノ上</t>
  </si>
  <si>
    <t>0286976</t>
  </si>
  <si>
    <t>浄法寺町樋口</t>
  </si>
  <si>
    <t>0286852</t>
  </si>
  <si>
    <t>浄法寺町樋田</t>
  </si>
  <si>
    <t>0286825</t>
  </si>
  <si>
    <t>浄法寺町長坂</t>
  </si>
  <si>
    <t>0286936</t>
  </si>
  <si>
    <t>浄法寺町長渡路</t>
  </si>
  <si>
    <t>0286974</t>
  </si>
  <si>
    <t>浄法寺町中畑</t>
  </si>
  <si>
    <t>0286912</t>
  </si>
  <si>
    <t>浄法寺町中前田</t>
  </si>
  <si>
    <t>0286824</t>
  </si>
  <si>
    <t>浄法寺町西ノ沢</t>
  </si>
  <si>
    <t>0286964</t>
  </si>
  <si>
    <t>浄法寺町沼久保</t>
  </si>
  <si>
    <t>0286908</t>
  </si>
  <si>
    <t>浄法寺町野黒沢</t>
  </si>
  <si>
    <t>0286865</t>
  </si>
  <si>
    <t>浄法寺町野田</t>
  </si>
  <si>
    <t>0286925</t>
  </si>
  <si>
    <t>浄法寺町梅田</t>
  </si>
  <si>
    <t>0286863</t>
  </si>
  <si>
    <t>浄法寺町八幡舘</t>
  </si>
  <si>
    <t>0286815</t>
  </si>
  <si>
    <t>浄法寺町八方口</t>
  </si>
  <si>
    <t>0286962</t>
  </si>
  <si>
    <t>浄法寺町馬場向</t>
  </si>
  <si>
    <t>0286969</t>
  </si>
  <si>
    <t>浄法寺町端保口</t>
  </si>
  <si>
    <t>0286954</t>
  </si>
  <si>
    <t>浄法寺町早坂</t>
  </si>
  <si>
    <t>0286882</t>
  </si>
  <si>
    <t>浄法寺町羽余内</t>
  </si>
  <si>
    <t>0286901</t>
  </si>
  <si>
    <t>浄法寺町深堀</t>
  </si>
  <si>
    <t>0286834</t>
  </si>
  <si>
    <t>浄法寺町細田</t>
  </si>
  <si>
    <t>0286841</t>
  </si>
  <si>
    <t>浄法寺町松岡</t>
  </si>
  <si>
    <t>0286932</t>
  </si>
  <si>
    <t>浄法寺町松畑</t>
  </si>
  <si>
    <t>0286823</t>
  </si>
  <si>
    <t>浄法寺町宮沢</t>
  </si>
  <si>
    <t>0286902</t>
  </si>
  <si>
    <t>浄法寺町明神沢</t>
  </si>
  <si>
    <t>0286971</t>
  </si>
  <si>
    <t>浄法寺町向川原</t>
  </si>
  <si>
    <t>0286838</t>
  </si>
  <si>
    <t>浄法寺町向田</t>
  </si>
  <si>
    <t>0286885</t>
  </si>
  <si>
    <t>浄法寺町森越</t>
  </si>
  <si>
    <t>0286864</t>
  </si>
  <si>
    <t>浄法寺町門前向</t>
  </si>
  <si>
    <t>0286867</t>
  </si>
  <si>
    <t>浄法寺町焼場</t>
  </si>
  <si>
    <t>0286871</t>
  </si>
  <si>
    <t>浄法寺町安戸</t>
  </si>
  <si>
    <t>0286965</t>
  </si>
  <si>
    <t>浄法寺町谷地屋敷</t>
  </si>
  <si>
    <t>0286982</t>
  </si>
  <si>
    <t>浄法寺町焼切</t>
  </si>
  <si>
    <t>0286927</t>
  </si>
  <si>
    <t>浄法寺町湯沢</t>
  </si>
  <si>
    <t>0286914</t>
  </si>
  <si>
    <t>浄法寺町和泉田</t>
  </si>
  <si>
    <t>0286881</t>
  </si>
  <si>
    <t>浄法寺町渡ノ羽</t>
  </si>
  <si>
    <t>0286107</t>
  </si>
  <si>
    <t>0286724</t>
  </si>
  <si>
    <t>足沢</t>
  </si>
  <si>
    <t>0286106</t>
  </si>
  <si>
    <t>仁左平</t>
  </si>
  <si>
    <t>0286721</t>
  </si>
  <si>
    <t>似鳥</t>
  </si>
  <si>
    <t>0285712</t>
  </si>
  <si>
    <t>野々上</t>
  </si>
  <si>
    <t>0286101</t>
  </si>
  <si>
    <t>0286722</t>
  </si>
  <si>
    <t>0286105</t>
  </si>
  <si>
    <t>堀野</t>
  </si>
  <si>
    <t>0286104</t>
  </si>
  <si>
    <t>0287100</t>
  </si>
  <si>
    <t>八幡平市</t>
  </si>
  <si>
    <t>0287619</t>
  </si>
  <si>
    <t>0287635</t>
  </si>
  <si>
    <t>愛の山</t>
  </si>
  <si>
    <t>0287526</t>
  </si>
  <si>
    <t>赤子平</t>
  </si>
  <si>
    <t>0287554</t>
  </si>
  <si>
    <t>赤坂田</t>
  </si>
  <si>
    <t>0287679</t>
  </si>
  <si>
    <t>足深</t>
  </si>
  <si>
    <t>0287506</t>
  </si>
  <si>
    <t>安代寺田</t>
  </si>
  <si>
    <t>0287552</t>
  </si>
  <si>
    <t>安代寄木</t>
  </si>
  <si>
    <t>0287306</t>
  </si>
  <si>
    <t>安比高原</t>
  </si>
  <si>
    <t>0287621</t>
  </si>
  <si>
    <t>兄川</t>
  </si>
  <si>
    <t>0287622</t>
  </si>
  <si>
    <t>兄畑中川原</t>
  </si>
  <si>
    <t>0287406</t>
  </si>
  <si>
    <t>荒木田</t>
  </si>
  <si>
    <t>0287534</t>
  </si>
  <si>
    <t>荒屋新町</t>
  </si>
  <si>
    <t>0287674</t>
  </si>
  <si>
    <t>0287521</t>
  </si>
  <si>
    <t>0287615</t>
  </si>
  <si>
    <t>0287614</t>
  </si>
  <si>
    <t>石名坂下タ</t>
  </si>
  <si>
    <t>0287663</t>
  </si>
  <si>
    <t>石森</t>
  </si>
  <si>
    <t>0287562</t>
  </si>
  <si>
    <t>0287501</t>
  </si>
  <si>
    <t>岩木向</t>
  </si>
  <si>
    <t>0287505</t>
  </si>
  <si>
    <t>0287531</t>
  </si>
  <si>
    <t>上の山</t>
  </si>
  <si>
    <t>0287602</t>
  </si>
  <si>
    <t>丑山</t>
  </si>
  <si>
    <t>0287604</t>
  </si>
  <si>
    <t>丑山口</t>
  </si>
  <si>
    <t>0287536</t>
  </si>
  <si>
    <t>打田内</t>
  </si>
  <si>
    <t>0287605</t>
  </si>
  <si>
    <t>鵜谷地</t>
  </si>
  <si>
    <t>0287606</t>
  </si>
  <si>
    <t>姥子石</t>
  </si>
  <si>
    <t>0287655</t>
  </si>
  <si>
    <t>馬揚沢</t>
  </si>
  <si>
    <t>0287403</t>
  </si>
  <si>
    <t>上関</t>
  </si>
  <si>
    <t>0287553</t>
  </si>
  <si>
    <t>扇畑</t>
  </si>
  <si>
    <t>0287661</t>
  </si>
  <si>
    <t>0287664</t>
  </si>
  <si>
    <t>0287607</t>
  </si>
  <si>
    <t>大面平</t>
  </si>
  <si>
    <t>0287111</t>
  </si>
  <si>
    <t>大更</t>
  </si>
  <si>
    <t>0287624</t>
  </si>
  <si>
    <t>大又沢口</t>
  </si>
  <si>
    <t>0287611</t>
  </si>
  <si>
    <t>沖田表</t>
  </si>
  <si>
    <t>0287625</t>
  </si>
  <si>
    <t>沖ノ平</t>
  </si>
  <si>
    <t>0287617</t>
  </si>
  <si>
    <t>折壁</t>
  </si>
  <si>
    <t>0287612</t>
  </si>
  <si>
    <t>欠田</t>
  </si>
  <si>
    <t>0287303</t>
  </si>
  <si>
    <t>0287402</t>
  </si>
  <si>
    <t>帷子</t>
  </si>
  <si>
    <t>0287533</t>
  </si>
  <si>
    <t>叺田</t>
  </si>
  <si>
    <t>0287502</t>
  </si>
  <si>
    <t>上岩木</t>
  </si>
  <si>
    <t>0287527</t>
  </si>
  <si>
    <t>川原</t>
  </si>
  <si>
    <t>0287643</t>
  </si>
  <si>
    <t>切通</t>
  </si>
  <si>
    <t>0287657</t>
  </si>
  <si>
    <t>栗木田</t>
  </si>
  <si>
    <t>0287555</t>
  </si>
  <si>
    <t>0287628</t>
  </si>
  <si>
    <t>0287654</t>
  </si>
  <si>
    <t>小峠</t>
  </si>
  <si>
    <t>0287632</t>
  </si>
  <si>
    <t>小原道ノ上</t>
  </si>
  <si>
    <t>0287638</t>
  </si>
  <si>
    <t>小原道ノ下</t>
  </si>
  <si>
    <t>0287678</t>
  </si>
  <si>
    <t>小森</t>
  </si>
  <si>
    <t>0287532</t>
  </si>
  <si>
    <t>小柳田</t>
  </si>
  <si>
    <t>0287543</t>
  </si>
  <si>
    <t>小屋畑</t>
  </si>
  <si>
    <t>作平</t>
  </si>
  <si>
    <t>0287656</t>
  </si>
  <si>
    <t>左妻</t>
  </si>
  <si>
    <t>0287627</t>
  </si>
  <si>
    <t>佐比内</t>
  </si>
  <si>
    <t>0287676</t>
  </si>
  <si>
    <t>沢口</t>
  </si>
  <si>
    <t>0287645</t>
  </si>
  <si>
    <t>0287561</t>
  </si>
  <si>
    <t>0287535</t>
  </si>
  <si>
    <t>0287675</t>
  </si>
  <si>
    <t>0287511</t>
  </si>
  <si>
    <t>下の田</t>
  </si>
  <si>
    <t>0287618</t>
  </si>
  <si>
    <t>蛇石</t>
  </si>
  <si>
    <t>0287642</t>
  </si>
  <si>
    <t>勝善川原</t>
  </si>
  <si>
    <t>0287629</t>
  </si>
  <si>
    <t>白沢口</t>
  </si>
  <si>
    <t>0287551</t>
  </si>
  <si>
    <t>0287662</t>
  </si>
  <si>
    <t>0287644</t>
  </si>
  <si>
    <t>雀長根</t>
  </si>
  <si>
    <t>0287516</t>
  </si>
  <si>
    <t>関沢口</t>
  </si>
  <si>
    <t>0287631</t>
  </si>
  <si>
    <t>瀬ノ沢</t>
  </si>
  <si>
    <t>0287405</t>
  </si>
  <si>
    <t>0287542</t>
  </si>
  <si>
    <t>0287566</t>
  </si>
  <si>
    <t>0287601</t>
  </si>
  <si>
    <t>田沢</t>
  </si>
  <si>
    <t>0287623</t>
  </si>
  <si>
    <t>舘市</t>
  </si>
  <si>
    <t>0287672</t>
  </si>
  <si>
    <t>田中下タ</t>
  </si>
  <si>
    <t>0287563</t>
  </si>
  <si>
    <t>田の沢</t>
  </si>
  <si>
    <t>0287677</t>
  </si>
  <si>
    <t>田山</t>
  </si>
  <si>
    <t>0287651</t>
  </si>
  <si>
    <t>長者前</t>
  </si>
  <si>
    <t>0287513</t>
  </si>
  <si>
    <t>土沢</t>
  </si>
  <si>
    <t>0287523</t>
  </si>
  <si>
    <t>繋沢</t>
  </si>
  <si>
    <t>0287541</t>
  </si>
  <si>
    <t>寺志田</t>
  </si>
  <si>
    <t>0287112</t>
  </si>
  <si>
    <t>田頭</t>
  </si>
  <si>
    <t>藤七温泉</t>
  </si>
  <si>
    <t>0287626</t>
  </si>
  <si>
    <t>戸鎖</t>
  </si>
  <si>
    <t>0287567</t>
  </si>
  <si>
    <t>0287673</t>
  </si>
  <si>
    <t>殿坂下タ</t>
  </si>
  <si>
    <t>0287514</t>
  </si>
  <si>
    <t>中佐井</t>
  </si>
  <si>
    <t>0287503</t>
  </si>
  <si>
    <t>0287401</t>
  </si>
  <si>
    <t>西根寺田</t>
  </si>
  <si>
    <t>0287652</t>
  </si>
  <si>
    <t>根石</t>
  </si>
  <si>
    <t>0287301</t>
  </si>
  <si>
    <t>野駄</t>
  </si>
  <si>
    <t>0287302</t>
  </si>
  <si>
    <t>八幡平温泉郷</t>
  </si>
  <si>
    <t>0287671</t>
  </si>
  <si>
    <t>馬場下</t>
  </si>
  <si>
    <t>0287525</t>
  </si>
  <si>
    <t>0287633</t>
  </si>
  <si>
    <t>日泥道ノ上</t>
  </si>
  <si>
    <t>0287637</t>
  </si>
  <si>
    <t>日泥道ノ下</t>
  </si>
  <si>
    <t>0287113</t>
  </si>
  <si>
    <t>平笠</t>
  </si>
  <si>
    <t>0287653</t>
  </si>
  <si>
    <t>平又</t>
  </si>
  <si>
    <t>0287641</t>
  </si>
  <si>
    <t>比路平</t>
  </si>
  <si>
    <t>0287616</t>
  </si>
  <si>
    <t>二タ子</t>
  </si>
  <si>
    <t>0287515</t>
  </si>
  <si>
    <t>0287556</t>
  </si>
  <si>
    <t>星沢</t>
  </si>
  <si>
    <t>0287557</t>
  </si>
  <si>
    <t>0287544</t>
  </si>
  <si>
    <t>保戸坂</t>
  </si>
  <si>
    <t>0287404</t>
  </si>
  <si>
    <t>0287504</t>
  </si>
  <si>
    <t>0287537</t>
  </si>
  <si>
    <t>曲田</t>
  </si>
  <si>
    <t>0287613</t>
  </si>
  <si>
    <t>亦戸川原</t>
  </si>
  <si>
    <t>0287305</t>
  </si>
  <si>
    <t>松尾寄木</t>
  </si>
  <si>
    <t>松川温泉</t>
  </si>
  <si>
    <t>0287545</t>
  </si>
  <si>
    <t>松木田</t>
  </si>
  <si>
    <t>0287304</t>
  </si>
  <si>
    <t>緑ガ丘</t>
  </si>
  <si>
    <t>0287565</t>
  </si>
  <si>
    <t>目名市</t>
  </si>
  <si>
    <t>0287603</t>
  </si>
  <si>
    <t>矢神</t>
  </si>
  <si>
    <t>0287564</t>
  </si>
  <si>
    <t>谷地田</t>
  </si>
  <si>
    <t>0287608</t>
  </si>
  <si>
    <t>谷地中</t>
  </si>
  <si>
    <t>0287512</t>
  </si>
  <si>
    <t>0287522</t>
  </si>
  <si>
    <t>0287524</t>
  </si>
  <si>
    <t>湯の沢</t>
  </si>
  <si>
    <t>0287634</t>
  </si>
  <si>
    <t>和屋敷道ノ上</t>
  </si>
  <si>
    <t>0287636</t>
  </si>
  <si>
    <t>和屋敷道ノ下</t>
  </si>
  <si>
    <t>0230000</t>
  </si>
  <si>
    <t>奥州市</t>
  </si>
  <si>
    <t>0230402</t>
  </si>
  <si>
    <t>胆沢区小山</t>
  </si>
  <si>
    <t>0230401</t>
  </si>
  <si>
    <t>胆沢区南都田</t>
  </si>
  <si>
    <t>0230403</t>
  </si>
  <si>
    <t>胆沢区若柳</t>
  </si>
  <si>
    <t>0231761</t>
  </si>
  <si>
    <t>江刺区伊手</t>
  </si>
  <si>
    <t>0231132</t>
  </si>
  <si>
    <t>江刺区稲瀬</t>
  </si>
  <si>
    <t>0231101</t>
  </si>
  <si>
    <t>江刺区岩谷堂</t>
  </si>
  <si>
    <t>0231111</t>
  </si>
  <si>
    <t>江刺区大通り</t>
  </si>
  <si>
    <t>0231131</t>
  </si>
  <si>
    <t>江刺区愛宕</t>
  </si>
  <si>
    <t>0231121</t>
  </si>
  <si>
    <t>江刺区男石</t>
  </si>
  <si>
    <t>0231114</t>
  </si>
  <si>
    <t>江刺区川原町</t>
  </si>
  <si>
    <t>0231118</t>
  </si>
  <si>
    <t>江刺区栄町</t>
  </si>
  <si>
    <t>0231105</t>
  </si>
  <si>
    <t>江刺区杉ノ町</t>
  </si>
  <si>
    <t>0231125</t>
  </si>
  <si>
    <t>江刺区銭町</t>
  </si>
  <si>
    <t>0231122</t>
  </si>
  <si>
    <t>江刺区舘山</t>
  </si>
  <si>
    <t>0231134</t>
  </si>
  <si>
    <t>江刺区玉里</t>
  </si>
  <si>
    <t>0230171</t>
  </si>
  <si>
    <t>江刺区田原</t>
  </si>
  <si>
    <t>0231116</t>
  </si>
  <si>
    <t>江刺区重染寺</t>
  </si>
  <si>
    <t>0231104</t>
  </si>
  <si>
    <t>江刺区豊田町</t>
  </si>
  <si>
    <t>0231113</t>
  </si>
  <si>
    <t>江刺区中町</t>
  </si>
  <si>
    <t>0231103</t>
  </si>
  <si>
    <t>江刺区西大通り</t>
  </si>
  <si>
    <t>0231133</t>
  </si>
  <si>
    <t>江刺区広瀬</t>
  </si>
  <si>
    <t>0231762</t>
  </si>
  <si>
    <t>江刺区藤里</t>
  </si>
  <si>
    <t>0231115</t>
  </si>
  <si>
    <t>江刺区本町</t>
  </si>
  <si>
    <t>0231123</t>
  </si>
  <si>
    <t>江刺区前田町</t>
  </si>
  <si>
    <t>0231112</t>
  </si>
  <si>
    <t>江刺区南大通り</t>
  </si>
  <si>
    <t>0231117</t>
  </si>
  <si>
    <t>江刺区南町</t>
  </si>
  <si>
    <t>0231124</t>
  </si>
  <si>
    <t>江刺区六日町</t>
  </si>
  <si>
    <t>0231341</t>
  </si>
  <si>
    <t>江刺区梁川</t>
  </si>
  <si>
    <t>0231102</t>
  </si>
  <si>
    <t>江刺区八日町</t>
  </si>
  <si>
    <t>0231551</t>
  </si>
  <si>
    <t>江刺区米里</t>
  </si>
  <si>
    <t>0294426</t>
  </si>
  <si>
    <t>衣川区愛宕下</t>
  </si>
  <si>
    <t>0294315</t>
  </si>
  <si>
    <t>衣川区天田</t>
  </si>
  <si>
    <t>0294365</t>
  </si>
  <si>
    <t>衣川区天土</t>
  </si>
  <si>
    <t>0294307</t>
  </si>
  <si>
    <t>衣川区有浦</t>
  </si>
  <si>
    <t>0294434</t>
  </si>
  <si>
    <t>衣川区池田</t>
  </si>
  <si>
    <t>0294433</t>
  </si>
  <si>
    <t>衣川区池田西</t>
  </si>
  <si>
    <t>0294381</t>
  </si>
  <si>
    <t>衣川区石ケ沢</t>
  </si>
  <si>
    <t>0294384</t>
  </si>
  <si>
    <t>衣川区石神</t>
  </si>
  <si>
    <t>0294313</t>
  </si>
  <si>
    <t>衣川区石生</t>
  </si>
  <si>
    <t>0294322</t>
  </si>
  <si>
    <t>衣川区板倉</t>
  </si>
  <si>
    <t>0294352</t>
  </si>
  <si>
    <t>衣川区岩の上</t>
  </si>
  <si>
    <t>0294465</t>
  </si>
  <si>
    <t>衣川区後滝の沢</t>
  </si>
  <si>
    <t>0294377</t>
  </si>
  <si>
    <t>衣川区後山</t>
  </si>
  <si>
    <t>0294482</t>
  </si>
  <si>
    <t>衣川区畦畑</t>
  </si>
  <si>
    <t>0294481</t>
  </si>
  <si>
    <t>衣川区畦畑山</t>
  </si>
  <si>
    <t>0294425</t>
  </si>
  <si>
    <t>衣川区采女沢</t>
  </si>
  <si>
    <t>0294442</t>
  </si>
  <si>
    <t>衣川区上野</t>
  </si>
  <si>
    <t>0294321</t>
  </si>
  <si>
    <t>衣川区雲南田</t>
  </si>
  <si>
    <t>0294436</t>
  </si>
  <si>
    <t>衣川区大石ケ沢</t>
  </si>
  <si>
    <t>0294406</t>
  </si>
  <si>
    <t>衣川区大坂</t>
  </si>
  <si>
    <t>0294308</t>
  </si>
  <si>
    <t>衣川区大平</t>
  </si>
  <si>
    <t>0294419</t>
  </si>
  <si>
    <t>衣川区大面</t>
  </si>
  <si>
    <t>0294347</t>
  </si>
  <si>
    <t>衣川区大西</t>
  </si>
  <si>
    <t>0294488</t>
  </si>
  <si>
    <t>衣川区大原</t>
  </si>
  <si>
    <t>0294487</t>
  </si>
  <si>
    <t>衣川区大原山</t>
  </si>
  <si>
    <t>0294383</t>
  </si>
  <si>
    <t>衣川区沖の野</t>
  </si>
  <si>
    <t>0294435</t>
  </si>
  <si>
    <t>衣川区押切</t>
  </si>
  <si>
    <t>0294454</t>
  </si>
  <si>
    <t>衣川区表</t>
  </si>
  <si>
    <t>0294386</t>
  </si>
  <si>
    <t>衣川区女石</t>
  </si>
  <si>
    <t>0294326</t>
  </si>
  <si>
    <t>衣川区懸田</t>
  </si>
  <si>
    <t>0294452</t>
  </si>
  <si>
    <t>衣川区月山</t>
  </si>
  <si>
    <t>0294388</t>
  </si>
  <si>
    <t>衣川区上大森</t>
  </si>
  <si>
    <t>0294474</t>
  </si>
  <si>
    <t>衣川区上河内</t>
  </si>
  <si>
    <t>0294411</t>
  </si>
  <si>
    <t>衣川区上小路</t>
  </si>
  <si>
    <t>0294491</t>
  </si>
  <si>
    <t>衣川区上立沢</t>
  </si>
  <si>
    <t>0294329</t>
  </si>
  <si>
    <t>衣川区上寺田</t>
  </si>
  <si>
    <t>0294437</t>
  </si>
  <si>
    <t>衣川区唐金</t>
  </si>
  <si>
    <t>0294446</t>
  </si>
  <si>
    <t>衣川区川端</t>
  </si>
  <si>
    <t>0294407</t>
  </si>
  <si>
    <t>衣川区金成</t>
  </si>
  <si>
    <t>0294303</t>
  </si>
  <si>
    <t>衣川区衣原</t>
  </si>
  <si>
    <t>0294353</t>
  </si>
  <si>
    <t>衣川区旧殿</t>
  </si>
  <si>
    <t>0294375</t>
  </si>
  <si>
    <t>衣川区鞍掛</t>
  </si>
  <si>
    <t>0294424</t>
  </si>
  <si>
    <t>衣川区九輪堂</t>
  </si>
  <si>
    <t>0294405</t>
  </si>
  <si>
    <t>衣川区桑木谷地</t>
  </si>
  <si>
    <t>0294317</t>
  </si>
  <si>
    <t>衣川区桑畑</t>
  </si>
  <si>
    <t>0294323</t>
  </si>
  <si>
    <t>衣川区小安代</t>
  </si>
  <si>
    <t>0294306</t>
  </si>
  <si>
    <t>衣川区小田</t>
  </si>
  <si>
    <t>0294432</t>
  </si>
  <si>
    <t>衣川区小林</t>
  </si>
  <si>
    <t>0294362</t>
  </si>
  <si>
    <t>衣川区小林山</t>
  </si>
  <si>
    <t>0294325</t>
  </si>
  <si>
    <t>衣川区小正板</t>
  </si>
  <si>
    <t>0294333</t>
  </si>
  <si>
    <t>衣川区駒場</t>
  </si>
  <si>
    <t>0294344</t>
  </si>
  <si>
    <t>衣川区沢田</t>
  </si>
  <si>
    <t>0294444</t>
  </si>
  <si>
    <t>衣川区清水の上</t>
  </si>
  <si>
    <t>0294387</t>
  </si>
  <si>
    <t>衣川区下大森</t>
  </si>
  <si>
    <t>0294471</t>
  </si>
  <si>
    <t>衣川区下河内</t>
  </si>
  <si>
    <t>0294492</t>
  </si>
  <si>
    <t>衣川区下立沢</t>
  </si>
  <si>
    <t>0294328</t>
  </si>
  <si>
    <t>衣川区下寺田</t>
  </si>
  <si>
    <t>0294378</t>
  </si>
  <si>
    <t>衣川区菖蒲平</t>
  </si>
  <si>
    <t>0294427</t>
  </si>
  <si>
    <t>衣川区陣場下</t>
  </si>
  <si>
    <t>0294348</t>
  </si>
  <si>
    <t>衣川区杉野</t>
  </si>
  <si>
    <t>0294418</t>
  </si>
  <si>
    <t>衣川区杉林</t>
  </si>
  <si>
    <t>0294413</t>
  </si>
  <si>
    <t>衣川区堰下</t>
  </si>
  <si>
    <t>0294382</t>
  </si>
  <si>
    <t>衣川区関袋</t>
  </si>
  <si>
    <t>0294422</t>
  </si>
  <si>
    <t>衣川区瀬原</t>
  </si>
  <si>
    <t>0294423</t>
  </si>
  <si>
    <t>衣川区瀬原西浦</t>
  </si>
  <si>
    <t>0294484</t>
  </si>
  <si>
    <t>衣川区噌味</t>
  </si>
  <si>
    <t>0294304</t>
  </si>
  <si>
    <t>衣川区外の沢</t>
  </si>
  <si>
    <t>0294486</t>
  </si>
  <si>
    <t>衣川区鷹の巣</t>
  </si>
  <si>
    <t>0294342</t>
  </si>
  <si>
    <t>衣川区高保呂</t>
  </si>
  <si>
    <t>0294345</t>
  </si>
  <si>
    <t>衣川区館城</t>
  </si>
  <si>
    <t>0294431</t>
  </si>
  <si>
    <t>衣川区田中</t>
  </si>
  <si>
    <t>0294439</t>
  </si>
  <si>
    <t>衣川区田中西</t>
  </si>
  <si>
    <t>0294408</t>
  </si>
  <si>
    <t>衣川区土屋</t>
  </si>
  <si>
    <t>0294404</t>
  </si>
  <si>
    <t>衣川区寺袋</t>
  </si>
  <si>
    <t>0294385</t>
  </si>
  <si>
    <t>衣川区富沢</t>
  </si>
  <si>
    <t>0294412</t>
  </si>
  <si>
    <t>衣川区富田</t>
  </si>
  <si>
    <t>0294417</t>
  </si>
  <si>
    <t>衣川区富田前</t>
  </si>
  <si>
    <t>0294346</t>
  </si>
  <si>
    <t>衣川区豊巻</t>
  </si>
  <si>
    <t>0294389</t>
  </si>
  <si>
    <t>衣川区長板沢</t>
  </si>
  <si>
    <t>0294472</t>
  </si>
  <si>
    <t>衣川区中河内</t>
  </si>
  <si>
    <t>0294305</t>
  </si>
  <si>
    <t>衣川区長袋</t>
  </si>
  <si>
    <t>0294361</t>
  </si>
  <si>
    <t>衣川区長嚢</t>
  </si>
  <si>
    <t>0294314</t>
  </si>
  <si>
    <t>衣川区中屋敷</t>
  </si>
  <si>
    <t>0294475</t>
  </si>
  <si>
    <t>衣川区中山</t>
  </si>
  <si>
    <t>0294351</t>
  </si>
  <si>
    <t>衣川区夏秋</t>
  </si>
  <si>
    <t>0294363</t>
  </si>
  <si>
    <t>衣川区夏梨</t>
  </si>
  <si>
    <t>0294445</t>
  </si>
  <si>
    <t>衣川区七日市場</t>
  </si>
  <si>
    <t>0294441</t>
  </si>
  <si>
    <t>衣川区並木前</t>
  </si>
  <si>
    <t>0294495</t>
  </si>
  <si>
    <t>衣川区楢原</t>
  </si>
  <si>
    <t>0294494</t>
  </si>
  <si>
    <t>衣川区楢原山</t>
  </si>
  <si>
    <t>0294364</t>
  </si>
  <si>
    <t>衣川区西風山</t>
  </si>
  <si>
    <t>0294316</t>
  </si>
  <si>
    <t>衣川区苗代沢</t>
  </si>
  <si>
    <t>0294456</t>
  </si>
  <si>
    <t>衣川区西裏</t>
  </si>
  <si>
    <t>0294312</t>
  </si>
  <si>
    <t>衣川区西窪</t>
  </si>
  <si>
    <t>0294483</t>
  </si>
  <si>
    <t>衣川区沼野</t>
  </si>
  <si>
    <t>0294493</t>
  </si>
  <si>
    <t>衣川区野崎</t>
  </si>
  <si>
    <t>0294354</t>
  </si>
  <si>
    <t>衣川区除</t>
  </si>
  <si>
    <t>0294414</t>
  </si>
  <si>
    <t>衣川区野田</t>
  </si>
  <si>
    <t>0294343</t>
  </si>
  <si>
    <t>衣川区能登屋敷</t>
  </si>
  <si>
    <t>0294462</t>
  </si>
  <si>
    <t>衣川区八千</t>
  </si>
  <si>
    <t>0294401</t>
  </si>
  <si>
    <t>衣川区張山</t>
  </si>
  <si>
    <t>0294451</t>
  </si>
  <si>
    <t>衣川区東裏</t>
  </si>
  <si>
    <t>0294421</t>
  </si>
  <si>
    <t>衣川区日向</t>
  </si>
  <si>
    <t>0294371</t>
  </si>
  <si>
    <t>衣川区桧山沢</t>
  </si>
  <si>
    <t>0294374</t>
  </si>
  <si>
    <t>衣川区桧山沢山</t>
  </si>
  <si>
    <t>0294461</t>
  </si>
  <si>
    <t>衣川区平</t>
  </si>
  <si>
    <t>0294331</t>
  </si>
  <si>
    <t>衣川区深沢</t>
  </si>
  <si>
    <t>0294311</t>
  </si>
  <si>
    <t>衣川区古館</t>
  </si>
  <si>
    <t>0294332</t>
  </si>
  <si>
    <t>衣川区古戸</t>
  </si>
  <si>
    <t>0294485</t>
  </si>
  <si>
    <t>衣川区宝塔谷地</t>
  </si>
  <si>
    <t>0294402</t>
  </si>
  <si>
    <t>衣川区星屋</t>
  </si>
  <si>
    <t>0294403</t>
  </si>
  <si>
    <t>衣川区本田原</t>
  </si>
  <si>
    <t>0294496</t>
  </si>
  <si>
    <t>衣川区真打</t>
  </si>
  <si>
    <t>0294464</t>
  </si>
  <si>
    <t>衣川区前滝の沢</t>
  </si>
  <si>
    <t>0294327</t>
  </si>
  <si>
    <t>衣川区馬懸</t>
  </si>
  <si>
    <t>0294324</t>
  </si>
  <si>
    <t>衣川区正板</t>
  </si>
  <si>
    <t>0294372</t>
  </si>
  <si>
    <t>衣川区松林</t>
  </si>
  <si>
    <t>0294443</t>
  </si>
  <si>
    <t>衣川区六日市場</t>
  </si>
  <si>
    <t>0294473</t>
  </si>
  <si>
    <t>衣川区向</t>
  </si>
  <si>
    <t>0294416</t>
  </si>
  <si>
    <t>衣川区向館</t>
  </si>
  <si>
    <t>0294415</t>
  </si>
  <si>
    <t>衣川区向館谷起</t>
  </si>
  <si>
    <t>0294438</t>
  </si>
  <si>
    <t>衣川区室の木</t>
  </si>
  <si>
    <t>0294334</t>
  </si>
  <si>
    <t>衣川区百ケ袋</t>
  </si>
  <si>
    <t>0294497</t>
  </si>
  <si>
    <t>衣川区餅転</t>
  </si>
  <si>
    <t>0294376</t>
  </si>
  <si>
    <t>衣川区本巻</t>
  </si>
  <si>
    <t>0294355</t>
  </si>
  <si>
    <t>衣川区山岸</t>
  </si>
  <si>
    <t>0294453</t>
  </si>
  <si>
    <t>衣川区山口</t>
  </si>
  <si>
    <t>0294373</t>
  </si>
  <si>
    <t>衣川区山田</t>
  </si>
  <si>
    <t>0294455</t>
  </si>
  <si>
    <t>衣川区横道下</t>
  </si>
  <si>
    <t>0294463</t>
  </si>
  <si>
    <t>衣川区葭ケ沢</t>
  </si>
  <si>
    <t>0294341</t>
  </si>
  <si>
    <t>衣川区六道</t>
  </si>
  <si>
    <t>0294205</t>
  </si>
  <si>
    <t>前沢区合ノ沢</t>
  </si>
  <si>
    <t>0294206</t>
  </si>
  <si>
    <t>前沢区赤坂</t>
  </si>
  <si>
    <t>0294207</t>
  </si>
  <si>
    <t>前沢区赤面</t>
  </si>
  <si>
    <t>0294209</t>
  </si>
  <si>
    <t>前沢区あすか通</t>
  </si>
  <si>
    <t>前沢区安寺沢</t>
  </si>
  <si>
    <t>0294201</t>
  </si>
  <si>
    <t>前沢区阿部舘</t>
  </si>
  <si>
    <t>0294208</t>
  </si>
  <si>
    <t>前沢区粟ケ島</t>
  </si>
  <si>
    <t>前沢区石田</t>
  </si>
  <si>
    <t>前沢区一ノ沢</t>
  </si>
  <si>
    <t>前沢区一本杉</t>
  </si>
  <si>
    <t>前沢区鵜ノ木</t>
  </si>
  <si>
    <t>前沢区鵜ノ木田</t>
  </si>
  <si>
    <t>前沢区裏新田</t>
  </si>
  <si>
    <t>前沢区うるし野</t>
  </si>
  <si>
    <t>0294211</t>
  </si>
  <si>
    <t>前沢区駅東</t>
  </si>
  <si>
    <t>前沢区大桜</t>
  </si>
  <si>
    <t>前沢区大袋</t>
  </si>
  <si>
    <t>前沢区沖田</t>
  </si>
  <si>
    <t>前沢区小沢口</t>
  </si>
  <si>
    <t>前沢区河ノ畑</t>
  </si>
  <si>
    <t>前沢区株樹</t>
  </si>
  <si>
    <t>前沢区川内</t>
  </si>
  <si>
    <t>0294203</t>
  </si>
  <si>
    <t>前沢区北久保</t>
  </si>
  <si>
    <t>前沢区狐石</t>
  </si>
  <si>
    <t>前沢区狐堂</t>
  </si>
  <si>
    <t>前沢区衣関</t>
  </si>
  <si>
    <t>前沢区久田</t>
  </si>
  <si>
    <t>前沢区源氏ケ崎</t>
  </si>
  <si>
    <t>前沢区五合田</t>
  </si>
  <si>
    <t>前沢区五十人町</t>
  </si>
  <si>
    <t>前沢区古城</t>
  </si>
  <si>
    <t>前沢区駒水</t>
  </si>
  <si>
    <t>前沢区里</t>
  </si>
  <si>
    <t>0294204</t>
  </si>
  <si>
    <t>前沢区下谷起</t>
  </si>
  <si>
    <t>前沢区島</t>
  </si>
  <si>
    <t>前沢区清水</t>
  </si>
  <si>
    <t>前沢区下小路</t>
  </si>
  <si>
    <t>前沢区蛇ノ鼻</t>
  </si>
  <si>
    <t>前沢区宿</t>
  </si>
  <si>
    <t>0294202</t>
  </si>
  <si>
    <t>前沢区白山</t>
  </si>
  <si>
    <t>前沢区白鳥舘</t>
  </si>
  <si>
    <t>前沢区新城</t>
  </si>
  <si>
    <t>前沢区陣場</t>
  </si>
  <si>
    <t>前沢区新町</t>
  </si>
  <si>
    <t>前沢区新町裏</t>
  </si>
  <si>
    <t>前沢区生母</t>
  </si>
  <si>
    <t>前沢区平小路</t>
  </si>
  <si>
    <t>前沢区平前</t>
  </si>
  <si>
    <t>前沢区大林寺下</t>
  </si>
  <si>
    <t>前沢区高畑</t>
  </si>
  <si>
    <t>前沢区竹沢</t>
  </si>
  <si>
    <t>前沢区立石</t>
  </si>
  <si>
    <t>前沢区田中</t>
  </si>
  <si>
    <t>前沢区田畠</t>
  </si>
  <si>
    <t>前沢区太郎ケ沢</t>
  </si>
  <si>
    <t>前沢区堤田</t>
  </si>
  <si>
    <t>前沢区照井舘</t>
  </si>
  <si>
    <t>前沢区塔ケ崎</t>
  </si>
  <si>
    <t>前沢区道場</t>
  </si>
  <si>
    <t>前沢区徳沢</t>
  </si>
  <si>
    <t>前沢区泊ケ崎</t>
  </si>
  <si>
    <t>前沢区鳥待小屋</t>
  </si>
  <si>
    <t>前沢区中久保</t>
  </si>
  <si>
    <t>前沢区永沢</t>
  </si>
  <si>
    <t>前沢区中田</t>
  </si>
  <si>
    <t>前沢区長檀</t>
  </si>
  <si>
    <t>前沢区長根</t>
  </si>
  <si>
    <t>前沢区中村</t>
  </si>
  <si>
    <t>前沢区中屋敷</t>
  </si>
  <si>
    <t>前沢区七日町</t>
  </si>
  <si>
    <t>前沢区七日町裏</t>
  </si>
  <si>
    <t>前沢区浪洗</t>
  </si>
  <si>
    <t>前沢区二十人町</t>
  </si>
  <si>
    <t>前沢区二十人町裏</t>
  </si>
  <si>
    <t>前沢区二ノ沢</t>
  </si>
  <si>
    <t>前沢区沼尻</t>
  </si>
  <si>
    <t>前沢区沼ノ沢</t>
  </si>
  <si>
    <t>前沢区日向</t>
  </si>
  <si>
    <t>前沢区日除松</t>
  </si>
  <si>
    <t>前沢区福養</t>
  </si>
  <si>
    <t>前沢区古川</t>
  </si>
  <si>
    <t>前沢区干場</t>
  </si>
  <si>
    <t>前沢区前野</t>
  </si>
  <si>
    <t>前沢区簾森</t>
  </si>
  <si>
    <t>前沢区三日町</t>
  </si>
  <si>
    <t>前沢区三日町浦</t>
  </si>
  <si>
    <t>前沢区三日町新裏</t>
  </si>
  <si>
    <t>前沢区南陣場</t>
  </si>
  <si>
    <t>前沢区南塔ヶ崎</t>
  </si>
  <si>
    <t>前沢区南中島</t>
  </si>
  <si>
    <t>前沢区南前沢</t>
  </si>
  <si>
    <t>前沢区箕輪</t>
  </si>
  <si>
    <t>前沢区向田</t>
  </si>
  <si>
    <t>前沢区本杉</t>
  </si>
  <si>
    <t>前沢区両手沢</t>
  </si>
  <si>
    <t>前沢区谷記</t>
  </si>
  <si>
    <t>前沢区谷起</t>
  </si>
  <si>
    <t>前沢区谷記田</t>
  </si>
  <si>
    <t>前沢区谷起田</t>
  </si>
  <si>
    <t>前沢区櫓前</t>
  </si>
  <si>
    <t>前沢区屋敷</t>
  </si>
  <si>
    <t>前沢区谷地</t>
  </si>
  <si>
    <t>前沢区山下</t>
  </si>
  <si>
    <t>前沢区八幡</t>
  </si>
  <si>
    <t>前沢区八幡前</t>
  </si>
  <si>
    <t>前沢区養ケ森</t>
  </si>
  <si>
    <t>前沢区六本松</t>
  </si>
  <si>
    <t>0230035</t>
  </si>
  <si>
    <t>水沢区赤土田</t>
  </si>
  <si>
    <t>0230041</t>
  </si>
  <si>
    <t>水沢区秋葉町</t>
  </si>
  <si>
    <t>0230823</t>
  </si>
  <si>
    <t>水沢区朝日町</t>
  </si>
  <si>
    <t>0230818</t>
  </si>
  <si>
    <t>水沢区東町</t>
  </si>
  <si>
    <t>0230831</t>
  </si>
  <si>
    <t>水沢区姉体町</t>
  </si>
  <si>
    <t>0230824</t>
  </si>
  <si>
    <t>水沢区泉町</t>
  </si>
  <si>
    <t>0230013</t>
  </si>
  <si>
    <t>水沢区一本柳</t>
  </si>
  <si>
    <t>0230011</t>
  </si>
  <si>
    <t>水沢区稲荷田</t>
  </si>
  <si>
    <t>0230898</t>
  </si>
  <si>
    <t>水沢区後田</t>
  </si>
  <si>
    <t>0230057</t>
  </si>
  <si>
    <t>水沢区上町</t>
  </si>
  <si>
    <t>0230854</t>
  </si>
  <si>
    <t>水沢区大鐘町</t>
  </si>
  <si>
    <t>0230084</t>
  </si>
  <si>
    <t>水沢区大上</t>
  </si>
  <si>
    <t>0230053</t>
  </si>
  <si>
    <t>水沢区大手町</t>
  </si>
  <si>
    <t>0230867</t>
  </si>
  <si>
    <t>水沢区大橋</t>
  </si>
  <si>
    <t>0230802</t>
  </si>
  <si>
    <t>水沢区大畑小路</t>
  </si>
  <si>
    <t>0230045</t>
  </si>
  <si>
    <t>水沢区大町</t>
  </si>
  <si>
    <t>0230085</t>
  </si>
  <si>
    <t>水沢区踊子</t>
  </si>
  <si>
    <t>0230001</t>
  </si>
  <si>
    <t>水沢区卸町</t>
  </si>
  <si>
    <t>0230021</t>
  </si>
  <si>
    <t>水沢区欠ノ下</t>
  </si>
  <si>
    <t>0230051</t>
  </si>
  <si>
    <t>水沢区勝手町</t>
  </si>
  <si>
    <t>0230892</t>
  </si>
  <si>
    <t>水沢区釜田</t>
  </si>
  <si>
    <t>0230833</t>
  </si>
  <si>
    <t>水沢区上姉体</t>
  </si>
  <si>
    <t>0230052</t>
  </si>
  <si>
    <t>水沢区搦手丁</t>
  </si>
  <si>
    <t>0230034</t>
  </si>
  <si>
    <t>水沢区川口町</t>
  </si>
  <si>
    <t>0230863</t>
  </si>
  <si>
    <t>水沢区川端</t>
  </si>
  <si>
    <t>0230046</t>
  </si>
  <si>
    <t>水沢区川原小路</t>
  </si>
  <si>
    <t>0230031</t>
  </si>
  <si>
    <t>水沢区北丑沢</t>
  </si>
  <si>
    <t>0230036</t>
  </si>
  <si>
    <t>水沢区北栗林</t>
  </si>
  <si>
    <t>0230881</t>
  </si>
  <si>
    <t>水沢区北田</t>
  </si>
  <si>
    <t>0230092</t>
  </si>
  <si>
    <t>水沢区北半郷</t>
  </si>
  <si>
    <t>0230054</t>
  </si>
  <si>
    <t>水沢区吉小路</t>
  </si>
  <si>
    <t>0230056</t>
  </si>
  <si>
    <t>水沢区久田</t>
  </si>
  <si>
    <t>0230101</t>
  </si>
  <si>
    <t>水沢区黒石町</t>
  </si>
  <si>
    <t>0230071</t>
  </si>
  <si>
    <t>水沢区黒子</t>
  </si>
  <si>
    <t>0230077</t>
  </si>
  <si>
    <t>水沢区桑畑</t>
  </si>
  <si>
    <t>0230062</t>
  </si>
  <si>
    <t>水沢区小石田</t>
  </si>
  <si>
    <t>0230025</t>
  </si>
  <si>
    <t>水沢区高網</t>
  </si>
  <si>
    <t>0230087</t>
  </si>
  <si>
    <t>水沢区高谷宿</t>
  </si>
  <si>
    <t>0230055</t>
  </si>
  <si>
    <t>水沢区虚空蔵小路</t>
  </si>
  <si>
    <t>0230074</t>
  </si>
  <si>
    <t>水沢区極楽</t>
  </si>
  <si>
    <t>0230015</t>
  </si>
  <si>
    <t>水沢区五千刈</t>
  </si>
  <si>
    <t>0230018</t>
  </si>
  <si>
    <t>水沢区小中</t>
  </si>
  <si>
    <t>0230094</t>
  </si>
  <si>
    <t>水沢区五輪</t>
  </si>
  <si>
    <t>0230012</t>
  </si>
  <si>
    <t>水沢区斉勝田</t>
  </si>
  <si>
    <t>0230805</t>
  </si>
  <si>
    <t>水沢区斉の神</t>
  </si>
  <si>
    <t>0230897</t>
  </si>
  <si>
    <t>水沢区桜川</t>
  </si>
  <si>
    <t>0230003</t>
  </si>
  <si>
    <t>水沢区佐倉河</t>
  </si>
  <si>
    <t>0230865</t>
  </si>
  <si>
    <t>水沢区桜屋敷</t>
  </si>
  <si>
    <t>0230872</t>
  </si>
  <si>
    <t>水沢区桜屋敷西</t>
  </si>
  <si>
    <t>0230873</t>
  </si>
  <si>
    <t>水沢区笹森谷地</t>
  </si>
  <si>
    <t>0230026</t>
  </si>
  <si>
    <t>水沢区里鎗</t>
  </si>
  <si>
    <t>0230044</t>
  </si>
  <si>
    <t>水沢区三本木</t>
  </si>
  <si>
    <t>0230014</t>
  </si>
  <si>
    <t>水沢区地蔵田</t>
  </si>
  <si>
    <t>0230017</t>
  </si>
  <si>
    <t>水沢区渋田</t>
  </si>
  <si>
    <t>0230063</t>
  </si>
  <si>
    <t>水沢区聖天</t>
  </si>
  <si>
    <t>0230073</t>
  </si>
  <si>
    <t>水沢区寺領</t>
  </si>
  <si>
    <t>0230807</t>
  </si>
  <si>
    <t>水沢区新小路</t>
  </si>
  <si>
    <t>0230841</t>
  </si>
  <si>
    <t>水沢区真城</t>
  </si>
  <si>
    <t>0230842</t>
  </si>
  <si>
    <t>水沢区真城が丘</t>
  </si>
  <si>
    <t>0230821</t>
  </si>
  <si>
    <t>水沢区神明町</t>
  </si>
  <si>
    <t>0230095</t>
  </si>
  <si>
    <t>水沢区雀田</t>
  </si>
  <si>
    <t>0230866</t>
  </si>
  <si>
    <t>水沢区堰合</t>
  </si>
  <si>
    <t>0230083</t>
  </si>
  <si>
    <t>水沢区前郷</t>
  </si>
  <si>
    <t>0230877</t>
  </si>
  <si>
    <t>水沢区袖谷地</t>
  </si>
  <si>
    <t>0230871</t>
  </si>
  <si>
    <t>水沢区外谷地</t>
  </si>
  <si>
    <t>0230081</t>
  </si>
  <si>
    <t>水沢区橇町</t>
  </si>
  <si>
    <t>0230827</t>
  </si>
  <si>
    <t>水沢区太日通り</t>
  </si>
  <si>
    <t>0230825</t>
  </si>
  <si>
    <t>水沢区台町</t>
  </si>
  <si>
    <t>0230894</t>
  </si>
  <si>
    <t>水沢区大明神</t>
  </si>
  <si>
    <t>0230032</t>
  </si>
  <si>
    <t>水沢区多賀</t>
  </si>
  <si>
    <t>0230889</t>
  </si>
  <si>
    <t>水沢区高屋敷</t>
  </si>
  <si>
    <t>0230091</t>
  </si>
  <si>
    <t>水沢区高山</t>
  </si>
  <si>
    <t>0230891</t>
  </si>
  <si>
    <t>水沢区内匠田</t>
  </si>
  <si>
    <t>0230803</t>
  </si>
  <si>
    <t>水沢区田小路</t>
  </si>
  <si>
    <t>0230047</t>
  </si>
  <si>
    <t>水沢区立町</t>
  </si>
  <si>
    <t>0230895</t>
  </si>
  <si>
    <t>水沢区足袋針</t>
  </si>
  <si>
    <t>0230019</t>
  </si>
  <si>
    <t>水沢区築舘</t>
  </si>
  <si>
    <t>0230076</t>
  </si>
  <si>
    <t>水沢区造道</t>
  </si>
  <si>
    <t>0230876</t>
  </si>
  <si>
    <t>水沢区鶴淵</t>
  </si>
  <si>
    <t>0230811</t>
  </si>
  <si>
    <t>水沢区寺小路</t>
  </si>
  <si>
    <t>0230812</t>
  </si>
  <si>
    <t>水沢区寺脇</t>
  </si>
  <si>
    <t>0230815</t>
  </si>
  <si>
    <t>水沢区天文台通り</t>
  </si>
  <si>
    <t>0230064</t>
  </si>
  <si>
    <t>水沢区土器田</t>
  </si>
  <si>
    <t>0230857</t>
  </si>
  <si>
    <t>水沢区中上野町</t>
  </si>
  <si>
    <t>0230022</t>
  </si>
  <si>
    <t>水沢区中城</t>
  </si>
  <si>
    <t>0230826</t>
  </si>
  <si>
    <t>水沢区中田町</t>
  </si>
  <si>
    <t>0230813</t>
  </si>
  <si>
    <t>水沢区中町</t>
  </si>
  <si>
    <t>0230061</t>
  </si>
  <si>
    <t>水沢区長町</t>
  </si>
  <si>
    <t>0230024</t>
  </si>
  <si>
    <t>水沢区名残</t>
  </si>
  <si>
    <t>0230856</t>
  </si>
  <si>
    <t>水沢区西上野町</t>
  </si>
  <si>
    <t>0230896</t>
  </si>
  <si>
    <t>水沢区西光田</t>
  </si>
  <si>
    <t>0230885</t>
  </si>
  <si>
    <t>水沢区西田</t>
  </si>
  <si>
    <t>0230816</t>
  </si>
  <si>
    <t>水沢区西町</t>
  </si>
  <si>
    <t>0230067</t>
  </si>
  <si>
    <t>水沢区二反田</t>
  </si>
  <si>
    <t>0230102</t>
  </si>
  <si>
    <t>水沢区羽田町駅東</t>
  </si>
  <si>
    <t>0230104</t>
  </si>
  <si>
    <t>水沢区羽田町駅前</t>
  </si>
  <si>
    <t>0230103</t>
  </si>
  <si>
    <t>水沢区羽田町駅南</t>
  </si>
  <si>
    <t>0230106</t>
  </si>
  <si>
    <t>水沢区羽田町久保</t>
  </si>
  <si>
    <t>0230105</t>
  </si>
  <si>
    <t>水沢区羽田町宝生</t>
  </si>
  <si>
    <t>0230107</t>
  </si>
  <si>
    <t>水沢区羽田町宝柳木</t>
  </si>
  <si>
    <t>0230108</t>
  </si>
  <si>
    <t>水沢区羽田町向畑</t>
  </si>
  <si>
    <t>0230832</t>
  </si>
  <si>
    <t>水沢区羽田町（草井沼、下沼、谷木、元谷木）</t>
  </si>
  <si>
    <t>0230132</t>
  </si>
  <si>
    <t>水沢区羽田町（その他）</t>
  </si>
  <si>
    <t>0230888</t>
  </si>
  <si>
    <t>水沢区八反田</t>
  </si>
  <si>
    <t>0230023</t>
  </si>
  <si>
    <t>水沢区八反町</t>
  </si>
  <si>
    <t>0230829</t>
  </si>
  <si>
    <t>水沢区花園町</t>
  </si>
  <si>
    <t>0230027</t>
  </si>
  <si>
    <t>水沢区幅下</t>
  </si>
  <si>
    <t>0230853</t>
  </si>
  <si>
    <t>水沢区東上野町</t>
  </si>
  <si>
    <t>0230828</t>
  </si>
  <si>
    <t>水沢区東大通り</t>
  </si>
  <si>
    <t>0230822</t>
  </si>
  <si>
    <t>水沢区東中通り</t>
  </si>
  <si>
    <t>0230082</t>
  </si>
  <si>
    <t>水沢区東半郷</t>
  </si>
  <si>
    <t>0230808</t>
  </si>
  <si>
    <t>水沢区日高小路</t>
  </si>
  <si>
    <t>0230806</t>
  </si>
  <si>
    <t>水沢区日高西</t>
  </si>
  <si>
    <t>0230016</t>
  </si>
  <si>
    <t>水沢区平沢</t>
  </si>
  <si>
    <t>0230072</t>
  </si>
  <si>
    <t>水沢区樋渡</t>
  </si>
  <si>
    <t>0230862</t>
  </si>
  <si>
    <t>水沢区福吉町</t>
  </si>
  <si>
    <t>0230814</t>
  </si>
  <si>
    <t>水沢区袋町</t>
  </si>
  <si>
    <t>0230882</t>
  </si>
  <si>
    <t>水沢区福原</t>
  </si>
  <si>
    <t>0230033</t>
  </si>
  <si>
    <t>水沢区不断町</t>
  </si>
  <si>
    <t>0230861</t>
  </si>
  <si>
    <t>水沢区星ガ丘町</t>
  </si>
  <si>
    <t>0230058</t>
  </si>
  <si>
    <t>水沢区堀ノ内</t>
  </si>
  <si>
    <t>0230066</t>
  </si>
  <si>
    <t>水沢区前田袋</t>
  </si>
  <si>
    <t>0230884</t>
  </si>
  <si>
    <t>水沢区前谷地</t>
  </si>
  <si>
    <t>0230883</t>
  </si>
  <si>
    <t>水沢区町裏</t>
  </si>
  <si>
    <t>0230093</t>
  </si>
  <si>
    <t>水沢区水神</t>
  </si>
  <si>
    <t>0230002</t>
  </si>
  <si>
    <t>水沢区水沢工業団地</t>
  </si>
  <si>
    <t>0230065</t>
  </si>
  <si>
    <t>水沢区水山</t>
  </si>
  <si>
    <t>0230043</t>
  </si>
  <si>
    <t>水沢区道合</t>
  </si>
  <si>
    <t>0230037</t>
  </si>
  <si>
    <t>水沢区南丑沢</t>
  </si>
  <si>
    <t>0230855</t>
  </si>
  <si>
    <t>水沢区南大鐘</t>
  </si>
  <si>
    <t>0230851</t>
  </si>
  <si>
    <t>水沢区南町</t>
  </si>
  <si>
    <t>0230886</t>
  </si>
  <si>
    <t>水沢区南矢中</t>
  </si>
  <si>
    <t>0230075</t>
  </si>
  <si>
    <t>水沢区水ノ口</t>
  </si>
  <si>
    <t>0230817</t>
  </si>
  <si>
    <t>水沢区宮下町</t>
  </si>
  <si>
    <t>0230874</t>
  </si>
  <si>
    <t>水沢区見分森</t>
  </si>
  <si>
    <t>0230096</t>
  </si>
  <si>
    <t>水沢区向田</t>
  </si>
  <si>
    <t>0230875</t>
  </si>
  <si>
    <t>水沢区森下</t>
  </si>
  <si>
    <t>0230086</t>
  </si>
  <si>
    <t>水沢区谷地中</t>
  </si>
  <si>
    <t>0230804</t>
  </si>
  <si>
    <t>水沢区谷地明円</t>
  </si>
  <si>
    <t>0230887</t>
  </si>
  <si>
    <t>水沢区矢中</t>
  </si>
  <si>
    <t>0230042</t>
  </si>
  <si>
    <t>水沢区柳町</t>
  </si>
  <si>
    <t>0230852</t>
  </si>
  <si>
    <t>水沢区山崎町</t>
  </si>
  <si>
    <t>0230801</t>
  </si>
  <si>
    <t>水沢区横町</t>
  </si>
  <si>
    <t>0230893</t>
  </si>
  <si>
    <t>水沢区蓬田</t>
  </si>
  <si>
    <t>0230864</t>
  </si>
  <si>
    <t>水沢区龍ケ馬場</t>
  </si>
  <si>
    <t>0200500</t>
  </si>
  <si>
    <t>岩手郡雫石町</t>
  </si>
  <si>
    <t>0200502</t>
  </si>
  <si>
    <t>0200546</t>
  </si>
  <si>
    <t>稲荷下</t>
  </si>
  <si>
    <t>0200583</t>
  </si>
  <si>
    <t>0200574</t>
  </si>
  <si>
    <t>鶯宿</t>
  </si>
  <si>
    <t>0200581</t>
  </si>
  <si>
    <t>御明神</t>
  </si>
  <si>
    <t>0200544</t>
  </si>
  <si>
    <t>柿木</t>
  </si>
  <si>
    <t>0200559</t>
  </si>
  <si>
    <t>上笹森</t>
  </si>
  <si>
    <t>0200555</t>
  </si>
  <si>
    <t>上曽根田</t>
  </si>
  <si>
    <t>0200557</t>
  </si>
  <si>
    <t>0200538</t>
  </si>
  <si>
    <t>上町北</t>
  </si>
  <si>
    <t>0200537</t>
  </si>
  <si>
    <t>上町西</t>
  </si>
  <si>
    <t>0200539</t>
  </si>
  <si>
    <t>上町東</t>
  </si>
  <si>
    <t>0200530</t>
  </si>
  <si>
    <t>上町南</t>
  </si>
  <si>
    <t>0200534</t>
  </si>
  <si>
    <t>0200517</t>
  </si>
  <si>
    <t>黒沢川</t>
  </si>
  <si>
    <t>0200525</t>
  </si>
  <si>
    <t>源大堂</t>
  </si>
  <si>
    <t>0200535</t>
  </si>
  <si>
    <t>小日谷地</t>
  </si>
  <si>
    <t>0200551</t>
  </si>
  <si>
    <t>笹森</t>
  </si>
  <si>
    <t>0200512</t>
  </si>
  <si>
    <t>塩ケ森</t>
  </si>
  <si>
    <t>0200513</t>
  </si>
  <si>
    <t>下兎野</t>
  </si>
  <si>
    <t>0200522</t>
  </si>
  <si>
    <t>0200558</t>
  </si>
  <si>
    <t>下笹森</t>
  </si>
  <si>
    <t>0200553</t>
  </si>
  <si>
    <t>下曽根田</t>
  </si>
  <si>
    <t>0200552</t>
  </si>
  <si>
    <t>下平</t>
  </si>
  <si>
    <t>0200515</t>
  </si>
  <si>
    <t>下長根</t>
  </si>
  <si>
    <t>0200528</t>
  </si>
  <si>
    <t>0200529</t>
  </si>
  <si>
    <t>下町西</t>
  </si>
  <si>
    <t>0200520</t>
  </si>
  <si>
    <t>下町東</t>
  </si>
  <si>
    <t>0200541</t>
  </si>
  <si>
    <t>0200521</t>
  </si>
  <si>
    <t>麁津田</t>
  </si>
  <si>
    <t>0200543</t>
  </si>
  <si>
    <t>高前田</t>
  </si>
  <si>
    <t>0200571</t>
  </si>
  <si>
    <t>0200524</t>
  </si>
  <si>
    <t>寺の下</t>
  </si>
  <si>
    <t>0200505</t>
  </si>
  <si>
    <t>中黒沢川</t>
  </si>
  <si>
    <t>0200504</t>
  </si>
  <si>
    <t>0200527</t>
  </si>
  <si>
    <t>0200511</t>
  </si>
  <si>
    <t>長畑</t>
  </si>
  <si>
    <t>0200585</t>
  </si>
  <si>
    <t>0200556</t>
  </si>
  <si>
    <t>名子</t>
  </si>
  <si>
    <t>0200503</t>
  </si>
  <si>
    <t>七ツ森</t>
  </si>
  <si>
    <t>0200501</t>
  </si>
  <si>
    <t>仁佐瀬</t>
  </si>
  <si>
    <t>0200572</t>
  </si>
  <si>
    <t>西安庭</t>
  </si>
  <si>
    <t>0200584</t>
  </si>
  <si>
    <t>西根</t>
  </si>
  <si>
    <t>0200506</t>
  </si>
  <si>
    <t>沼返</t>
  </si>
  <si>
    <t>0200523</t>
  </si>
  <si>
    <t>根堀</t>
  </si>
  <si>
    <t>0200514</t>
  </si>
  <si>
    <t>0200582</t>
  </si>
  <si>
    <t>0200536</t>
  </si>
  <si>
    <t>八卦</t>
  </si>
  <si>
    <t>0200533</t>
  </si>
  <si>
    <t>0200532</t>
  </si>
  <si>
    <t>払川</t>
  </si>
  <si>
    <t>0200547</t>
  </si>
  <si>
    <t>晴山</t>
  </si>
  <si>
    <t>0200554</t>
  </si>
  <si>
    <t>町裏</t>
  </si>
  <si>
    <t>0200531</t>
  </si>
  <si>
    <t>麻見田</t>
  </si>
  <si>
    <t>0200507</t>
  </si>
  <si>
    <t>丸谷地</t>
  </si>
  <si>
    <t>0200542</t>
  </si>
  <si>
    <t>万田渡</t>
  </si>
  <si>
    <t>0200573</t>
  </si>
  <si>
    <t>南畑</t>
  </si>
  <si>
    <t>0200545</t>
  </si>
  <si>
    <t>谷地</t>
  </si>
  <si>
    <t>0285400</t>
  </si>
  <si>
    <t>岩手郡葛巻町</t>
  </si>
  <si>
    <t>0285403</t>
  </si>
  <si>
    <t>江刈</t>
  </si>
  <si>
    <t>0285102</t>
  </si>
  <si>
    <t>葛巻（第４０地割「５７番地１２５、１７６を除く」～第４５</t>
  </si>
  <si>
    <t>地割）</t>
  </si>
  <si>
    <t>0285402</t>
  </si>
  <si>
    <t>葛巻（その他）</t>
  </si>
  <si>
    <t>0285401</t>
  </si>
  <si>
    <t>0284300</t>
  </si>
  <si>
    <t>岩手郡岩手町</t>
  </si>
  <si>
    <t>0284307</t>
  </si>
  <si>
    <t>0284421</t>
  </si>
  <si>
    <t>一方井</t>
  </si>
  <si>
    <t>0284303</t>
  </si>
  <si>
    <t>江刈内</t>
  </si>
  <si>
    <t>0284211</t>
  </si>
  <si>
    <t>0284305</t>
  </si>
  <si>
    <t>0284424</t>
  </si>
  <si>
    <t>0284426</t>
  </si>
  <si>
    <t>黒内</t>
  </si>
  <si>
    <t>0284304</t>
  </si>
  <si>
    <t>子抱</t>
  </si>
  <si>
    <t>0284302</t>
  </si>
  <si>
    <t>大坊</t>
  </si>
  <si>
    <t>0284423</t>
  </si>
  <si>
    <t>土川</t>
  </si>
  <si>
    <t>0284301</t>
  </si>
  <si>
    <t>沼宮内</t>
  </si>
  <si>
    <t>0284425</t>
  </si>
  <si>
    <t>葉木田</t>
  </si>
  <si>
    <t>0284422</t>
  </si>
  <si>
    <t>坊</t>
  </si>
  <si>
    <t>0284306</t>
  </si>
  <si>
    <t>0200100</t>
  </si>
  <si>
    <t>岩手郡滝沢村</t>
  </si>
  <si>
    <t>0200172</t>
  </si>
  <si>
    <t>鵜飼</t>
  </si>
  <si>
    <t>0200151</t>
  </si>
  <si>
    <t>大釜</t>
  </si>
  <si>
    <t>0200171</t>
  </si>
  <si>
    <t>0200161</t>
  </si>
  <si>
    <t>篠木</t>
  </si>
  <si>
    <t>0200173</t>
  </si>
  <si>
    <t>0283300</t>
  </si>
  <si>
    <t>紫波郡紫波町</t>
  </si>
  <si>
    <t>0283533</t>
  </si>
  <si>
    <t>0283451</t>
  </si>
  <si>
    <t>稲藤</t>
  </si>
  <si>
    <t>0283311</t>
  </si>
  <si>
    <t>犬渕</t>
  </si>
  <si>
    <t>0283312</t>
  </si>
  <si>
    <t>犬吠森</t>
  </si>
  <si>
    <t>0283321</t>
  </si>
  <si>
    <t>江柄</t>
  </si>
  <si>
    <t>0283314</t>
  </si>
  <si>
    <t>0283452</t>
  </si>
  <si>
    <t>片寄</t>
  </si>
  <si>
    <t>0283441</t>
  </si>
  <si>
    <t>上平沢</t>
  </si>
  <si>
    <t>0283443</t>
  </si>
  <si>
    <t>上松本</t>
  </si>
  <si>
    <t>0283323</t>
  </si>
  <si>
    <t>0283536</t>
  </si>
  <si>
    <t>0283309</t>
  </si>
  <si>
    <t>北日詰</t>
  </si>
  <si>
    <t>0283325</t>
  </si>
  <si>
    <t>草刈</t>
  </si>
  <si>
    <t>0283303</t>
  </si>
  <si>
    <t>高水寺</t>
  </si>
  <si>
    <t>0283444</t>
  </si>
  <si>
    <t>0283307</t>
  </si>
  <si>
    <t>0283316</t>
  </si>
  <si>
    <t>0283446</t>
  </si>
  <si>
    <t>下松本</t>
  </si>
  <si>
    <t>0283318</t>
  </si>
  <si>
    <t>紫波中央駅前</t>
  </si>
  <si>
    <t>0283302</t>
  </si>
  <si>
    <t>陣ケ岡</t>
  </si>
  <si>
    <t>0283453</t>
  </si>
  <si>
    <t>土舘</t>
  </si>
  <si>
    <t>0283535</t>
  </si>
  <si>
    <t>0283322</t>
  </si>
  <si>
    <t>0283301</t>
  </si>
  <si>
    <t>0283326</t>
  </si>
  <si>
    <t>西長岡</t>
  </si>
  <si>
    <t>0283324</t>
  </si>
  <si>
    <t>東長岡</t>
  </si>
  <si>
    <t>0283315</t>
  </si>
  <si>
    <t>彦部</t>
  </si>
  <si>
    <t>0283305</t>
  </si>
  <si>
    <t>日詰</t>
  </si>
  <si>
    <t>0283306</t>
  </si>
  <si>
    <t>日詰西</t>
  </si>
  <si>
    <t>0283308</t>
  </si>
  <si>
    <t>0283304</t>
  </si>
  <si>
    <t>0283532</t>
  </si>
  <si>
    <t>船久保</t>
  </si>
  <si>
    <t>0283313</t>
  </si>
  <si>
    <t>星山</t>
  </si>
  <si>
    <t>0283442</t>
  </si>
  <si>
    <t>升沢</t>
  </si>
  <si>
    <t>0283445</t>
  </si>
  <si>
    <t>南伝法寺</t>
  </si>
  <si>
    <t>0283317</t>
  </si>
  <si>
    <t>南日詰</t>
  </si>
  <si>
    <t>0283447</t>
  </si>
  <si>
    <t>宮手</t>
  </si>
  <si>
    <t>0283534</t>
  </si>
  <si>
    <t>紫野</t>
  </si>
  <si>
    <t>0283531</t>
  </si>
  <si>
    <t>0283448</t>
  </si>
  <si>
    <t>吉水</t>
  </si>
  <si>
    <t>0283600</t>
  </si>
  <si>
    <t>紫波郡矢巾町</t>
  </si>
  <si>
    <t>0283605</t>
  </si>
  <si>
    <t>間野々</t>
  </si>
  <si>
    <t>0283611</t>
  </si>
  <si>
    <t>赤林</t>
  </si>
  <si>
    <t>0283626</t>
  </si>
  <si>
    <t>0283617</t>
  </si>
  <si>
    <t>0283622</t>
  </si>
  <si>
    <t>上矢次</t>
  </si>
  <si>
    <t>0283608</t>
  </si>
  <si>
    <t>北郡山</t>
  </si>
  <si>
    <t>0283624</t>
  </si>
  <si>
    <t>北伝法寺</t>
  </si>
  <si>
    <t>0283613</t>
  </si>
  <si>
    <t>北矢幅</t>
  </si>
  <si>
    <t>0283623</t>
  </si>
  <si>
    <t>煙山</t>
  </si>
  <si>
    <t>0283607</t>
  </si>
  <si>
    <t>0283612</t>
  </si>
  <si>
    <t>下矢次</t>
  </si>
  <si>
    <t>0283616</t>
  </si>
  <si>
    <t>0283601</t>
  </si>
  <si>
    <t>0283606</t>
  </si>
  <si>
    <t>0283603</t>
  </si>
  <si>
    <t>西徳田</t>
  </si>
  <si>
    <t>0283604</t>
  </si>
  <si>
    <t>東徳田</t>
  </si>
  <si>
    <t>0283621</t>
  </si>
  <si>
    <t>広宮沢</t>
  </si>
  <si>
    <t>0283602</t>
  </si>
  <si>
    <t>0283614</t>
  </si>
  <si>
    <t>又兵エ新田</t>
  </si>
  <si>
    <t>0283615</t>
  </si>
  <si>
    <t>南矢幅</t>
  </si>
  <si>
    <t>0283625</t>
  </si>
  <si>
    <t>室岡</t>
  </si>
  <si>
    <t>0200891</t>
  </si>
  <si>
    <t>流通センター南</t>
  </si>
  <si>
    <t>0283627</t>
  </si>
  <si>
    <t>和味</t>
  </si>
  <si>
    <t>0295500</t>
  </si>
  <si>
    <t>和賀郡西和賀町</t>
  </si>
  <si>
    <t>0295503</t>
  </si>
  <si>
    <t>穴明２２地割、穴明２３地割</t>
  </si>
  <si>
    <t>0295511</t>
  </si>
  <si>
    <t>上野々３９地割</t>
  </si>
  <si>
    <t>0295523</t>
  </si>
  <si>
    <t>越中畑６４地割～越中畑６６地割</t>
  </si>
  <si>
    <t>0295507</t>
  </si>
  <si>
    <t>大沓３６地割</t>
  </si>
  <si>
    <t>0295521</t>
  </si>
  <si>
    <t>大渡５７地割</t>
  </si>
  <si>
    <t>0295513</t>
  </si>
  <si>
    <t>甲子５１地割</t>
  </si>
  <si>
    <t>桂子沢７５地割、桂子沢７６地割</t>
  </si>
  <si>
    <t>0295502</t>
  </si>
  <si>
    <t>樺沢１６地割、樺沢１７地割</t>
  </si>
  <si>
    <t>0295512</t>
  </si>
  <si>
    <t>川尻４０地割、川尻４１地割</t>
  </si>
  <si>
    <t>草井沢４７地割</t>
  </si>
  <si>
    <t>小繋沢５４地割～小繋沢５６地割</t>
  </si>
  <si>
    <t>0295501</t>
  </si>
  <si>
    <t>左草１地割～左草６地割</t>
  </si>
  <si>
    <t>0295616</t>
  </si>
  <si>
    <t>沢内泉沢</t>
  </si>
  <si>
    <t>0295614</t>
  </si>
  <si>
    <t>沢内太田</t>
  </si>
  <si>
    <t>0295612</t>
  </si>
  <si>
    <t>沢内大野</t>
  </si>
  <si>
    <t>0295703</t>
  </si>
  <si>
    <t>沢内貝沢</t>
  </si>
  <si>
    <t>0295701</t>
  </si>
  <si>
    <t>沢内川舟</t>
  </si>
  <si>
    <t>0295621</t>
  </si>
  <si>
    <t>沢内鍵飯</t>
  </si>
  <si>
    <t>0295615</t>
  </si>
  <si>
    <t>沢内猿橋</t>
  </si>
  <si>
    <t>0295611</t>
  </si>
  <si>
    <t>沢内新町</t>
  </si>
  <si>
    <t>0295617</t>
  </si>
  <si>
    <t>沢内長瀬野</t>
  </si>
  <si>
    <t>0295619</t>
  </si>
  <si>
    <t>沢内弁天</t>
  </si>
  <si>
    <t>0295613</t>
  </si>
  <si>
    <t>沢内前郷</t>
  </si>
  <si>
    <t>0295618</t>
  </si>
  <si>
    <t>沢内両沢</t>
  </si>
  <si>
    <t>0295702</t>
  </si>
  <si>
    <t>沢内若畑</t>
  </si>
  <si>
    <t>沢中７３地割、沢中７４地割</t>
  </si>
  <si>
    <t>下前７地割～下前１４地割</t>
  </si>
  <si>
    <t>清水ケ野１８地割</t>
  </si>
  <si>
    <t>下左草７７地割～下左草８０地割</t>
  </si>
  <si>
    <t>白木野６７地割</t>
  </si>
  <si>
    <t>0240341</t>
  </si>
  <si>
    <t>杉名畑４４地割（湯田ダム管理事務所、後口山、当楽）</t>
  </si>
  <si>
    <t>杉名畑４４地割（その他）</t>
  </si>
  <si>
    <t>0295522</t>
  </si>
  <si>
    <t>巣郷６３地割</t>
  </si>
  <si>
    <t>0295504</t>
  </si>
  <si>
    <t>槻沢２５地割～槻沢２８地割</t>
  </si>
  <si>
    <t>寅沢１５地割</t>
  </si>
  <si>
    <t>中村５８地割、中村５９地割</t>
  </si>
  <si>
    <t>野々宿６０地割～野々宿６２地割</t>
  </si>
  <si>
    <t>細内６８地割、細内６９地割</t>
  </si>
  <si>
    <t>本内４６地割</t>
  </si>
  <si>
    <t>間木野２４地割</t>
  </si>
  <si>
    <t>耳取４９地割</t>
  </si>
  <si>
    <t>本屋敷４８地割</t>
  </si>
  <si>
    <t>柳沢７０地割、柳沢７１地割</t>
  </si>
  <si>
    <t>0295514</t>
  </si>
  <si>
    <t>湯川５２地割、湯川５３地割</t>
  </si>
  <si>
    <t>湯田１９地割～湯田２１地割</t>
  </si>
  <si>
    <t>0295506</t>
  </si>
  <si>
    <t>湯之沢３１地割～湯之沢３５地割</t>
  </si>
  <si>
    <t>0295505</t>
  </si>
  <si>
    <t>湯本２９地割、湯本３０地割</t>
  </si>
  <si>
    <t>芦ケ沢７２地割</t>
  </si>
  <si>
    <t>鷲之巣５０地割</t>
  </si>
  <si>
    <t>0294500</t>
  </si>
  <si>
    <t>胆沢郡金ケ崎町</t>
  </si>
  <si>
    <t>0294505</t>
  </si>
  <si>
    <t>永栄</t>
  </si>
  <si>
    <t>0294504</t>
  </si>
  <si>
    <t>永沢</t>
  </si>
  <si>
    <t>0294503</t>
  </si>
  <si>
    <t>0294502</t>
  </si>
  <si>
    <t>0294501</t>
  </si>
  <si>
    <t>六原</t>
  </si>
  <si>
    <t>0294100</t>
  </si>
  <si>
    <t>西磐井郡平泉町</t>
  </si>
  <si>
    <t>0294101</t>
  </si>
  <si>
    <t>0294102</t>
  </si>
  <si>
    <t>平泉</t>
  </si>
  <si>
    <t>0293400</t>
  </si>
  <si>
    <t>東磐井郡藤沢町</t>
  </si>
  <si>
    <t>0293522</t>
  </si>
  <si>
    <t>大籠</t>
  </si>
  <si>
    <t>0293311</t>
  </si>
  <si>
    <t>黄海</t>
  </si>
  <si>
    <t>0293403</t>
  </si>
  <si>
    <t>砂子田</t>
  </si>
  <si>
    <t>0293404</t>
  </si>
  <si>
    <t>徳田</t>
  </si>
  <si>
    <t>0293402</t>
  </si>
  <si>
    <t>新沼</t>
  </si>
  <si>
    <t>0293406</t>
  </si>
  <si>
    <t>西口</t>
  </si>
  <si>
    <t>0293405</t>
  </si>
  <si>
    <t>0293521</t>
  </si>
  <si>
    <t>保呂羽</t>
  </si>
  <si>
    <t>0293401</t>
  </si>
  <si>
    <t>増沢</t>
  </si>
  <si>
    <t>0292300</t>
  </si>
  <si>
    <t>気仙郡住田町</t>
  </si>
  <si>
    <t>0292501</t>
  </si>
  <si>
    <t>上有住</t>
  </si>
  <si>
    <t>0292502</t>
  </si>
  <si>
    <t>下有住</t>
  </si>
  <si>
    <t>0292311</t>
  </si>
  <si>
    <t>世田米</t>
  </si>
  <si>
    <t>0281100</t>
  </si>
  <si>
    <t>上閉伊郡大槌町</t>
  </si>
  <si>
    <t>0281102</t>
  </si>
  <si>
    <t>0281105</t>
  </si>
  <si>
    <t>安渡</t>
  </si>
  <si>
    <t>0281131</t>
  </si>
  <si>
    <t>大槌</t>
  </si>
  <si>
    <t>0281112</t>
  </si>
  <si>
    <t>0281132</t>
  </si>
  <si>
    <t>大ケ口</t>
  </si>
  <si>
    <t>0281133</t>
  </si>
  <si>
    <t>0281115</t>
  </si>
  <si>
    <t>0281101</t>
  </si>
  <si>
    <t>吉里吉里</t>
  </si>
  <si>
    <t>0281121</t>
  </si>
  <si>
    <t>小鎚</t>
  </si>
  <si>
    <t>0281114</t>
  </si>
  <si>
    <t>0281122</t>
  </si>
  <si>
    <t>0281111</t>
  </si>
  <si>
    <t>0281104</t>
  </si>
  <si>
    <t>0281117</t>
  </si>
  <si>
    <t>0281113</t>
  </si>
  <si>
    <t>0281116</t>
  </si>
  <si>
    <t>0281103</t>
  </si>
  <si>
    <t>0281300</t>
  </si>
  <si>
    <t>下閉伊郡山田町</t>
  </si>
  <si>
    <t>0281303</t>
  </si>
  <si>
    <t>0281352</t>
  </si>
  <si>
    <t>0281301</t>
  </si>
  <si>
    <t>石峠</t>
  </si>
  <si>
    <t>0281311</t>
  </si>
  <si>
    <t>0281361</t>
  </si>
  <si>
    <t>0281342</t>
  </si>
  <si>
    <t>0281331</t>
  </si>
  <si>
    <t>0281333</t>
  </si>
  <si>
    <t>後楽町</t>
  </si>
  <si>
    <t>0281343</t>
  </si>
  <si>
    <t>0281332</t>
  </si>
  <si>
    <t>0281302</t>
  </si>
  <si>
    <t>豊間根</t>
  </si>
  <si>
    <t>0281351</t>
  </si>
  <si>
    <t>0281341</t>
  </si>
  <si>
    <t>0281371</t>
  </si>
  <si>
    <t>0281321</t>
  </si>
  <si>
    <t>0270500</t>
  </si>
  <si>
    <t>下閉伊郡岩泉町</t>
  </si>
  <si>
    <t>0282231</t>
  </si>
  <si>
    <t>浅内</t>
  </si>
  <si>
    <t>0270611</t>
  </si>
  <si>
    <t>安家</t>
  </si>
  <si>
    <t>0285642</t>
  </si>
  <si>
    <t>穴沢</t>
  </si>
  <si>
    <t>0270508</t>
  </si>
  <si>
    <t>尼額</t>
  </si>
  <si>
    <t>0270501</t>
  </si>
  <si>
    <t>岩泉</t>
  </si>
  <si>
    <t>0282232</t>
  </si>
  <si>
    <t>0270502</t>
  </si>
  <si>
    <t>乙茂</t>
  </si>
  <si>
    <t>0270421</t>
  </si>
  <si>
    <t>小本</t>
  </si>
  <si>
    <t>0285641</t>
  </si>
  <si>
    <t>0285633</t>
  </si>
  <si>
    <t>釜津田（上栗宿、栗宿、権現）</t>
  </si>
  <si>
    <t>0282233</t>
  </si>
  <si>
    <t>釜津田（その他）</t>
  </si>
  <si>
    <t>0270505</t>
  </si>
  <si>
    <t>上有芸</t>
  </si>
  <si>
    <t>0270503</t>
  </si>
  <si>
    <t>猿沢</t>
  </si>
  <si>
    <t>0270504</t>
  </si>
  <si>
    <t>下有芸</t>
  </si>
  <si>
    <t>0270506</t>
  </si>
  <si>
    <t>鼠入</t>
  </si>
  <si>
    <t>0270423</t>
  </si>
  <si>
    <t>0270422</t>
  </si>
  <si>
    <t>0270507</t>
  </si>
  <si>
    <t>二升石</t>
  </si>
  <si>
    <t>0270424</t>
  </si>
  <si>
    <t>袰野</t>
  </si>
  <si>
    <t>0285643</t>
  </si>
  <si>
    <t>袰綿</t>
  </si>
  <si>
    <t>0288400</t>
  </si>
  <si>
    <t>下閉伊郡田野畑村</t>
  </si>
  <si>
    <t>0288402</t>
  </si>
  <si>
    <t>0288401</t>
  </si>
  <si>
    <t>一の渡</t>
  </si>
  <si>
    <t>蝦夷森</t>
  </si>
  <si>
    <t>0288405</t>
  </si>
  <si>
    <t>尾肝要</t>
  </si>
  <si>
    <t>奥地</t>
  </si>
  <si>
    <t>奥地向</t>
  </si>
  <si>
    <t>茅刈沢</t>
  </si>
  <si>
    <t>0288407</t>
  </si>
  <si>
    <t>川平</t>
  </si>
  <si>
    <t>切牛</t>
  </si>
  <si>
    <t>0288406</t>
  </si>
  <si>
    <t>0288404</t>
  </si>
  <si>
    <t>島越</t>
  </si>
  <si>
    <t>菅窪</t>
  </si>
  <si>
    <t>巣合</t>
  </si>
  <si>
    <t>千丈</t>
  </si>
  <si>
    <t>千足</t>
  </si>
  <si>
    <t>滝ノ沢</t>
  </si>
  <si>
    <t>田野畑</t>
  </si>
  <si>
    <t>机</t>
  </si>
  <si>
    <t>年呂部</t>
  </si>
  <si>
    <t>七滝</t>
  </si>
  <si>
    <t>子木地</t>
  </si>
  <si>
    <t>子木屋敷</t>
  </si>
  <si>
    <t>萩牛</t>
  </si>
  <si>
    <t>浜岩泉</t>
  </si>
  <si>
    <t>日蔭</t>
  </si>
  <si>
    <t>姫松</t>
  </si>
  <si>
    <t>真木沢</t>
  </si>
  <si>
    <t>松前沢</t>
  </si>
  <si>
    <t>南大芦</t>
  </si>
  <si>
    <t>室場</t>
  </si>
  <si>
    <t>0288403</t>
  </si>
  <si>
    <t>羅賀</t>
  </si>
  <si>
    <t>和野</t>
  </si>
  <si>
    <t>0288300</t>
  </si>
  <si>
    <t>下閉伊郡普代村</t>
  </si>
  <si>
    <t>0288366</t>
  </si>
  <si>
    <t>芦生</t>
  </si>
  <si>
    <t>0288365</t>
  </si>
  <si>
    <t>芦渡</t>
  </si>
  <si>
    <t>0288343</t>
  </si>
  <si>
    <t>0288362</t>
  </si>
  <si>
    <t>卯子酉</t>
  </si>
  <si>
    <t>0288331</t>
  </si>
  <si>
    <t>宇留部</t>
  </si>
  <si>
    <t>0288345</t>
  </si>
  <si>
    <t>太田名部</t>
  </si>
  <si>
    <t>0288368</t>
  </si>
  <si>
    <t>柏木平</t>
  </si>
  <si>
    <t>0288352</t>
  </si>
  <si>
    <t>0288361</t>
  </si>
  <si>
    <t>北ノ股</t>
  </si>
  <si>
    <t>0288353</t>
  </si>
  <si>
    <t>0288312</t>
  </si>
  <si>
    <t>小谷地</t>
  </si>
  <si>
    <t>0288303</t>
  </si>
  <si>
    <t>0288351</t>
  </si>
  <si>
    <t>下村</t>
  </si>
  <si>
    <t>0288311</t>
  </si>
  <si>
    <t>0288313</t>
  </si>
  <si>
    <t>0288336</t>
  </si>
  <si>
    <t>0288322</t>
  </si>
  <si>
    <t>天拝坂</t>
  </si>
  <si>
    <t>0288332</t>
  </si>
  <si>
    <t>銅屋</t>
  </si>
  <si>
    <t>0288323</t>
  </si>
  <si>
    <t>鳥居</t>
  </si>
  <si>
    <t>0288334</t>
  </si>
  <si>
    <t>0288344</t>
  </si>
  <si>
    <t>0288321</t>
  </si>
  <si>
    <t>野胡桃</t>
  </si>
  <si>
    <t>0288367</t>
  </si>
  <si>
    <t>0288301</t>
  </si>
  <si>
    <t>馬場野</t>
  </si>
  <si>
    <t>0288335</t>
  </si>
  <si>
    <t>普代</t>
  </si>
  <si>
    <t>0288302</t>
  </si>
  <si>
    <t>0288364</t>
  </si>
  <si>
    <t>南股</t>
  </si>
  <si>
    <t>0288341</t>
  </si>
  <si>
    <t>明神</t>
  </si>
  <si>
    <t>0288363</t>
  </si>
  <si>
    <t>0288333</t>
  </si>
  <si>
    <t>0288342</t>
  </si>
  <si>
    <t>和野山</t>
  </si>
  <si>
    <t>0282300</t>
  </si>
  <si>
    <t>下閉伊郡川井村</t>
  </si>
  <si>
    <t>0282421</t>
  </si>
  <si>
    <t>江繋</t>
  </si>
  <si>
    <t>0282422</t>
  </si>
  <si>
    <t>小国</t>
  </si>
  <si>
    <t>0282303</t>
  </si>
  <si>
    <t>片巣</t>
  </si>
  <si>
    <t>0282632</t>
  </si>
  <si>
    <t>門馬</t>
  </si>
  <si>
    <t>0282402</t>
  </si>
  <si>
    <t>川井（第９地割～第１１地割）</t>
  </si>
  <si>
    <t>0282302</t>
  </si>
  <si>
    <t>川井（その他）</t>
  </si>
  <si>
    <t>0282513</t>
  </si>
  <si>
    <t>川内</t>
  </si>
  <si>
    <t>0282512</t>
  </si>
  <si>
    <t>鈴久名</t>
  </si>
  <si>
    <t>0282631</t>
  </si>
  <si>
    <t>0282511</t>
  </si>
  <si>
    <t>夏屋</t>
  </si>
  <si>
    <t>0282504</t>
  </si>
  <si>
    <t>箱石（第２地割「７０～１３６」～第４地割「３～１１」）</t>
  </si>
  <si>
    <t>0282304</t>
  </si>
  <si>
    <t>箱石（その他）</t>
  </si>
  <si>
    <t>0282633</t>
  </si>
  <si>
    <t>平津戸</t>
  </si>
  <si>
    <t>0282301</t>
  </si>
  <si>
    <t>古田</t>
  </si>
  <si>
    <t>0286300</t>
  </si>
  <si>
    <t>九戸郡軽米町</t>
  </si>
  <si>
    <t>0286223</t>
  </si>
  <si>
    <t>狄塚</t>
  </si>
  <si>
    <t>0286301</t>
  </si>
  <si>
    <t>上舘</t>
  </si>
  <si>
    <t>0286302</t>
  </si>
  <si>
    <t>軽米</t>
  </si>
  <si>
    <t>0286303</t>
  </si>
  <si>
    <t>高家</t>
  </si>
  <si>
    <t>0286411</t>
  </si>
  <si>
    <t>小軽米</t>
  </si>
  <si>
    <t>0286222</t>
  </si>
  <si>
    <t>0286304</t>
  </si>
  <si>
    <t>0286221</t>
  </si>
  <si>
    <t>0286412</t>
  </si>
  <si>
    <t>蛇口</t>
  </si>
  <si>
    <t>0286413</t>
  </si>
  <si>
    <t>円子</t>
  </si>
  <si>
    <t>0288200</t>
  </si>
  <si>
    <t>九戸郡野田村</t>
  </si>
  <si>
    <t>0288202</t>
  </si>
  <si>
    <t>0288201</t>
  </si>
  <si>
    <t>0286500</t>
  </si>
  <si>
    <t>九戸郡九戸村</t>
  </si>
  <si>
    <t>0286501</t>
  </si>
  <si>
    <t>荒谷</t>
  </si>
  <si>
    <t>0286502</t>
  </si>
  <si>
    <t>伊保内</t>
  </si>
  <si>
    <t>0286505</t>
  </si>
  <si>
    <t>江刺家</t>
  </si>
  <si>
    <t>0286503</t>
  </si>
  <si>
    <t>0286611</t>
  </si>
  <si>
    <t>0286504</t>
  </si>
  <si>
    <t>長興寺</t>
  </si>
  <si>
    <t>0286612</t>
  </si>
  <si>
    <t>0286506</t>
  </si>
  <si>
    <t>0286507</t>
  </si>
  <si>
    <t>雪屋</t>
  </si>
  <si>
    <t>0287900</t>
  </si>
  <si>
    <t>九戸郡洋野町</t>
  </si>
  <si>
    <t>0288803</t>
  </si>
  <si>
    <t>阿子木</t>
  </si>
  <si>
    <t>0287905</t>
  </si>
  <si>
    <t>有家</t>
  </si>
  <si>
    <t>0288802</t>
  </si>
  <si>
    <t>0287904</t>
  </si>
  <si>
    <t>小子内</t>
  </si>
  <si>
    <t>0288801</t>
  </si>
  <si>
    <t>上館</t>
  </si>
  <si>
    <t>0288804</t>
  </si>
  <si>
    <t>帯島</t>
  </si>
  <si>
    <t>0287915</t>
  </si>
  <si>
    <t>種市第１５地割～第２１地割（鹿糠、小路合、緑町、大久保、高取）</t>
  </si>
  <si>
    <t>0287903</t>
  </si>
  <si>
    <t>種市第１地割～第３地割（八木南町、八木北町）</t>
  </si>
  <si>
    <t>0287914</t>
  </si>
  <si>
    <t>種市第２２地割～第２３地割（一区、二区、三区、四区、大町、小橋、住吉町）</t>
  </si>
  <si>
    <t>0287913</t>
  </si>
  <si>
    <t>種市第２４地割～第２５地割（緑ケ丘町、横手）</t>
  </si>
  <si>
    <t>0287912</t>
  </si>
  <si>
    <t>種市第２６地割～第３８地割（川尻、平内）</t>
  </si>
  <si>
    <t>0287911</t>
  </si>
  <si>
    <t>種市第３９地割～第４５地割（角浜、伝吉）</t>
  </si>
  <si>
    <t>0287918</t>
  </si>
  <si>
    <t>種市第４６地割～第４９地割（麦沢）</t>
  </si>
  <si>
    <t>0287902</t>
  </si>
  <si>
    <t>種市第４地割～第７地割（宿戸）</t>
  </si>
  <si>
    <t>0287917</t>
  </si>
  <si>
    <t>種市第５０地割～第７０地割（大沢、城内、滝沢）</t>
  </si>
  <si>
    <t>0287916</t>
  </si>
  <si>
    <t>種市第７１地割～第７４地割（大谷、和座）</t>
  </si>
  <si>
    <t>0287901</t>
  </si>
  <si>
    <t>種市第８地割～第１４地割（玉川、戸類家）</t>
  </si>
  <si>
    <t>0287906</t>
  </si>
  <si>
    <t>0288805</t>
  </si>
  <si>
    <t>0285300</t>
  </si>
  <si>
    <t>二戸郡一戸町</t>
  </si>
  <si>
    <t>0285222</t>
  </si>
  <si>
    <t>姉帯</t>
  </si>
  <si>
    <t>0285304</t>
  </si>
  <si>
    <t>出ル町</t>
  </si>
  <si>
    <t>0285312</t>
  </si>
  <si>
    <t>一戸</t>
  </si>
  <si>
    <t>0285316</t>
  </si>
  <si>
    <t>岩舘</t>
  </si>
  <si>
    <t>0285131</t>
  </si>
  <si>
    <t>宇別</t>
  </si>
  <si>
    <t>0285134</t>
  </si>
  <si>
    <t>奥中山</t>
  </si>
  <si>
    <t>0285303</t>
  </si>
  <si>
    <t>0285223</t>
  </si>
  <si>
    <t>面岸</t>
  </si>
  <si>
    <t>0285311</t>
  </si>
  <si>
    <t>高善寺</t>
  </si>
  <si>
    <t>0285221</t>
  </si>
  <si>
    <t>小鳥谷</t>
  </si>
  <si>
    <t>0285132</t>
  </si>
  <si>
    <t>小繋</t>
  </si>
  <si>
    <t>0285301</t>
  </si>
  <si>
    <t>西法寺</t>
  </si>
  <si>
    <t>0285305</t>
  </si>
  <si>
    <t>月舘</t>
  </si>
  <si>
    <t>0285313</t>
  </si>
  <si>
    <t>0285306</t>
  </si>
  <si>
    <t>0285233</t>
  </si>
  <si>
    <t>中山（新田１７－２、３７番地、東火行１番地）</t>
  </si>
  <si>
    <t>0285133</t>
  </si>
  <si>
    <t>中山（その他）</t>
  </si>
  <si>
    <t>0285314</t>
  </si>
  <si>
    <t>楢山</t>
  </si>
  <si>
    <t>0285315</t>
  </si>
  <si>
    <t>根反</t>
  </si>
  <si>
    <t>0285224</t>
  </si>
  <si>
    <t>平糠</t>
  </si>
  <si>
    <t>0285302</t>
  </si>
  <si>
    <t>女鹿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PostCode</t>
  </si>
  <si>
    <t>Address1</t>
  </si>
  <si>
    <t>Address2</t>
  </si>
  <si>
    <t>Address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0" fontId="0" fillId="0" borderId="0" xfId="0" quotePrefix="1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id="1" name="テーブル1" displayName="テーブル1" ref="A1:F9" totalsRowShown="0">
  <autoFilter ref="A1:F9"/>
  <tableColumns count="6">
    <tableColumn id="1" name="ID"/>
    <tableColumn id="2" name="TERMINATOR"/>
    <tableColumn id="3" name="MAX_LENGTH"/>
    <tableColumn id="4" name="COLLATION"/>
    <tableColumn id="5" name="SOURCE"/>
    <tableColumn id="6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6834"/>
  <sheetViews>
    <sheetView tabSelected="1" workbookViewId="0">
      <selection sqref="A1:D1"/>
    </sheetView>
  </sheetViews>
  <sheetFormatPr defaultRowHeight="18.75" x14ac:dyDescent="0.4"/>
  <sheetData>
    <row r="1" spans="1:4" x14ac:dyDescent="0.4">
      <c r="A1" s="3" t="s">
        <v>17606</v>
      </c>
      <c r="B1" s="4" t="s">
        <v>17607</v>
      </c>
      <c r="C1" s="3" t="s">
        <v>17608</v>
      </c>
      <c r="D1" s="4" t="s">
        <v>17609</v>
      </c>
    </row>
    <row r="2" spans="1:4" x14ac:dyDescent="0.4">
      <c r="A2">
        <v>2650074</v>
      </c>
      <c r="B2" t="s">
        <v>0</v>
      </c>
      <c r="C2" t="s">
        <v>1</v>
      </c>
      <c r="D2" t="s">
        <v>2</v>
      </c>
    </row>
    <row r="3" spans="1:4" x14ac:dyDescent="0.4">
      <c r="A3">
        <v>2640012</v>
      </c>
      <c r="B3" t="s">
        <v>0</v>
      </c>
      <c r="C3" t="s">
        <v>1</v>
      </c>
      <c r="D3" t="s">
        <v>3</v>
      </c>
    </row>
    <row r="4" spans="1:4" x14ac:dyDescent="0.4">
      <c r="A4">
        <v>2640028</v>
      </c>
      <c r="B4" t="s">
        <v>0</v>
      </c>
      <c r="C4" t="s">
        <v>1</v>
      </c>
      <c r="D4" t="s">
        <v>4</v>
      </c>
    </row>
    <row r="5" spans="1:4" x14ac:dyDescent="0.4">
      <c r="A5">
        <v>2640029</v>
      </c>
      <c r="B5" t="s">
        <v>0</v>
      </c>
      <c r="C5" t="s">
        <v>1</v>
      </c>
      <c r="D5" t="s">
        <v>5</v>
      </c>
    </row>
    <row r="6" spans="1:4" x14ac:dyDescent="0.4">
      <c r="A6">
        <v>2650073</v>
      </c>
      <c r="B6" t="s">
        <v>0</v>
      </c>
      <c r="C6" t="s">
        <v>1</v>
      </c>
      <c r="D6" t="s">
        <v>6</v>
      </c>
    </row>
    <row r="7" spans="1:4" x14ac:dyDescent="0.4">
      <c r="A7">
        <v>2650065</v>
      </c>
      <c r="B7" t="s">
        <v>0</v>
      </c>
      <c r="C7" t="s">
        <v>1</v>
      </c>
      <c r="D7" t="s">
        <v>7</v>
      </c>
    </row>
    <row r="8" spans="1:4" x14ac:dyDescent="0.4">
      <c r="A8">
        <v>2650044</v>
      </c>
      <c r="B8" t="s">
        <v>0</v>
      </c>
      <c r="C8" t="s">
        <v>1</v>
      </c>
      <c r="D8" t="s">
        <v>8</v>
      </c>
    </row>
    <row r="9" spans="1:4" x14ac:dyDescent="0.4">
      <c r="A9">
        <v>2650076</v>
      </c>
      <c r="B9" t="s">
        <v>0</v>
      </c>
      <c r="C9" t="s">
        <v>1</v>
      </c>
      <c r="D9" t="s">
        <v>9</v>
      </c>
    </row>
    <row r="10" spans="1:4" x14ac:dyDescent="0.4">
      <c r="A10">
        <v>2640024</v>
      </c>
      <c r="B10" t="s">
        <v>0</v>
      </c>
      <c r="C10" t="s">
        <v>1</v>
      </c>
      <c r="D10" t="s">
        <v>10</v>
      </c>
    </row>
    <row r="11" spans="1:4" x14ac:dyDescent="0.4">
      <c r="A11">
        <v>2650061</v>
      </c>
      <c r="B11" t="s">
        <v>0</v>
      </c>
      <c r="C11" t="s">
        <v>1</v>
      </c>
      <c r="D11" t="s">
        <v>11</v>
      </c>
    </row>
    <row r="12" spans="1:4" x14ac:dyDescent="0.4">
      <c r="A12">
        <v>2650066</v>
      </c>
      <c r="B12" t="s">
        <v>0</v>
      </c>
      <c r="C12" t="s">
        <v>1</v>
      </c>
      <c r="D12" t="s">
        <v>12</v>
      </c>
    </row>
    <row r="13" spans="1:4" x14ac:dyDescent="0.4">
      <c r="A13">
        <v>2650071</v>
      </c>
      <c r="B13" t="s">
        <v>0</v>
      </c>
      <c r="C13" t="s">
        <v>1</v>
      </c>
      <c r="D13" t="s">
        <v>13</v>
      </c>
    </row>
    <row r="14" spans="1:4" x14ac:dyDescent="0.4">
      <c r="A14">
        <v>2640002</v>
      </c>
      <c r="B14" t="s">
        <v>0</v>
      </c>
      <c r="C14" t="s">
        <v>1</v>
      </c>
      <c r="D14" t="s">
        <v>14</v>
      </c>
    </row>
    <row r="15" spans="1:4" x14ac:dyDescent="0.4">
      <c r="A15">
        <v>2640004</v>
      </c>
      <c r="B15" t="s">
        <v>0</v>
      </c>
      <c r="C15" t="s">
        <v>1</v>
      </c>
      <c r="D15" t="s">
        <v>15</v>
      </c>
    </row>
    <row r="16" spans="1:4" x14ac:dyDescent="0.4">
      <c r="A16">
        <v>2640003</v>
      </c>
      <c r="B16" t="s">
        <v>0</v>
      </c>
      <c r="C16" t="s">
        <v>1</v>
      </c>
      <c r="D16" t="s">
        <v>16</v>
      </c>
    </row>
    <row r="17" spans="1:4" x14ac:dyDescent="0.4">
      <c r="A17">
        <v>2640005</v>
      </c>
      <c r="B17" t="s">
        <v>0</v>
      </c>
      <c r="C17" t="s">
        <v>1</v>
      </c>
      <c r="D17" t="s">
        <v>17</v>
      </c>
    </row>
    <row r="18" spans="1:4" x14ac:dyDescent="0.4">
      <c r="A18">
        <v>2640025</v>
      </c>
      <c r="B18" t="s">
        <v>0</v>
      </c>
      <c r="C18" t="s">
        <v>1</v>
      </c>
      <c r="D18" t="s">
        <v>18</v>
      </c>
    </row>
    <row r="19" spans="1:4" x14ac:dyDescent="0.4">
      <c r="A19">
        <v>2640033</v>
      </c>
      <c r="B19" t="s">
        <v>0</v>
      </c>
      <c r="C19" t="s">
        <v>1</v>
      </c>
      <c r="D19" t="s">
        <v>19</v>
      </c>
    </row>
    <row r="20" spans="1:4" x14ac:dyDescent="0.4">
      <c r="A20">
        <v>2640036</v>
      </c>
      <c r="B20" t="s">
        <v>0</v>
      </c>
      <c r="C20" t="s">
        <v>1</v>
      </c>
      <c r="D20" t="s">
        <v>20</v>
      </c>
    </row>
    <row r="21" spans="1:4" x14ac:dyDescent="0.4">
      <c r="A21">
        <v>2650041</v>
      </c>
      <c r="B21" t="s">
        <v>0</v>
      </c>
      <c r="C21" t="s">
        <v>1</v>
      </c>
      <c r="D21" t="s">
        <v>21</v>
      </c>
    </row>
    <row r="22" spans="1:4" x14ac:dyDescent="0.4">
      <c r="A22">
        <v>2650043</v>
      </c>
      <c r="B22" t="s">
        <v>0</v>
      </c>
      <c r="C22" t="s">
        <v>1</v>
      </c>
      <c r="D22" t="s">
        <v>22</v>
      </c>
    </row>
    <row r="23" spans="1:4" x14ac:dyDescent="0.4">
      <c r="A23">
        <v>2650051</v>
      </c>
      <c r="B23" t="s">
        <v>0</v>
      </c>
      <c r="C23" t="s">
        <v>1</v>
      </c>
      <c r="D23" t="s">
        <v>23</v>
      </c>
    </row>
    <row r="24" spans="1:4" x14ac:dyDescent="0.4">
      <c r="A24">
        <v>2640026</v>
      </c>
      <c r="B24" t="s">
        <v>0</v>
      </c>
      <c r="C24" t="s">
        <v>1</v>
      </c>
      <c r="D24" t="s">
        <v>24</v>
      </c>
    </row>
    <row r="25" spans="1:4" x14ac:dyDescent="0.4">
      <c r="A25">
        <v>2650053</v>
      </c>
      <c r="B25" t="s">
        <v>0</v>
      </c>
      <c r="C25" t="s">
        <v>1</v>
      </c>
      <c r="D25" t="s">
        <v>25</v>
      </c>
    </row>
    <row r="26" spans="1:4" x14ac:dyDescent="0.4">
      <c r="A26">
        <v>2640034</v>
      </c>
      <c r="B26" t="s">
        <v>0</v>
      </c>
      <c r="C26" t="s">
        <v>1</v>
      </c>
      <c r="D26" t="s">
        <v>26</v>
      </c>
    </row>
    <row r="27" spans="1:4" x14ac:dyDescent="0.4">
      <c r="A27">
        <v>2640035</v>
      </c>
      <c r="B27" t="s">
        <v>0</v>
      </c>
      <c r="C27" t="s">
        <v>1</v>
      </c>
      <c r="D27" t="s">
        <v>27</v>
      </c>
    </row>
    <row r="28" spans="1:4" x14ac:dyDescent="0.4">
      <c r="A28">
        <v>2640032</v>
      </c>
      <c r="B28" t="s">
        <v>0</v>
      </c>
      <c r="C28" t="s">
        <v>1</v>
      </c>
      <c r="D28" t="s">
        <v>28</v>
      </c>
    </row>
    <row r="29" spans="1:4" x14ac:dyDescent="0.4">
      <c r="A29">
        <v>2640037</v>
      </c>
      <c r="B29" t="s">
        <v>0</v>
      </c>
      <c r="C29" t="s">
        <v>1</v>
      </c>
      <c r="D29" t="s">
        <v>29</v>
      </c>
    </row>
    <row r="30" spans="1:4" x14ac:dyDescent="0.4">
      <c r="A30">
        <v>2650072</v>
      </c>
      <c r="B30" t="s">
        <v>0</v>
      </c>
      <c r="C30" t="s">
        <v>1</v>
      </c>
      <c r="D30" t="s">
        <v>30</v>
      </c>
    </row>
    <row r="31" spans="1:4" x14ac:dyDescent="0.4">
      <c r="A31">
        <v>2640027</v>
      </c>
      <c r="B31" t="s">
        <v>0</v>
      </c>
      <c r="C31" t="s">
        <v>1</v>
      </c>
      <c r="D31" t="s">
        <v>31</v>
      </c>
    </row>
    <row r="32" spans="1:4" x14ac:dyDescent="0.4">
      <c r="A32">
        <v>2640021</v>
      </c>
      <c r="B32" t="s">
        <v>0</v>
      </c>
      <c r="C32" t="s">
        <v>1</v>
      </c>
      <c r="D32" t="s">
        <v>32</v>
      </c>
    </row>
    <row r="33" spans="1:4" x14ac:dyDescent="0.4">
      <c r="A33">
        <v>2660000</v>
      </c>
      <c r="B33" t="s">
        <v>0</v>
      </c>
      <c r="C33" t="s">
        <v>33</v>
      </c>
    </row>
    <row r="34" spans="1:4" x14ac:dyDescent="0.4">
      <c r="A34">
        <v>2670066</v>
      </c>
      <c r="B34" t="s">
        <v>0</v>
      </c>
      <c r="C34" t="s">
        <v>33</v>
      </c>
      <c r="D34" t="s">
        <v>34</v>
      </c>
    </row>
    <row r="35" spans="1:4" x14ac:dyDescent="0.4">
      <c r="A35">
        <v>2670064</v>
      </c>
      <c r="B35" t="s">
        <v>0</v>
      </c>
      <c r="C35" t="s">
        <v>33</v>
      </c>
      <c r="D35" t="s">
        <v>35</v>
      </c>
    </row>
    <row r="36" spans="1:4" x14ac:dyDescent="0.4">
      <c r="A36">
        <v>2660014</v>
      </c>
      <c r="B36" t="s">
        <v>0</v>
      </c>
      <c r="C36" t="s">
        <v>33</v>
      </c>
      <c r="D36" t="s">
        <v>36</v>
      </c>
    </row>
    <row r="37" spans="1:4" x14ac:dyDescent="0.4">
      <c r="A37">
        <v>2670057</v>
      </c>
      <c r="B37" t="s">
        <v>0</v>
      </c>
      <c r="C37" t="s">
        <v>33</v>
      </c>
      <c r="D37" t="s">
        <v>37</v>
      </c>
    </row>
    <row r="38" spans="1:4" x14ac:dyDescent="0.4">
      <c r="A38">
        <v>2670065</v>
      </c>
      <c r="B38" t="s">
        <v>0</v>
      </c>
      <c r="C38" t="s">
        <v>33</v>
      </c>
      <c r="D38" t="s">
        <v>38</v>
      </c>
    </row>
    <row r="39" spans="1:4" x14ac:dyDescent="0.4">
      <c r="A39">
        <v>2670054</v>
      </c>
      <c r="B39" t="s">
        <v>0</v>
      </c>
      <c r="C39" t="s">
        <v>33</v>
      </c>
      <c r="D39" t="s">
        <v>39</v>
      </c>
    </row>
    <row r="40" spans="1:4" x14ac:dyDescent="0.4">
      <c r="A40">
        <v>2670056</v>
      </c>
      <c r="B40" t="s">
        <v>0</v>
      </c>
      <c r="C40" t="s">
        <v>33</v>
      </c>
      <c r="D40" t="s">
        <v>40</v>
      </c>
    </row>
    <row r="41" spans="1:4" x14ac:dyDescent="0.4">
      <c r="A41">
        <v>2660025</v>
      </c>
      <c r="B41" t="s">
        <v>0</v>
      </c>
      <c r="C41" t="s">
        <v>33</v>
      </c>
      <c r="D41" t="s">
        <v>41</v>
      </c>
    </row>
    <row r="42" spans="1:4" x14ac:dyDescent="0.4">
      <c r="A42">
        <v>2670055</v>
      </c>
      <c r="B42" t="s">
        <v>0</v>
      </c>
      <c r="C42" t="s">
        <v>33</v>
      </c>
      <c r="D42" t="s">
        <v>42</v>
      </c>
    </row>
    <row r="43" spans="1:4" x14ac:dyDescent="0.4">
      <c r="A43">
        <v>2670063</v>
      </c>
      <c r="B43" t="s">
        <v>0</v>
      </c>
      <c r="C43" t="s">
        <v>33</v>
      </c>
      <c r="D43" t="s">
        <v>43</v>
      </c>
    </row>
    <row r="44" spans="1:4" x14ac:dyDescent="0.4">
      <c r="A44">
        <v>2660031</v>
      </c>
      <c r="B44" t="s">
        <v>0</v>
      </c>
      <c r="C44" t="s">
        <v>33</v>
      </c>
      <c r="D44" t="s">
        <v>44</v>
      </c>
    </row>
    <row r="45" spans="1:4" x14ac:dyDescent="0.4">
      <c r="A45">
        <v>2660034</v>
      </c>
      <c r="B45" t="s">
        <v>0</v>
      </c>
      <c r="C45" t="s">
        <v>33</v>
      </c>
      <c r="D45" t="s">
        <v>45</v>
      </c>
    </row>
    <row r="46" spans="1:4" x14ac:dyDescent="0.4">
      <c r="A46">
        <v>2660032</v>
      </c>
      <c r="B46" t="s">
        <v>0</v>
      </c>
      <c r="C46" t="s">
        <v>33</v>
      </c>
      <c r="D46" t="s">
        <v>46</v>
      </c>
    </row>
    <row r="47" spans="1:4" x14ac:dyDescent="0.4">
      <c r="A47">
        <v>2660033</v>
      </c>
      <c r="B47" t="s">
        <v>0</v>
      </c>
      <c r="C47" t="s">
        <v>33</v>
      </c>
      <c r="D47" t="s">
        <v>47</v>
      </c>
    </row>
    <row r="48" spans="1:4" x14ac:dyDescent="0.4">
      <c r="A48">
        <v>2660011</v>
      </c>
      <c r="B48" t="s">
        <v>0</v>
      </c>
      <c r="C48" t="s">
        <v>33</v>
      </c>
      <c r="D48" t="s">
        <v>48</v>
      </c>
    </row>
    <row r="49" spans="1:4" x14ac:dyDescent="0.4">
      <c r="A49">
        <v>2670051</v>
      </c>
      <c r="B49" t="s">
        <v>0</v>
      </c>
      <c r="C49" t="s">
        <v>33</v>
      </c>
      <c r="D49" t="s">
        <v>49</v>
      </c>
    </row>
    <row r="50" spans="1:4" x14ac:dyDescent="0.4">
      <c r="A50">
        <v>2660021</v>
      </c>
      <c r="B50" t="s">
        <v>0</v>
      </c>
      <c r="C50" t="s">
        <v>33</v>
      </c>
      <c r="D50" t="s">
        <v>50</v>
      </c>
    </row>
    <row r="51" spans="1:4" x14ac:dyDescent="0.4">
      <c r="A51">
        <v>2660015</v>
      </c>
      <c r="B51" t="s">
        <v>0</v>
      </c>
      <c r="C51" t="s">
        <v>33</v>
      </c>
      <c r="D51" t="s">
        <v>51</v>
      </c>
    </row>
    <row r="52" spans="1:4" x14ac:dyDescent="0.4">
      <c r="A52">
        <v>2660016</v>
      </c>
      <c r="B52" t="s">
        <v>0</v>
      </c>
      <c r="C52" t="s">
        <v>33</v>
      </c>
      <c r="D52" t="s">
        <v>52</v>
      </c>
    </row>
    <row r="53" spans="1:4" x14ac:dyDescent="0.4">
      <c r="A53">
        <v>2670052</v>
      </c>
      <c r="B53" t="s">
        <v>0</v>
      </c>
      <c r="C53" t="s">
        <v>33</v>
      </c>
      <c r="D53" t="s">
        <v>53</v>
      </c>
    </row>
    <row r="54" spans="1:4" x14ac:dyDescent="0.4">
      <c r="A54">
        <v>2660006</v>
      </c>
      <c r="B54" t="s">
        <v>0</v>
      </c>
      <c r="C54" t="s">
        <v>33</v>
      </c>
      <c r="D54" t="s">
        <v>54</v>
      </c>
    </row>
    <row r="55" spans="1:4" x14ac:dyDescent="0.4">
      <c r="A55">
        <v>2660003</v>
      </c>
      <c r="B55" t="s">
        <v>0</v>
      </c>
      <c r="C55" t="s">
        <v>33</v>
      </c>
      <c r="D55" t="s">
        <v>55</v>
      </c>
    </row>
    <row r="56" spans="1:4" x14ac:dyDescent="0.4">
      <c r="A56">
        <v>2670053</v>
      </c>
      <c r="B56" t="s">
        <v>0</v>
      </c>
      <c r="C56" t="s">
        <v>33</v>
      </c>
      <c r="D56" t="s">
        <v>56</v>
      </c>
    </row>
    <row r="57" spans="1:4" x14ac:dyDescent="0.4">
      <c r="A57">
        <v>2670061</v>
      </c>
      <c r="B57" t="s">
        <v>0</v>
      </c>
      <c r="C57" t="s">
        <v>33</v>
      </c>
      <c r="D57" t="s">
        <v>57</v>
      </c>
    </row>
    <row r="58" spans="1:4" x14ac:dyDescent="0.4">
      <c r="A58">
        <v>2660022</v>
      </c>
      <c r="B58" t="s">
        <v>0</v>
      </c>
      <c r="C58" t="s">
        <v>33</v>
      </c>
      <c r="D58" t="s">
        <v>58</v>
      </c>
    </row>
    <row r="59" spans="1:4" x14ac:dyDescent="0.4">
      <c r="A59">
        <v>2660024</v>
      </c>
      <c r="B59" t="s">
        <v>0</v>
      </c>
      <c r="C59" t="s">
        <v>33</v>
      </c>
      <c r="D59" t="s">
        <v>59</v>
      </c>
    </row>
    <row r="60" spans="1:4" x14ac:dyDescent="0.4">
      <c r="A60">
        <v>2660001</v>
      </c>
      <c r="B60" t="s">
        <v>0</v>
      </c>
      <c r="C60" t="s">
        <v>33</v>
      </c>
      <c r="D60" t="s">
        <v>60</v>
      </c>
    </row>
    <row r="61" spans="1:4" x14ac:dyDescent="0.4">
      <c r="A61">
        <v>2660004</v>
      </c>
      <c r="B61" t="s">
        <v>0</v>
      </c>
      <c r="C61" t="s">
        <v>33</v>
      </c>
      <c r="D61" t="s">
        <v>61</v>
      </c>
    </row>
    <row r="62" spans="1:4" x14ac:dyDescent="0.4">
      <c r="A62">
        <v>2660002</v>
      </c>
      <c r="B62" t="s">
        <v>0</v>
      </c>
      <c r="C62" t="s">
        <v>33</v>
      </c>
      <c r="D62" t="s">
        <v>62</v>
      </c>
    </row>
    <row r="63" spans="1:4" x14ac:dyDescent="0.4">
      <c r="A63">
        <v>2660026</v>
      </c>
      <c r="B63" t="s">
        <v>0</v>
      </c>
      <c r="C63" t="s">
        <v>33</v>
      </c>
      <c r="D63" t="s">
        <v>63</v>
      </c>
    </row>
    <row r="64" spans="1:4" x14ac:dyDescent="0.4">
      <c r="A64">
        <v>2660007</v>
      </c>
      <c r="B64" t="s">
        <v>0</v>
      </c>
      <c r="C64" t="s">
        <v>33</v>
      </c>
      <c r="D64" t="s">
        <v>64</v>
      </c>
    </row>
    <row r="65" spans="1:4" x14ac:dyDescent="0.4">
      <c r="A65">
        <v>2660005</v>
      </c>
      <c r="B65" t="s">
        <v>0</v>
      </c>
      <c r="C65" t="s">
        <v>33</v>
      </c>
      <c r="D65" t="s">
        <v>65</v>
      </c>
    </row>
    <row r="66" spans="1:4" x14ac:dyDescent="0.4">
      <c r="A66">
        <v>2660023</v>
      </c>
      <c r="B66" t="s">
        <v>0</v>
      </c>
      <c r="C66" t="s">
        <v>33</v>
      </c>
      <c r="D66" t="s">
        <v>66</v>
      </c>
    </row>
    <row r="67" spans="1:4" x14ac:dyDescent="0.4">
      <c r="A67">
        <v>2670062</v>
      </c>
      <c r="B67" t="s">
        <v>0</v>
      </c>
      <c r="C67" t="s">
        <v>33</v>
      </c>
      <c r="D67" t="s">
        <v>67</v>
      </c>
    </row>
    <row r="68" spans="1:4" x14ac:dyDescent="0.4">
      <c r="A68">
        <v>2610000</v>
      </c>
      <c r="B68" t="s">
        <v>0</v>
      </c>
      <c r="C68" t="s">
        <v>68</v>
      </c>
    </row>
    <row r="69" spans="1:4" x14ac:dyDescent="0.4">
      <c r="A69">
        <v>2610012</v>
      </c>
      <c r="B69" t="s">
        <v>0</v>
      </c>
      <c r="C69" t="s">
        <v>68</v>
      </c>
      <c r="D69" t="s">
        <v>69</v>
      </c>
    </row>
    <row r="70" spans="1:4" x14ac:dyDescent="0.4">
      <c r="A70">
        <v>2610005</v>
      </c>
      <c r="B70" t="s">
        <v>0</v>
      </c>
      <c r="C70" t="s">
        <v>68</v>
      </c>
      <c r="D70" t="s">
        <v>70</v>
      </c>
    </row>
    <row r="71" spans="1:4" x14ac:dyDescent="0.4">
      <c r="A71">
        <v>2610013</v>
      </c>
      <c r="B71" t="s">
        <v>0</v>
      </c>
      <c r="C71" t="s">
        <v>68</v>
      </c>
      <c r="D71" t="s">
        <v>71</v>
      </c>
    </row>
    <row r="72" spans="1:4" x14ac:dyDescent="0.4">
      <c r="A72">
        <v>2610001</v>
      </c>
      <c r="B72" t="s">
        <v>0</v>
      </c>
      <c r="C72" t="s">
        <v>68</v>
      </c>
      <c r="D72" t="s">
        <v>72</v>
      </c>
    </row>
    <row r="73" spans="1:4" x14ac:dyDescent="0.4">
      <c r="A73">
        <v>2610002</v>
      </c>
      <c r="B73" t="s">
        <v>0</v>
      </c>
      <c r="C73" t="s">
        <v>68</v>
      </c>
      <c r="D73" t="s">
        <v>73</v>
      </c>
    </row>
    <row r="74" spans="1:4" x14ac:dyDescent="0.4">
      <c r="A74">
        <v>2610004</v>
      </c>
      <c r="B74" t="s">
        <v>0</v>
      </c>
      <c r="C74" t="s">
        <v>68</v>
      </c>
      <c r="D74" t="s">
        <v>74</v>
      </c>
    </row>
    <row r="75" spans="1:4" x14ac:dyDescent="0.4">
      <c r="A75">
        <v>2610003</v>
      </c>
      <c r="B75" t="s">
        <v>0</v>
      </c>
      <c r="C75" t="s">
        <v>68</v>
      </c>
      <c r="D75" t="s">
        <v>75</v>
      </c>
    </row>
    <row r="76" spans="1:4" x14ac:dyDescent="0.4">
      <c r="A76">
        <v>2610024</v>
      </c>
      <c r="B76" t="s">
        <v>0</v>
      </c>
      <c r="C76" t="s">
        <v>68</v>
      </c>
      <c r="D76" t="s">
        <v>76</v>
      </c>
    </row>
    <row r="77" spans="1:4" x14ac:dyDescent="0.4">
      <c r="A77">
        <v>2610023</v>
      </c>
      <c r="B77" t="s">
        <v>0</v>
      </c>
      <c r="C77" t="s">
        <v>68</v>
      </c>
      <c r="D77" t="s">
        <v>77</v>
      </c>
    </row>
    <row r="78" spans="1:4" x14ac:dyDescent="0.4">
      <c r="A78">
        <v>2617190</v>
      </c>
      <c r="B78" t="s">
        <v>0</v>
      </c>
      <c r="C78" t="s">
        <v>68</v>
      </c>
      <c r="D78" t="s">
        <v>78</v>
      </c>
    </row>
    <row r="79" spans="1:4" x14ac:dyDescent="0.4">
      <c r="A79">
        <v>2617101</v>
      </c>
      <c r="B79" t="s">
        <v>0</v>
      </c>
      <c r="C79" t="s">
        <v>68</v>
      </c>
      <c r="D79" t="s">
        <v>79</v>
      </c>
    </row>
    <row r="80" spans="1:4" x14ac:dyDescent="0.4">
      <c r="A80">
        <v>2617102</v>
      </c>
      <c r="B80" t="s">
        <v>0</v>
      </c>
      <c r="C80" t="s">
        <v>68</v>
      </c>
      <c r="D80" t="s">
        <v>80</v>
      </c>
    </row>
    <row r="81" spans="1:4" x14ac:dyDescent="0.4">
      <c r="A81">
        <v>2617103</v>
      </c>
      <c r="B81" t="s">
        <v>0</v>
      </c>
      <c r="C81" t="s">
        <v>68</v>
      </c>
      <c r="D81" t="s">
        <v>81</v>
      </c>
    </row>
    <row r="82" spans="1:4" x14ac:dyDescent="0.4">
      <c r="A82">
        <v>2617104</v>
      </c>
      <c r="B82" t="s">
        <v>0</v>
      </c>
      <c r="C82" t="s">
        <v>68</v>
      </c>
      <c r="D82" t="s">
        <v>82</v>
      </c>
    </row>
    <row r="83" spans="1:4" x14ac:dyDescent="0.4">
      <c r="A83">
        <v>2617105</v>
      </c>
      <c r="B83" t="s">
        <v>0</v>
      </c>
      <c r="C83" t="s">
        <v>68</v>
      </c>
      <c r="D83" t="s">
        <v>83</v>
      </c>
    </row>
    <row r="84" spans="1:4" x14ac:dyDescent="0.4">
      <c r="A84">
        <v>2617106</v>
      </c>
      <c r="B84" t="s">
        <v>0</v>
      </c>
      <c r="C84" t="s">
        <v>68</v>
      </c>
      <c r="D84" t="s">
        <v>84</v>
      </c>
    </row>
    <row r="85" spans="1:4" x14ac:dyDescent="0.4">
      <c r="A85">
        <v>2617107</v>
      </c>
      <c r="B85" t="s">
        <v>0</v>
      </c>
      <c r="C85" t="s">
        <v>68</v>
      </c>
      <c r="D85" t="s">
        <v>85</v>
      </c>
    </row>
    <row r="86" spans="1:4" x14ac:dyDescent="0.4">
      <c r="A86">
        <v>2617108</v>
      </c>
      <c r="B86" t="s">
        <v>0</v>
      </c>
      <c r="C86" t="s">
        <v>68</v>
      </c>
      <c r="D86" t="s">
        <v>86</v>
      </c>
    </row>
    <row r="87" spans="1:4" x14ac:dyDescent="0.4">
      <c r="A87">
        <v>2617109</v>
      </c>
      <c r="B87" t="s">
        <v>0</v>
      </c>
      <c r="C87" t="s">
        <v>68</v>
      </c>
      <c r="D87" t="s">
        <v>87</v>
      </c>
    </row>
    <row r="88" spans="1:4" x14ac:dyDescent="0.4">
      <c r="A88">
        <v>2617110</v>
      </c>
      <c r="B88" t="s">
        <v>0</v>
      </c>
      <c r="C88" t="s">
        <v>68</v>
      </c>
      <c r="D88" t="s">
        <v>88</v>
      </c>
    </row>
    <row r="89" spans="1:4" x14ac:dyDescent="0.4">
      <c r="A89">
        <v>2617111</v>
      </c>
      <c r="B89" t="s">
        <v>0</v>
      </c>
      <c r="C89" t="s">
        <v>68</v>
      </c>
      <c r="D89" t="s">
        <v>89</v>
      </c>
    </row>
    <row r="90" spans="1:4" x14ac:dyDescent="0.4">
      <c r="A90">
        <v>2617112</v>
      </c>
      <c r="B90" t="s">
        <v>0</v>
      </c>
      <c r="C90" t="s">
        <v>68</v>
      </c>
      <c r="D90" t="s">
        <v>90</v>
      </c>
    </row>
    <row r="91" spans="1:4" x14ac:dyDescent="0.4">
      <c r="A91">
        <v>2617113</v>
      </c>
      <c r="B91" t="s">
        <v>0</v>
      </c>
      <c r="C91" t="s">
        <v>68</v>
      </c>
      <c r="D91" t="s">
        <v>91</v>
      </c>
    </row>
    <row r="92" spans="1:4" x14ac:dyDescent="0.4">
      <c r="A92">
        <v>2617114</v>
      </c>
      <c r="B92" t="s">
        <v>0</v>
      </c>
      <c r="C92" t="s">
        <v>68</v>
      </c>
      <c r="D92" t="s">
        <v>92</v>
      </c>
    </row>
    <row r="93" spans="1:4" x14ac:dyDescent="0.4">
      <c r="A93">
        <v>2617115</v>
      </c>
      <c r="B93" t="s">
        <v>0</v>
      </c>
      <c r="C93" t="s">
        <v>68</v>
      </c>
      <c r="D93" t="s">
        <v>93</v>
      </c>
    </row>
    <row r="94" spans="1:4" x14ac:dyDescent="0.4">
      <c r="A94">
        <v>2617116</v>
      </c>
      <c r="B94" t="s">
        <v>0</v>
      </c>
      <c r="C94" t="s">
        <v>68</v>
      </c>
      <c r="D94" t="s">
        <v>94</v>
      </c>
    </row>
    <row r="95" spans="1:4" x14ac:dyDescent="0.4">
      <c r="A95">
        <v>2617117</v>
      </c>
      <c r="B95" t="s">
        <v>0</v>
      </c>
      <c r="C95" t="s">
        <v>68</v>
      </c>
      <c r="D95" t="s">
        <v>95</v>
      </c>
    </row>
    <row r="96" spans="1:4" x14ac:dyDescent="0.4">
      <c r="A96">
        <v>2617118</v>
      </c>
      <c r="B96" t="s">
        <v>0</v>
      </c>
      <c r="C96" t="s">
        <v>68</v>
      </c>
      <c r="D96" t="s">
        <v>96</v>
      </c>
    </row>
    <row r="97" spans="1:4" x14ac:dyDescent="0.4">
      <c r="A97">
        <v>2617119</v>
      </c>
      <c r="B97" t="s">
        <v>0</v>
      </c>
      <c r="C97" t="s">
        <v>68</v>
      </c>
      <c r="D97" t="s">
        <v>97</v>
      </c>
    </row>
    <row r="98" spans="1:4" x14ac:dyDescent="0.4">
      <c r="A98">
        <v>2617120</v>
      </c>
      <c r="B98" t="s">
        <v>0</v>
      </c>
      <c r="C98" t="s">
        <v>68</v>
      </c>
      <c r="D98" t="s">
        <v>98</v>
      </c>
    </row>
    <row r="99" spans="1:4" x14ac:dyDescent="0.4">
      <c r="A99">
        <v>2617121</v>
      </c>
      <c r="B99" t="s">
        <v>0</v>
      </c>
      <c r="C99" t="s">
        <v>68</v>
      </c>
      <c r="D99" t="s">
        <v>99</v>
      </c>
    </row>
    <row r="100" spans="1:4" x14ac:dyDescent="0.4">
      <c r="A100">
        <v>2617122</v>
      </c>
      <c r="B100" t="s">
        <v>0</v>
      </c>
      <c r="C100" t="s">
        <v>68</v>
      </c>
      <c r="D100" t="s">
        <v>100</v>
      </c>
    </row>
    <row r="101" spans="1:4" x14ac:dyDescent="0.4">
      <c r="A101">
        <v>2617123</v>
      </c>
      <c r="B101" t="s">
        <v>0</v>
      </c>
      <c r="C101" t="s">
        <v>68</v>
      </c>
      <c r="D101" t="s">
        <v>101</v>
      </c>
    </row>
    <row r="102" spans="1:4" x14ac:dyDescent="0.4">
      <c r="A102">
        <v>2617124</v>
      </c>
      <c r="B102" t="s">
        <v>0</v>
      </c>
      <c r="C102" t="s">
        <v>68</v>
      </c>
      <c r="D102" t="s">
        <v>102</v>
      </c>
    </row>
    <row r="103" spans="1:4" x14ac:dyDescent="0.4">
      <c r="A103">
        <v>2617125</v>
      </c>
      <c r="B103" t="s">
        <v>0</v>
      </c>
      <c r="C103" t="s">
        <v>68</v>
      </c>
      <c r="D103" t="s">
        <v>103</v>
      </c>
    </row>
    <row r="104" spans="1:4" x14ac:dyDescent="0.4">
      <c r="A104">
        <v>2617126</v>
      </c>
      <c r="B104" t="s">
        <v>0</v>
      </c>
      <c r="C104" t="s">
        <v>68</v>
      </c>
      <c r="D104" t="s">
        <v>104</v>
      </c>
    </row>
    <row r="105" spans="1:4" x14ac:dyDescent="0.4">
      <c r="A105">
        <v>2617127</v>
      </c>
      <c r="B105" t="s">
        <v>0</v>
      </c>
      <c r="C105" t="s">
        <v>68</v>
      </c>
      <c r="D105" t="s">
        <v>105</v>
      </c>
    </row>
    <row r="106" spans="1:4" x14ac:dyDescent="0.4">
      <c r="A106">
        <v>2617128</v>
      </c>
      <c r="B106" t="s">
        <v>0</v>
      </c>
      <c r="C106" t="s">
        <v>68</v>
      </c>
      <c r="D106" t="s">
        <v>106</v>
      </c>
    </row>
    <row r="107" spans="1:4" x14ac:dyDescent="0.4">
      <c r="A107">
        <v>2617129</v>
      </c>
      <c r="B107" t="s">
        <v>0</v>
      </c>
      <c r="C107" t="s">
        <v>68</v>
      </c>
      <c r="D107" t="s">
        <v>107</v>
      </c>
    </row>
    <row r="108" spans="1:4" x14ac:dyDescent="0.4">
      <c r="A108">
        <v>2617130</v>
      </c>
      <c r="B108" t="s">
        <v>0</v>
      </c>
      <c r="C108" t="s">
        <v>68</v>
      </c>
      <c r="D108" t="s">
        <v>108</v>
      </c>
    </row>
    <row r="109" spans="1:4" x14ac:dyDescent="0.4">
      <c r="A109">
        <v>2617131</v>
      </c>
      <c r="B109" t="s">
        <v>0</v>
      </c>
      <c r="C109" t="s">
        <v>68</v>
      </c>
      <c r="D109" t="s">
        <v>109</v>
      </c>
    </row>
    <row r="110" spans="1:4" x14ac:dyDescent="0.4">
      <c r="A110">
        <v>2617132</v>
      </c>
      <c r="B110" t="s">
        <v>0</v>
      </c>
      <c r="C110" t="s">
        <v>68</v>
      </c>
      <c r="D110" t="s">
        <v>110</v>
      </c>
    </row>
    <row r="111" spans="1:4" x14ac:dyDescent="0.4">
      <c r="A111">
        <v>2617133</v>
      </c>
      <c r="B111" t="s">
        <v>0</v>
      </c>
      <c r="C111" t="s">
        <v>68</v>
      </c>
      <c r="D111" t="s">
        <v>111</v>
      </c>
    </row>
    <row r="112" spans="1:4" x14ac:dyDescent="0.4">
      <c r="A112">
        <v>2617134</v>
      </c>
      <c r="B112" t="s">
        <v>0</v>
      </c>
      <c r="C112" t="s">
        <v>68</v>
      </c>
      <c r="D112" t="s">
        <v>112</v>
      </c>
    </row>
    <row r="113" spans="1:4" x14ac:dyDescent="0.4">
      <c r="A113">
        <v>2617135</v>
      </c>
      <c r="B113" t="s">
        <v>0</v>
      </c>
      <c r="C113" t="s">
        <v>68</v>
      </c>
      <c r="D113" t="s">
        <v>113</v>
      </c>
    </row>
    <row r="114" spans="1:4" x14ac:dyDescent="0.4">
      <c r="A114">
        <v>2610025</v>
      </c>
      <c r="B114" t="s">
        <v>0</v>
      </c>
      <c r="C114" t="s">
        <v>68</v>
      </c>
      <c r="D114" t="s">
        <v>114</v>
      </c>
    </row>
    <row r="115" spans="1:4" x14ac:dyDescent="0.4">
      <c r="A115">
        <v>2610021</v>
      </c>
      <c r="B115" t="s">
        <v>0</v>
      </c>
      <c r="C115" t="s">
        <v>68</v>
      </c>
      <c r="D115" t="s">
        <v>115</v>
      </c>
    </row>
    <row r="116" spans="1:4" x14ac:dyDescent="0.4">
      <c r="A116">
        <v>2610026</v>
      </c>
      <c r="B116" t="s">
        <v>0</v>
      </c>
      <c r="C116" t="s">
        <v>68</v>
      </c>
      <c r="D116" t="s">
        <v>116</v>
      </c>
    </row>
    <row r="117" spans="1:4" x14ac:dyDescent="0.4">
      <c r="A117">
        <v>2610011</v>
      </c>
      <c r="B117" t="s">
        <v>0</v>
      </c>
      <c r="C117" t="s">
        <v>68</v>
      </c>
      <c r="D117" t="s">
        <v>117</v>
      </c>
    </row>
    <row r="118" spans="1:4" x14ac:dyDescent="0.4">
      <c r="A118">
        <v>2610022</v>
      </c>
      <c r="B118" t="s">
        <v>0</v>
      </c>
      <c r="C118" t="s">
        <v>68</v>
      </c>
      <c r="D118" t="s">
        <v>118</v>
      </c>
    </row>
    <row r="119" spans="1:4" x14ac:dyDescent="0.4">
      <c r="A119">
        <v>2610014</v>
      </c>
      <c r="B119" t="s">
        <v>0</v>
      </c>
      <c r="C119" t="s">
        <v>68</v>
      </c>
      <c r="D119" t="s">
        <v>119</v>
      </c>
    </row>
    <row r="120" spans="1:4" x14ac:dyDescent="0.4">
      <c r="A120">
        <v>2880000</v>
      </c>
      <c r="B120" t="s">
        <v>0</v>
      </c>
      <c r="C120" t="s">
        <v>120</v>
      </c>
    </row>
    <row r="121" spans="1:4" x14ac:dyDescent="0.4">
      <c r="A121">
        <v>2880844</v>
      </c>
      <c r="B121" t="s">
        <v>0</v>
      </c>
      <c r="C121" t="s">
        <v>120</v>
      </c>
      <c r="D121" t="s">
        <v>121</v>
      </c>
    </row>
    <row r="122" spans="1:4" x14ac:dyDescent="0.4">
      <c r="A122">
        <v>2880005</v>
      </c>
      <c r="B122" t="s">
        <v>0</v>
      </c>
      <c r="C122" t="s">
        <v>120</v>
      </c>
      <c r="D122" t="s">
        <v>122</v>
      </c>
    </row>
    <row r="123" spans="1:4" x14ac:dyDescent="0.4">
      <c r="A123">
        <v>2880861</v>
      </c>
      <c r="B123" t="s">
        <v>0</v>
      </c>
      <c r="C123" t="s">
        <v>120</v>
      </c>
      <c r="D123" t="s">
        <v>123</v>
      </c>
    </row>
    <row r="124" spans="1:4" x14ac:dyDescent="0.4">
      <c r="A124">
        <v>2880007</v>
      </c>
      <c r="B124" t="s">
        <v>0</v>
      </c>
      <c r="C124" t="s">
        <v>120</v>
      </c>
      <c r="D124" t="s">
        <v>124</v>
      </c>
    </row>
    <row r="125" spans="1:4" x14ac:dyDescent="0.4">
      <c r="A125">
        <v>2880056</v>
      </c>
      <c r="B125" t="s">
        <v>0</v>
      </c>
      <c r="C125" t="s">
        <v>120</v>
      </c>
      <c r="D125" t="s">
        <v>125</v>
      </c>
    </row>
    <row r="126" spans="1:4" x14ac:dyDescent="0.4">
      <c r="A126">
        <v>2880034</v>
      </c>
      <c r="B126" t="s">
        <v>0</v>
      </c>
      <c r="C126" t="s">
        <v>120</v>
      </c>
      <c r="D126" t="s">
        <v>126</v>
      </c>
    </row>
    <row r="127" spans="1:4" x14ac:dyDescent="0.4">
      <c r="A127">
        <v>2880051</v>
      </c>
      <c r="B127" t="s">
        <v>0</v>
      </c>
      <c r="C127" t="s">
        <v>120</v>
      </c>
      <c r="D127" t="s">
        <v>127</v>
      </c>
    </row>
    <row r="128" spans="1:4" x14ac:dyDescent="0.4">
      <c r="A128">
        <v>2880012</v>
      </c>
      <c r="B128" t="s">
        <v>0</v>
      </c>
      <c r="C128" t="s">
        <v>120</v>
      </c>
      <c r="D128" t="s">
        <v>128</v>
      </c>
    </row>
    <row r="129" spans="1:4" x14ac:dyDescent="0.4">
      <c r="A129">
        <v>2880015</v>
      </c>
      <c r="B129" t="s">
        <v>0</v>
      </c>
      <c r="C129" t="s">
        <v>120</v>
      </c>
      <c r="D129" t="s">
        <v>129</v>
      </c>
    </row>
    <row r="130" spans="1:4" x14ac:dyDescent="0.4">
      <c r="A130">
        <v>2880804</v>
      </c>
      <c r="B130" t="s">
        <v>0</v>
      </c>
      <c r="C130" t="s">
        <v>120</v>
      </c>
      <c r="D130" t="s">
        <v>130</v>
      </c>
    </row>
    <row r="131" spans="1:4" x14ac:dyDescent="0.4">
      <c r="A131">
        <v>2880805</v>
      </c>
      <c r="B131" t="s">
        <v>0</v>
      </c>
      <c r="C131" t="s">
        <v>120</v>
      </c>
      <c r="D131" t="s">
        <v>131</v>
      </c>
    </row>
    <row r="132" spans="1:4" x14ac:dyDescent="0.4">
      <c r="A132">
        <v>2880071</v>
      </c>
      <c r="B132" t="s">
        <v>0</v>
      </c>
      <c r="C132" t="s">
        <v>120</v>
      </c>
      <c r="D132" t="s">
        <v>132</v>
      </c>
    </row>
    <row r="133" spans="1:4" x14ac:dyDescent="0.4">
      <c r="A133">
        <v>2880068</v>
      </c>
      <c r="B133" t="s">
        <v>0</v>
      </c>
      <c r="C133" t="s">
        <v>120</v>
      </c>
      <c r="D133" t="s">
        <v>133</v>
      </c>
    </row>
    <row r="134" spans="1:4" x14ac:dyDescent="0.4">
      <c r="A134">
        <v>2880046</v>
      </c>
      <c r="B134" t="s">
        <v>0</v>
      </c>
      <c r="C134" t="s">
        <v>120</v>
      </c>
      <c r="D134" t="s">
        <v>134</v>
      </c>
    </row>
    <row r="135" spans="1:4" x14ac:dyDescent="0.4">
      <c r="A135">
        <v>2880852</v>
      </c>
      <c r="B135" t="s">
        <v>0</v>
      </c>
      <c r="C135" t="s">
        <v>120</v>
      </c>
      <c r="D135" t="s">
        <v>135</v>
      </c>
    </row>
    <row r="136" spans="1:4" x14ac:dyDescent="0.4">
      <c r="A136">
        <v>2920063</v>
      </c>
      <c r="B136" t="s">
        <v>0</v>
      </c>
      <c r="C136" t="s">
        <v>136</v>
      </c>
      <c r="D136" t="s">
        <v>137</v>
      </c>
    </row>
    <row r="137" spans="1:4" x14ac:dyDescent="0.4">
      <c r="A137">
        <v>2920211</v>
      </c>
      <c r="B137" t="s">
        <v>0</v>
      </c>
      <c r="C137" t="s">
        <v>136</v>
      </c>
      <c r="D137" t="s">
        <v>138</v>
      </c>
    </row>
    <row r="138" spans="1:4" x14ac:dyDescent="0.4">
      <c r="A138">
        <v>2920815</v>
      </c>
      <c r="B138" t="s">
        <v>0</v>
      </c>
      <c r="C138" t="s">
        <v>136</v>
      </c>
      <c r="D138" t="s">
        <v>139</v>
      </c>
    </row>
    <row r="139" spans="1:4" x14ac:dyDescent="0.4">
      <c r="A139">
        <v>2920044</v>
      </c>
      <c r="B139" t="s">
        <v>0</v>
      </c>
      <c r="C139" t="s">
        <v>136</v>
      </c>
      <c r="D139" t="s">
        <v>140</v>
      </c>
    </row>
    <row r="140" spans="1:4" x14ac:dyDescent="0.4">
      <c r="A140">
        <v>2920024</v>
      </c>
      <c r="B140" t="s">
        <v>0</v>
      </c>
      <c r="C140" t="s">
        <v>136</v>
      </c>
      <c r="D140" t="s">
        <v>141</v>
      </c>
    </row>
    <row r="141" spans="1:4" x14ac:dyDescent="0.4">
      <c r="A141">
        <v>2920833</v>
      </c>
      <c r="B141" t="s">
        <v>0</v>
      </c>
      <c r="C141" t="s">
        <v>136</v>
      </c>
      <c r="D141" t="s">
        <v>142</v>
      </c>
    </row>
    <row r="142" spans="1:4" x14ac:dyDescent="0.4">
      <c r="A142">
        <v>2920818</v>
      </c>
      <c r="B142" t="s">
        <v>0</v>
      </c>
      <c r="C142" t="s">
        <v>136</v>
      </c>
      <c r="D142" t="s">
        <v>143</v>
      </c>
    </row>
    <row r="143" spans="1:4" x14ac:dyDescent="0.4">
      <c r="A143">
        <v>2920813</v>
      </c>
      <c r="B143" t="s">
        <v>0</v>
      </c>
      <c r="C143" t="s">
        <v>136</v>
      </c>
      <c r="D143" t="s">
        <v>144</v>
      </c>
    </row>
    <row r="144" spans="1:4" x14ac:dyDescent="0.4">
      <c r="A144">
        <v>2920215</v>
      </c>
      <c r="B144" t="s">
        <v>0</v>
      </c>
      <c r="C144" t="s">
        <v>136</v>
      </c>
      <c r="D144" t="s">
        <v>145</v>
      </c>
    </row>
    <row r="145" spans="1:4" x14ac:dyDescent="0.4">
      <c r="A145">
        <v>2920022</v>
      </c>
      <c r="B145" t="s">
        <v>0</v>
      </c>
      <c r="C145" t="s">
        <v>136</v>
      </c>
      <c r="D145" t="s">
        <v>146</v>
      </c>
    </row>
    <row r="146" spans="1:4" x14ac:dyDescent="0.4">
      <c r="A146">
        <v>2920204</v>
      </c>
      <c r="B146" t="s">
        <v>0</v>
      </c>
      <c r="C146" t="s">
        <v>136</v>
      </c>
      <c r="D146" t="s">
        <v>147</v>
      </c>
    </row>
    <row r="147" spans="1:4" x14ac:dyDescent="0.4">
      <c r="A147">
        <v>2920202</v>
      </c>
      <c r="B147" t="s">
        <v>0</v>
      </c>
      <c r="C147" t="s">
        <v>136</v>
      </c>
      <c r="D147" t="s">
        <v>148</v>
      </c>
    </row>
    <row r="148" spans="1:4" x14ac:dyDescent="0.4">
      <c r="A148">
        <v>2920052</v>
      </c>
      <c r="B148" t="s">
        <v>0</v>
      </c>
      <c r="C148" t="s">
        <v>136</v>
      </c>
      <c r="D148" t="s">
        <v>149</v>
      </c>
    </row>
    <row r="149" spans="1:4" x14ac:dyDescent="0.4">
      <c r="A149">
        <v>2920056</v>
      </c>
      <c r="B149" t="s">
        <v>0</v>
      </c>
      <c r="C149" t="s">
        <v>136</v>
      </c>
      <c r="D149" t="s">
        <v>150</v>
      </c>
    </row>
    <row r="150" spans="1:4" x14ac:dyDescent="0.4">
      <c r="A150">
        <v>2920006</v>
      </c>
      <c r="B150" t="s">
        <v>0</v>
      </c>
      <c r="C150" t="s">
        <v>136</v>
      </c>
      <c r="D150" t="s">
        <v>151</v>
      </c>
    </row>
    <row r="151" spans="1:4" x14ac:dyDescent="0.4">
      <c r="A151">
        <v>2920051</v>
      </c>
      <c r="B151" t="s">
        <v>0</v>
      </c>
      <c r="C151" t="s">
        <v>136</v>
      </c>
      <c r="D151" t="s">
        <v>152</v>
      </c>
    </row>
    <row r="152" spans="1:4" x14ac:dyDescent="0.4">
      <c r="A152">
        <v>2920045</v>
      </c>
      <c r="B152" t="s">
        <v>0</v>
      </c>
      <c r="C152" t="s">
        <v>136</v>
      </c>
      <c r="D152" t="s">
        <v>153</v>
      </c>
    </row>
    <row r="153" spans="1:4" x14ac:dyDescent="0.4">
      <c r="A153">
        <v>2920041</v>
      </c>
      <c r="B153" t="s">
        <v>0</v>
      </c>
      <c r="C153" t="s">
        <v>136</v>
      </c>
      <c r="D153" t="s">
        <v>154</v>
      </c>
    </row>
    <row r="154" spans="1:4" x14ac:dyDescent="0.4">
      <c r="A154">
        <v>2920042</v>
      </c>
      <c r="B154" t="s">
        <v>0</v>
      </c>
      <c r="C154" t="s">
        <v>136</v>
      </c>
      <c r="D154" t="s">
        <v>155</v>
      </c>
    </row>
    <row r="155" spans="1:4" x14ac:dyDescent="0.4">
      <c r="A155">
        <v>2920811</v>
      </c>
      <c r="B155" t="s">
        <v>0</v>
      </c>
      <c r="C155" t="s">
        <v>136</v>
      </c>
      <c r="D155" t="s">
        <v>156</v>
      </c>
    </row>
    <row r="156" spans="1:4" x14ac:dyDescent="0.4">
      <c r="A156">
        <v>2920004</v>
      </c>
      <c r="B156" t="s">
        <v>0</v>
      </c>
      <c r="C156" t="s">
        <v>136</v>
      </c>
      <c r="D156" t="s">
        <v>157</v>
      </c>
    </row>
    <row r="157" spans="1:4" x14ac:dyDescent="0.4">
      <c r="A157">
        <v>2920005</v>
      </c>
      <c r="B157" t="s">
        <v>0</v>
      </c>
      <c r="C157" t="s">
        <v>136</v>
      </c>
      <c r="D157" t="s">
        <v>158</v>
      </c>
    </row>
    <row r="158" spans="1:4" x14ac:dyDescent="0.4">
      <c r="A158">
        <v>2920213</v>
      </c>
      <c r="B158" t="s">
        <v>0</v>
      </c>
      <c r="C158" t="s">
        <v>136</v>
      </c>
      <c r="D158" t="s">
        <v>159</v>
      </c>
    </row>
    <row r="159" spans="1:4" x14ac:dyDescent="0.4">
      <c r="A159">
        <v>2920827</v>
      </c>
      <c r="B159" t="s">
        <v>0</v>
      </c>
      <c r="C159" t="s">
        <v>136</v>
      </c>
      <c r="D159" t="s">
        <v>160</v>
      </c>
    </row>
    <row r="160" spans="1:4" x14ac:dyDescent="0.4">
      <c r="A160">
        <v>2920824</v>
      </c>
      <c r="B160" t="s">
        <v>0</v>
      </c>
      <c r="C160" t="s">
        <v>136</v>
      </c>
      <c r="D160" t="s">
        <v>161</v>
      </c>
    </row>
    <row r="161" spans="1:4" x14ac:dyDescent="0.4">
      <c r="A161">
        <v>2920803</v>
      </c>
      <c r="B161" t="s">
        <v>0</v>
      </c>
      <c r="C161" t="s">
        <v>136</v>
      </c>
      <c r="D161" t="s">
        <v>72</v>
      </c>
    </row>
    <row r="162" spans="1:4" x14ac:dyDescent="0.4">
      <c r="A162">
        <v>2990271</v>
      </c>
      <c r="B162" t="s">
        <v>0</v>
      </c>
      <c r="C162" t="s">
        <v>136</v>
      </c>
      <c r="D162" t="s">
        <v>162</v>
      </c>
    </row>
    <row r="163" spans="1:4" x14ac:dyDescent="0.4">
      <c r="A163">
        <v>2920822</v>
      </c>
      <c r="B163" t="s">
        <v>0</v>
      </c>
      <c r="C163" t="s">
        <v>136</v>
      </c>
      <c r="D163" t="s">
        <v>163</v>
      </c>
    </row>
    <row r="164" spans="1:4" x14ac:dyDescent="0.4">
      <c r="A164">
        <v>2920823</v>
      </c>
      <c r="B164" t="s">
        <v>0</v>
      </c>
      <c r="C164" t="s">
        <v>136</v>
      </c>
      <c r="D164" t="s">
        <v>164</v>
      </c>
    </row>
    <row r="165" spans="1:4" x14ac:dyDescent="0.4">
      <c r="A165">
        <v>2920821</v>
      </c>
      <c r="B165" t="s">
        <v>0</v>
      </c>
      <c r="C165" t="s">
        <v>136</v>
      </c>
      <c r="D165" t="s">
        <v>165</v>
      </c>
    </row>
    <row r="166" spans="1:4" x14ac:dyDescent="0.4">
      <c r="A166">
        <v>2920032</v>
      </c>
      <c r="B166" t="s">
        <v>0</v>
      </c>
      <c r="C166" t="s">
        <v>136</v>
      </c>
      <c r="D166" t="s">
        <v>166</v>
      </c>
    </row>
    <row r="167" spans="1:4" x14ac:dyDescent="0.4">
      <c r="A167">
        <v>2920206</v>
      </c>
      <c r="B167" t="s">
        <v>0</v>
      </c>
      <c r="C167" t="s">
        <v>136</v>
      </c>
      <c r="D167" t="s">
        <v>167</v>
      </c>
    </row>
    <row r="168" spans="1:4" x14ac:dyDescent="0.4">
      <c r="A168">
        <v>2920838</v>
      </c>
      <c r="B168" t="s">
        <v>0</v>
      </c>
      <c r="C168" t="s">
        <v>136</v>
      </c>
      <c r="D168" t="s">
        <v>168</v>
      </c>
    </row>
    <row r="169" spans="1:4" x14ac:dyDescent="0.4">
      <c r="A169">
        <v>2920834</v>
      </c>
      <c r="B169" t="s">
        <v>0</v>
      </c>
      <c r="C169" t="s">
        <v>136</v>
      </c>
      <c r="D169" t="s">
        <v>169</v>
      </c>
    </row>
    <row r="170" spans="1:4" x14ac:dyDescent="0.4">
      <c r="A170">
        <v>2920816</v>
      </c>
      <c r="B170" t="s">
        <v>0</v>
      </c>
      <c r="C170" t="s">
        <v>136</v>
      </c>
      <c r="D170" t="s">
        <v>170</v>
      </c>
    </row>
    <row r="171" spans="1:4" x14ac:dyDescent="0.4">
      <c r="A171">
        <v>2920205</v>
      </c>
      <c r="B171" t="s">
        <v>0</v>
      </c>
      <c r="C171" t="s">
        <v>136</v>
      </c>
      <c r="D171" t="s">
        <v>171</v>
      </c>
    </row>
    <row r="172" spans="1:4" x14ac:dyDescent="0.4">
      <c r="A172">
        <v>2920217</v>
      </c>
      <c r="B172" t="s">
        <v>0</v>
      </c>
      <c r="C172" t="s">
        <v>136</v>
      </c>
      <c r="D172" t="s">
        <v>172</v>
      </c>
    </row>
    <row r="173" spans="1:4" x14ac:dyDescent="0.4">
      <c r="A173">
        <v>2920023</v>
      </c>
      <c r="B173" t="s">
        <v>0</v>
      </c>
      <c r="C173" t="s">
        <v>136</v>
      </c>
      <c r="D173" t="s">
        <v>173</v>
      </c>
    </row>
    <row r="174" spans="1:4" x14ac:dyDescent="0.4">
      <c r="A174">
        <v>2920801</v>
      </c>
      <c r="B174" t="s">
        <v>0</v>
      </c>
      <c r="C174" t="s">
        <v>136</v>
      </c>
      <c r="D174" t="s">
        <v>174</v>
      </c>
    </row>
    <row r="175" spans="1:4" x14ac:dyDescent="0.4">
      <c r="A175">
        <v>2920806</v>
      </c>
      <c r="B175" t="s">
        <v>0</v>
      </c>
      <c r="C175" t="s">
        <v>136</v>
      </c>
      <c r="D175" t="s">
        <v>175</v>
      </c>
    </row>
    <row r="176" spans="1:4" x14ac:dyDescent="0.4">
      <c r="A176">
        <v>2920807</v>
      </c>
      <c r="B176" t="s">
        <v>0</v>
      </c>
      <c r="C176" t="s">
        <v>136</v>
      </c>
      <c r="D176" t="s">
        <v>176</v>
      </c>
    </row>
    <row r="177" spans="1:4" x14ac:dyDescent="0.4">
      <c r="A177">
        <v>2920066</v>
      </c>
      <c r="B177" t="s">
        <v>0</v>
      </c>
      <c r="C177" t="s">
        <v>136</v>
      </c>
      <c r="D177" t="s">
        <v>177</v>
      </c>
    </row>
    <row r="178" spans="1:4" x14ac:dyDescent="0.4">
      <c r="A178">
        <v>2920832</v>
      </c>
      <c r="B178" t="s">
        <v>0</v>
      </c>
      <c r="C178" t="s">
        <v>136</v>
      </c>
      <c r="D178" t="s">
        <v>178</v>
      </c>
    </row>
    <row r="179" spans="1:4" x14ac:dyDescent="0.4">
      <c r="A179">
        <v>2920836</v>
      </c>
      <c r="B179" t="s">
        <v>0</v>
      </c>
      <c r="C179" t="s">
        <v>136</v>
      </c>
      <c r="D179" t="s">
        <v>73</v>
      </c>
    </row>
    <row r="180" spans="1:4" x14ac:dyDescent="0.4">
      <c r="A180">
        <v>2920036</v>
      </c>
      <c r="B180" t="s">
        <v>0</v>
      </c>
      <c r="C180" t="s">
        <v>136</v>
      </c>
      <c r="D180" t="s">
        <v>179</v>
      </c>
    </row>
    <row r="181" spans="1:4" x14ac:dyDescent="0.4">
      <c r="A181">
        <v>2920027</v>
      </c>
      <c r="B181" t="s">
        <v>0</v>
      </c>
      <c r="C181" t="s">
        <v>136</v>
      </c>
      <c r="D181" t="s">
        <v>180</v>
      </c>
    </row>
    <row r="182" spans="1:4" x14ac:dyDescent="0.4">
      <c r="A182">
        <v>2920016</v>
      </c>
      <c r="B182" t="s">
        <v>0</v>
      </c>
      <c r="C182" t="s">
        <v>136</v>
      </c>
      <c r="D182" t="s">
        <v>181</v>
      </c>
    </row>
    <row r="183" spans="1:4" x14ac:dyDescent="0.4">
      <c r="A183">
        <v>2920014</v>
      </c>
      <c r="B183" t="s">
        <v>0</v>
      </c>
      <c r="C183" t="s">
        <v>136</v>
      </c>
      <c r="D183" t="s">
        <v>182</v>
      </c>
    </row>
    <row r="184" spans="1:4" x14ac:dyDescent="0.4">
      <c r="A184">
        <v>2920207</v>
      </c>
      <c r="B184" t="s">
        <v>0</v>
      </c>
      <c r="C184" t="s">
        <v>136</v>
      </c>
      <c r="D184" t="s">
        <v>183</v>
      </c>
    </row>
    <row r="185" spans="1:4" x14ac:dyDescent="0.4">
      <c r="A185">
        <v>2920067</v>
      </c>
      <c r="B185" t="s">
        <v>0</v>
      </c>
      <c r="C185" t="s">
        <v>136</v>
      </c>
      <c r="D185" t="s">
        <v>184</v>
      </c>
    </row>
    <row r="186" spans="1:4" x14ac:dyDescent="0.4">
      <c r="A186">
        <v>2920835</v>
      </c>
      <c r="B186" t="s">
        <v>0</v>
      </c>
      <c r="C186" t="s">
        <v>136</v>
      </c>
      <c r="D186" t="s">
        <v>185</v>
      </c>
    </row>
    <row r="187" spans="1:4" x14ac:dyDescent="0.4">
      <c r="A187">
        <v>2920031</v>
      </c>
      <c r="B187" t="s">
        <v>0</v>
      </c>
      <c r="C187" t="s">
        <v>136</v>
      </c>
      <c r="D187" t="s">
        <v>186</v>
      </c>
    </row>
    <row r="188" spans="1:4" x14ac:dyDescent="0.4">
      <c r="A188">
        <v>2920025</v>
      </c>
      <c r="B188" t="s">
        <v>0</v>
      </c>
      <c r="C188" t="s">
        <v>136</v>
      </c>
      <c r="D188" t="s">
        <v>187</v>
      </c>
    </row>
    <row r="189" spans="1:4" x14ac:dyDescent="0.4">
      <c r="A189">
        <v>2920214</v>
      </c>
      <c r="B189" t="s">
        <v>0</v>
      </c>
      <c r="C189" t="s">
        <v>136</v>
      </c>
      <c r="D189" t="s">
        <v>188</v>
      </c>
    </row>
    <row r="190" spans="1:4" x14ac:dyDescent="0.4">
      <c r="A190">
        <v>2920035</v>
      </c>
      <c r="B190" t="s">
        <v>0</v>
      </c>
      <c r="C190" t="s">
        <v>136</v>
      </c>
      <c r="D190" t="s">
        <v>189</v>
      </c>
    </row>
    <row r="191" spans="1:4" x14ac:dyDescent="0.4">
      <c r="A191">
        <v>2920817</v>
      </c>
      <c r="B191" t="s">
        <v>0</v>
      </c>
      <c r="C191" t="s">
        <v>136</v>
      </c>
      <c r="D191" t="s">
        <v>190</v>
      </c>
    </row>
    <row r="192" spans="1:4" x14ac:dyDescent="0.4">
      <c r="A192">
        <v>2920064</v>
      </c>
      <c r="B192" t="s">
        <v>0</v>
      </c>
      <c r="C192" t="s">
        <v>136</v>
      </c>
      <c r="D192" t="s">
        <v>191</v>
      </c>
    </row>
    <row r="193" spans="1:4" x14ac:dyDescent="0.4">
      <c r="A193">
        <v>2920008</v>
      </c>
      <c r="B193" t="s">
        <v>0</v>
      </c>
      <c r="C193" t="s">
        <v>136</v>
      </c>
      <c r="D193" t="s">
        <v>192</v>
      </c>
    </row>
    <row r="194" spans="1:4" x14ac:dyDescent="0.4">
      <c r="A194">
        <v>2920071</v>
      </c>
      <c r="B194" t="s">
        <v>0</v>
      </c>
      <c r="C194" t="s">
        <v>136</v>
      </c>
      <c r="D194" t="s">
        <v>193</v>
      </c>
    </row>
    <row r="195" spans="1:4" x14ac:dyDescent="0.4">
      <c r="A195">
        <v>2920002</v>
      </c>
      <c r="B195" t="s">
        <v>0</v>
      </c>
      <c r="C195" t="s">
        <v>136</v>
      </c>
      <c r="D195" t="s">
        <v>194</v>
      </c>
    </row>
    <row r="196" spans="1:4" x14ac:dyDescent="0.4">
      <c r="A196">
        <v>2920839</v>
      </c>
      <c r="B196" t="s">
        <v>0</v>
      </c>
      <c r="C196" t="s">
        <v>136</v>
      </c>
      <c r="D196" t="s">
        <v>195</v>
      </c>
    </row>
    <row r="197" spans="1:4" x14ac:dyDescent="0.4">
      <c r="A197">
        <v>2920053</v>
      </c>
      <c r="B197" t="s">
        <v>0</v>
      </c>
      <c r="C197" t="s">
        <v>136</v>
      </c>
      <c r="D197" t="s">
        <v>196</v>
      </c>
    </row>
    <row r="198" spans="1:4" x14ac:dyDescent="0.4">
      <c r="A198">
        <v>2920054</v>
      </c>
      <c r="B198" t="s">
        <v>0</v>
      </c>
      <c r="C198" t="s">
        <v>136</v>
      </c>
      <c r="D198" t="s">
        <v>197</v>
      </c>
    </row>
    <row r="199" spans="1:4" x14ac:dyDescent="0.4">
      <c r="A199">
        <v>2920062</v>
      </c>
      <c r="B199" t="s">
        <v>0</v>
      </c>
      <c r="C199" t="s">
        <v>136</v>
      </c>
      <c r="D199" t="s">
        <v>198</v>
      </c>
    </row>
    <row r="200" spans="1:4" x14ac:dyDescent="0.4">
      <c r="A200">
        <v>2920216</v>
      </c>
      <c r="B200" t="s">
        <v>0</v>
      </c>
      <c r="C200" t="s">
        <v>136</v>
      </c>
      <c r="D200" t="s">
        <v>199</v>
      </c>
    </row>
    <row r="201" spans="1:4" x14ac:dyDescent="0.4">
      <c r="A201">
        <v>2920825</v>
      </c>
      <c r="B201" t="s">
        <v>0</v>
      </c>
      <c r="C201" t="s">
        <v>136</v>
      </c>
      <c r="D201" t="s">
        <v>200</v>
      </c>
    </row>
    <row r="202" spans="1:4" x14ac:dyDescent="0.4">
      <c r="A202">
        <v>2920826</v>
      </c>
      <c r="B202" t="s">
        <v>0</v>
      </c>
      <c r="C202" t="s">
        <v>136</v>
      </c>
      <c r="D202" t="s">
        <v>201</v>
      </c>
    </row>
    <row r="203" spans="1:4" x14ac:dyDescent="0.4">
      <c r="A203">
        <v>2920814</v>
      </c>
      <c r="B203" t="s">
        <v>0</v>
      </c>
      <c r="C203" t="s">
        <v>136</v>
      </c>
      <c r="D203" t="s">
        <v>202</v>
      </c>
    </row>
    <row r="204" spans="1:4" x14ac:dyDescent="0.4">
      <c r="A204">
        <v>2920819</v>
      </c>
      <c r="B204" t="s">
        <v>0</v>
      </c>
      <c r="C204" t="s">
        <v>136</v>
      </c>
      <c r="D204" t="s">
        <v>203</v>
      </c>
    </row>
    <row r="205" spans="1:4" x14ac:dyDescent="0.4">
      <c r="A205">
        <v>2920043</v>
      </c>
      <c r="B205" t="s">
        <v>0</v>
      </c>
      <c r="C205" t="s">
        <v>136</v>
      </c>
      <c r="D205" t="s">
        <v>204</v>
      </c>
    </row>
    <row r="206" spans="1:4" x14ac:dyDescent="0.4">
      <c r="A206">
        <v>2920057</v>
      </c>
      <c r="B206" t="s">
        <v>0</v>
      </c>
      <c r="C206" t="s">
        <v>136</v>
      </c>
      <c r="D206" t="s">
        <v>205</v>
      </c>
    </row>
    <row r="207" spans="1:4" x14ac:dyDescent="0.4">
      <c r="A207">
        <v>2920037</v>
      </c>
      <c r="B207" t="s">
        <v>0</v>
      </c>
      <c r="C207" t="s">
        <v>136</v>
      </c>
      <c r="D207" t="s">
        <v>206</v>
      </c>
    </row>
    <row r="208" spans="1:4" x14ac:dyDescent="0.4">
      <c r="A208">
        <v>2920831</v>
      </c>
      <c r="B208" t="s">
        <v>0</v>
      </c>
      <c r="C208" t="s">
        <v>136</v>
      </c>
      <c r="D208" t="s">
        <v>207</v>
      </c>
    </row>
    <row r="209" spans="1:4" x14ac:dyDescent="0.4">
      <c r="A209">
        <v>2920804</v>
      </c>
      <c r="B209" t="s">
        <v>0</v>
      </c>
      <c r="C209" t="s">
        <v>136</v>
      </c>
      <c r="D209" t="s">
        <v>208</v>
      </c>
    </row>
    <row r="210" spans="1:4" x14ac:dyDescent="0.4">
      <c r="A210">
        <v>2920038</v>
      </c>
      <c r="B210" t="s">
        <v>0</v>
      </c>
      <c r="C210" t="s">
        <v>136</v>
      </c>
      <c r="D210" t="s">
        <v>209</v>
      </c>
    </row>
    <row r="211" spans="1:4" x14ac:dyDescent="0.4">
      <c r="A211">
        <v>2920015</v>
      </c>
      <c r="B211" t="s">
        <v>0</v>
      </c>
      <c r="C211" t="s">
        <v>136</v>
      </c>
      <c r="D211" t="s">
        <v>210</v>
      </c>
    </row>
    <row r="212" spans="1:4" x14ac:dyDescent="0.4">
      <c r="A212">
        <v>2920802</v>
      </c>
      <c r="B212" t="s">
        <v>0</v>
      </c>
      <c r="C212" t="s">
        <v>136</v>
      </c>
      <c r="D212" t="s">
        <v>211</v>
      </c>
    </row>
    <row r="213" spans="1:4" x14ac:dyDescent="0.4">
      <c r="A213">
        <v>2920212</v>
      </c>
      <c r="B213" t="s">
        <v>0</v>
      </c>
      <c r="C213" t="s">
        <v>136</v>
      </c>
      <c r="D213" t="s">
        <v>212</v>
      </c>
    </row>
    <row r="214" spans="1:4" x14ac:dyDescent="0.4">
      <c r="A214">
        <v>2920201</v>
      </c>
      <c r="B214" t="s">
        <v>0</v>
      </c>
      <c r="C214" t="s">
        <v>136</v>
      </c>
      <c r="D214" t="s">
        <v>213</v>
      </c>
    </row>
    <row r="215" spans="1:4" x14ac:dyDescent="0.4">
      <c r="A215">
        <v>2920003</v>
      </c>
      <c r="B215" t="s">
        <v>0</v>
      </c>
      <c r="C215" t="s">
        <v>136</v>
      </c>
      <c r="D215" t="s">
        <v>214</v>
      </c>
    </row>
    <row r="216" spans="1:4" x14ac:dyDescent="0.4">
      <c r="A216">
        <v>2920837</v>
      </c>
      <c r="B216" t="s">
        <v>0</v>
      </c>
      <c r="C216" t="s">
        <v>136</v>
      </c>
      <c r="D216" t="s">
        <v>215</v>
      </c>
    </row>
    <row r="217" spans="1:4" x14ac:dyDescent="0.4">
      <c r="A217">
        <v>2920812</v>
      </c>
      <c r="B217" t="s">
        <v>0</v>
      </c>
      <c r="C217" t="s">
        <v>136</v>
      </c>
      <c r="D217" t="s">
        <v>216</v>
      </c>
    </row>
    <row r="218" spans="1:4" x14ac:dyDescent="0.4">
      <c r="A218">
        <v>2920805</v>
      </c>
      <c r="B218" t="s">
        <v>0</v>
      </c>
      <c r="C218" t="s">
        <v>136</v>
      </c>
      <c r="D218" t="s">
        <v>217</v>
      </c>
    </row>
    <row r="219" spans="1:4" x14ac:dyDescent="0.4">
      <c r="A219">
        <v>2920203</v>
      </c>
      <c r="B219" t="s">
        <v>0</v>
      </c>
      <c r="C219" t="s">
        <v>136</v>
      </c>
      <c r="D219" t="s">
        <v>218</v>
      </c>
    </row>
    <row r="220" spans="1:4" x14ac:dyDescent="0.4">
      <c r="A220">
        <v>2920013</v>
      </c>
      <c r="B220" t="s">
        <v>0</v>
      </c>
      <c r="C220" t="s">
        <v>136</v>
      </c>
      <c r="D220" t="s">
        <v>219</v>
      </c>
    </row>
    <row r="221" spans="1:4" x14ac:dyDescent="0.4">
      <c r="A221">
        <v>2700000</v>
      </c>
      <c r="B221" t="s">
        <v>0</v>
      </c>
      <c r="C221" t="s">
        <v>220</v>
      </c>
    </row>
    <row r="222" spans="1:4" x14ac:dyDescent="0.4">
      <c r="A222">
        <v>2702223</v>
      </c>
      <c r="B222" t="s">
        <v>0</v>
      </c>
      <c r="C222" t="s">
        <v>220</v>
      </c>
      <c r="D222" t="s">
        <v>221</v>
      </c>
    </row>
    <row r="223" spans="1:4" x14ac:dyDescent="0.4">
      <c r="A223">
        <v>2710043</v>
      </c>
      <c r="B223" t="s">
        <v>0</v>
      </c>
      <c r="C223" t="s">
        <v>220</v>
      </c>
      <c r="D223" t="s">
        <v>222</v>
      </c>
    </row>
    <row r="224" spans="1:4" x14ac:dyDescent="0.4">
      <c r="A224">
        <v>2710076</v>
      </c>
      <c r="B224" t="s">
        <v>0</v>
      </c>
      <c r="C224" t="s">
        <v>220</v>
      </c>
      <c r="D224" t="s">
        <v>223</v>
      </c>
    </row>
    <row r="225" spans="1:4" x14ac:dyDescent="0.4">
      <c r="A225">
        <v>2700006</v>
      </c>
      <c r="B225" t="s">
        <v>0</v>
      </c>
      <c r="C225" t="s">
        <v>220</v>
      </c>
      <c r="D225" t="s">
        <v>224</v>
      </c>
    </row>
    <row r="226" spans="1:4" x14ac:dyDescent="0.4">
      <c r="A226">
        <v>2702224</v>
      </c>
      <c r="B226" t="s">
        <v>0</v>
      </c>
      <c r="C226" t="s">
        <v>220</v>
      </c>
      <c r="D226" t="s">
        <v>225</v>
      </c>
    </row>
    <row r="227" spans="1:4" x14ac:dyDescent="0.4">
      <c r="A227">
        <v>2700005</v>
      </c>
      <c r="B227" t="s">
        <v>0</v>
      </c>
      <c r="C227" t="s">
        <v>220</v>
      </c>
      <c r="D227" t="s">
        <v>226</v>
      </c>
    </row>
    <row r="228" spans="1:4" x14ac:dyDescent="0.4">
      <c r="A228">
        <v>2700036</v>
      </c>
      <c r="B228" t="s">
        <v>0</v>
      </c>
      <c r="C228" t="s">
        <v>220</v>
      </c>
      <c r="D228" t="s">
        <v>227</v>
      </c>
    </row>
    <row r="229" spans="1:4" x14ac:dyDescent="0.4">
      <c r="A229">
        <v>2700018</v>
      </c>
      <c r="B229" t="s">
        <v>0</v>
      </c>
      <c r="C229" t="s">
        <v>220</v>
      </c>
      <c r="D229" t="s">
        <v>228</v>
      </c>
    </row>
    <row r="230" spans="1:4" x14ac:dyDescent="0.4">
      <c r="A230">
        <v>2702251</v>
      </c>
      <c r="B230" t="s">
        <v>0</v>
      </c>
      <c r="C230" t="s">
        <v>220</v>
      </c>
      <c r="D230" t="s">
        <v>229</v>
      </c>
    </row>
    <row r="231" spans="1:4" x14ac:dyDescent="0.4">
      <c r="A231">
        <v>2702221</v>
      </c>
      <c r="B231" t="s">
        <v>0</v>
      </c>
      <c r="C231" t="s">
        <v>220</v>
      </c>
      <c r="D231" t="s">
        <v>230</v>
      </c>
    </row>
    <row r="232" spans="1:4" x14ac:dyDescent="0.4">
      <c r="A232">
        <v>2710064</v>
      </c>
      <c r="B232" t="s">
        <v>0</v>
      </c>
      <c r="C232" t="s">
        <v>220</v>
      </c>
      <c r="D232" t="s">
        <v>231</v>
      </c>
    </row>
    <row r="233" spans="1:4" x14ac:dyDescent="0.4">
      <c r="A233">
        <v>2710094</v>
      </c>
      <c r="B233" t="s">
        <v>0</v>
      </c>
      <c r="C233" t="s">
        <v>220</v>
      </c>
      <c r="D233" t="s">
        <v>232</v>
      </c>
    </row>
    <row r="234" spans="1:4" x14ac:dyDescent="0.4">
      <c r="A234">
        <v>2702254</v>
      </c>
      <c r="B234" t="s">
        <v>0</v>
      </c>
      <c r="C234" t="s">
        <v>220</v>
      </c>
      <c r="D234" t="s">
        <v>233</v>
      </c>
    </row>
    <row r="235" spans="1:4" x14ac:dyDescent="0.4">
      <c r="A235">
        <v>2710063</v>
      </c>
      <c r="B235" t="s">
        <v>0</v>
      </c>
      <c r="C235" t="s">
        <v>220</v>
      </c>
      <c r="D235" t="s">
        <v>234</v>
      </c>
    </row>
    <row r="236" spans="1:4" x14ac:dyDescent="0.4">
      <c r="A236">
        <v>2702216</v>
      </c>
      <c r="B236" t="s">
        <v>0</v>
      </c>
      <c r="C236" t="s">
        <v>220</v>
      </c>
      <c r="D236" t="s">
        <v>235</v>
      </c>
    </row>
    <row r="237" spans="1:4" x14ac:dyDescent="0.4">
      <c r="A237">
        <v>2702215</v>
      </c>
      <c r="B237" t="s">
        <v>0</v>
      </c>
      <c r="C237" t="s">
        <v>220</v>
      </c>
      <c r="D237" t="s">
        <v>236</v>
      </c>
    </row>
    <row r="238" spans="1:4" x14ac:dyDescent="0.4">
      <c r="A238">
        <v>2700012</v>
      </c>
      <c r="B238" t="s">
        <v>0</v>
      </c>
      <c r="C238" t="s">
        <v>220</v>
      </c>
      <c r="D238" t="s">
        <v>237</v>
      </c>
    </row>
    <row r="239" spans="1:4" x14ac:dyDescent="0.4">
      <c r="A239">
        <v>2700022</v>
      </c>
      <c r="B239" t="s">
        <v>0</v>
      </c>
      <c r="C239" t="s">
        <v>220</v>
      </c>
      <c r="D239" t="s">
        <v>238</v>
      </c>
    </row>
    <row r="240" spans="1:4" x14ac:dyDescent="0.4">
      <c r="A240">
        <v>2710097</v>
      </c>
      <c r="B240" t="s">
        <v>0</v>
      </c>
      <c r="C240" t="s">
        <v>220</v>
      </c>
      <c r="D240" t="s">
        <v>239</v>
      </c>
    </row>
    <row r="241" spans="1:4" x14ac:dyDescent="0.4">
      <c r="A241">
        <v>2700001</v>
      </c>
      <c r="B241" t="s">
        <v>0</v>
      </c>
      <c r="C241" t="s">
        <v>220</v>
      </c>
      <c r="D241" t="s">
        <v>240</v>
      </c>
    </row>
    <row r="242" spans="1:4" x14ac:dyDescent="0.4">
      <c r="A242">
        <v>2700017</v>
      </c>
      <c r="B242" t="s">
        <v>0</v>
      </c>
      <c r="C242" t="s">
        <v>220</v>
      </c>
      <c r="D242" t="s">
        <v>241</v>
      </c>
    </row>
    <row r="243" spans="1:4" x14ac:dyDescent="0.4">
      <c r="A243">
        <v>2710068</v>
      </c>
      <c r="B243" t="s">
        <v>0</v>
      </c>
      <c r="C243" t="s">
        <v>220</v>
      </c>
      <c r="D243" t="s">
        <v>242</v>
      </c>
    </row>
    <row r="244" spans="1:4" x14ac:dyDescent="0.4">
      <c r="A244">
        <v>2700014</v>
      </c>
      <c r="B244" t="s">
        <v>0</v>
      </c>
      <c r="C244" t="s">
        <v>220</v>
      </c>
      <c r="D244" t="s">
        <v>243</v>
      </c>
    </row>
    <row r="245" spans="1:4" x14ac:dyDescent="0.4">
      <c r="A245">
        <v>2700015</v>
      </c>
      <c r="B245" t="s">
        <v>0</v>
      </c>
      <c r="C245" t="s">
        <v>220</v>
      </c>
      <c r="D245" t="s">
        <v>244</v>
      </c>
    </row>
    <row r="246" spans="1:4" x14ac:dyDescent="0.4">
      <c r="A246">
        <v>2700013</v>
      </c>
      <c r="B246" t="s">
        <v>0</v>
      </c>
      <c r="C246" t="s">
        <v>220</v>
      </c>
      <c r="D246" t="s">
        <v>245</v>
      </c>
    </row>
    <row r="247" spans="1:4" x14ac:dyDescent="0.4">
      <c r="A247">
        <v>2700016</v>
      </c>
      <c r="B247" t="s">
        <v>0</v>
      </c>
      <c r="C247" t="s">
        <v>220</v>
      </c>
      <c r="D247" t="s">
        <v>246</v>
      </c>
    </row>
    <row r="248" spans="1:4" x14ac:dyDescent="0.4">
      <c r="A248">
        <v>2700021</v>
      </c>
      <c r="B248" t="s">
        <v>0</v>
      </c>
      <c r="C248" t="s">
        <v>220</v>
      </c>
      <c r="D248" t="s">
        <v>247</v>
      </c>
    </row>
    <row r="249" spans="1:4" x14ac:dyDescent="0.4">
      <c r="A249">
        <v>2702213</v>
      </c>
      <c r="B249" t="s">
        <v>0</v>
      </c>
      <c r="C249" t="s">
        <v>220</v>
      </c>
      <c r="D249" t="s">
        <v>248</v>
      </c>
    </row>
    <row r="250" spans="1:4" x14ac:dyDescent="0.4">
      <c r="A250">
        <v>2702218</v>
      </c>
      <c r="B250" t="s">
        <v>0</v>
      </c>
      <c r="C250" t="s">
        <v>220</v>
      </c>
      <c r="D250" t="s">
        <v>249</v>
      </c>
    </row>
    <row r="251" spans="1:4" x14ac:dyDescent="0.4">
      <c r="A251">
        <v>2702212</v>
      </c>
      <c r="B251" t="s">
        <v>0</v>
      </c>
      <c r="C251" t="s">
        <v>220</v>
      </c>
      <c r="D251" t="s">
        <v>250</v>
      </c>
    </row>
    <row r="252" spans="1:4" x14ac:dyDescent="0.4">
      <c r="A252">
        <v>2702211</v>
      </c>
      <c r="B252" t="s">
        <v>0</v>
      </c>
      <c r="C252" t="s">
        <v>220</v>
      </c>
      <c r="D252" t="s">
        <v>251</v>
      </c>
    </row>
    <row r="253" spans="1:4" x14ac:dyDescent="0.4">
      <c r="A253">
        <v>2710073</v>
      </c>
      <c r="B253" t="s">
        <v>0</v>
      </c>
      <c r="C253" t="s">
        <v>220</v>
      </c>
      <c r="D253" t="s">
        <v>252</v>
      </c>
    </row>
    <row r="254" spans="1:4" x14ac:dyDescent="0.4">
      <c r="A254">
        <v>2710093</v>
      </c>
      <c r="B254" t="s">
        <v>0</v>
      </c>
      <c r="C254" t="s">
        <v>220</v>
      </c>
      <c r="D254" t="s">
        <v>253</v>
      </c>
    </row>
    <row r="255" spans="1:4" x14ac:dyDescent="0.4">
      <c r="A255">
        <v>2710075</v>
      </c>
      <c r="B255" t="s">
        <v>0</v>
      </c>
      <c r="C255" t="s">
        <v>220</v>
      </c>
      <c r="D255" t="s">
        <v>254</v>
      </c>
    </row>
    <row r="256" spans="1:4" x14ac:dyDescent="0.4">
      <c r="A256">
        <v>2710062</v>
      </c>
      <c r="B256" t="s">
        <v>0</v>
      </c>
      <c r="C256" t="s">
        <v>220</v>
      </c>
      <c r="D256" t="s">
        <v>255</v>
      </c>
    </row>
    <row r="257" spans="1:4" x14ac:dyDescent="0.4">
      <c r="A257">
        <v>2710061</v>
      </c>
      <c r="B257" t="s">
        <v>0</v>
      </c>
      <c r="C257" t="s">
        <v>220</v>
      </c>
      <c r="D257" t="s">
        <v>256</v>
      </c>
    </row>
    <row r="258" spans="1:4" x14ac:dyDescent="0.4">
      <c r="A258">
        <v>2710041</v>
      </c>
      <c r="B258" t="s">
        <v>0</v>
      </c>
      <c r="C258" t="s">
        <v>220</v>
      </c>
      <c r="D258" t="s">
        <v>257</v>
      </c>
    </row>
    <row r="259" spans="1:4" x14ac:dyDescent="0.4">
      <c r="A259">
        <v>2710096</v>
      </c>
      <c r="B259" t="s">
        <v>0</v>
      </c>
      <c r="C259" t="s">
        <v>220</v>
      </c>
      <c r="D259" t="s">
        <v>258</v>
      </c>
    </row>
    <row r="260" spans="1:4" x14ac:dyDescent="0.4">
      <c r="A260">
        <v>2710052</v>
      </c>
      <c r="B260" t="s">
        <v>0</v>
      </c>
      <c r="C260" t="s">
        <v>220</v>
      </c>
      <c r="D260" t="s">
        <v>259</v>
      </c>
    </row>
    <row r="261" spans="1:4" x14ac:dyDescent="0.4">
      <c r="A261">
        <v>2700034</v>
      </c>
      <c r="B261" t="s">
        <v>0</v>
      </c>
      <c r="C261" t="s">
        <v>220</v>
      </c>
      <c r="D261" t="s">
        <v>260</v>
      </c>
    </row>
    <row r="262" spans="1:4" x14ac:dyDescent="0.4">
      <c r="A262">
        <v>2700033</v>
      </c>
      <c r="B262" t="s">
        <v>0</v>
      </c>
      <c r="C262" t="s">
        <v>220</v>
      </c>
      <c r="D262" t="s">
        <v>261</v>
      </c>
    </row>
    <row r="263" spans="1:4" x14ac:dyDescent="0.4">
      <c r="A263">
        <v>2700035</v>
      </c>
      <c r="B263" t="s">
        <v>0</v>
      </c>
      <c r="C263" t="s">
        <v>220</v>
      </c>
      <c r="D263" t="s">
        <v>262</v>
      </c>
    </row>
    <row r="264" spans="1:4" x14ac:dyDescent="0.4">
      <c r="A264">
        <v>2700032</v>
      </c>
      <c r="B264" t="s">
        <v>0</v>
      </c>
      <c r="C264" t="s">
        <v>220</v>
      </c>
      <c r="D264" t="s">
        <v>263</v>
      </c>
    </row>
    <row r="265" spans="1:4" x14ac:dyDescent="0.4">
      <c r="A265">
        <v>2702252</v>
      </c>
      <c r="B265" t="s">
        <v>0</v>
      </c>
      <c r="C265" t="s">
        <v>220</v>
      </c>
      <c r="D265" t="s">
        <v>264</v>
      </c>
    </row>
    <row r="266" spans="1:4" x14ac:dyDescent="0.4">
      <c r="A266">
        <v>2702222</v>
      </c>
      <c r="B266" t="s">
        <v>0</v>
      </c>
      <c r="C266" t="s">
        <v>220</v>
      </c>
      <c r="D266" t="s">
        <v>265</v>
      </c>
    </row>
    <row r="267" spans="1:4" x14ac:dyDescent="0.4">
      <c r="A267">
        <v>2702202</v>
      </c>
      <c r="B267" t="s">
        <v>0</v>
      </c>
      <c r="C267" t="s">
        <v>220</v>
      </c>
      <c r="D267" t="s">
        <v>182</v>
      </c>
    </row>
    <row r="268" spans="1:4" x14ac:dyDescent="0.4">
      <c r="A268">
        <v>2702201</v>
      </c>
      <c r="B268" t="s">
        <v>0</v>
      </c>
      <c r="C268" t="s">
        <v>220</v>
      </c>
      <c r="D268" t="s">
        <v>266</v>
      </c>
    </row>
    <row r="269" spans="1:4" x14ac:dyDescent="0.4">
      <c r="A269">
        <v>2710072</v>
      </c>
      <c r="B269" t="s">
        <v>0</v>
      </c>
      <c r="C269" t="s">
        <v>220</v>
      </c>
      <c r="D269" t="s">
        <v>267</v>
      </c>
    </row>
    <row r="270" spans="1:4" x14ac:dyDescent="0.4">
      <c r="A270">
        <v>2710071</v>
      </c>
      <c r="B270" t="s">
        <v>0</v>
      </c>
      <c r="C270" t="s">
        <v>220</v>
      </c>
      <c r="D270" t="s">
        <v>268</v>
      </c>
    </row>
    <row r="271" spans="1:4" x14ac:dyDescent="0.4">
      <c r="A271">
        <v>2702255</v>
      </c>
      <c r="B271" t="s">
        <v>0</v>
      </c>
      <c r="C271" t="s">
        <v>220</v>
      </c>
      <c r="D271" t="s">
        <v>269</v>
      </c>
    </row>
    <row r="272" spans="1:4" x14ac:dyDescent="0.4">
      <c r="A272">
        <v>2702261</v>
      </c>
      <c r="B272" t="s">
        <v>0</v>
      </c>
      <c r="C272" t="s">
        <v>220</v>
      </c>
      <c r="D272" t="s">
        <v>270</v>
      </c>
    </row>
    <row r="273" spans="1:4" x14ac:dyDescent="0.4">
      <c r="A273">
        <v>2702265</v>
      </c>
      <c r="B273" t="s">
        <v>0</v>
      </c>
      <c r="C273" t="s">
        <v>220</v>
      </c>
      <c r="D273" t="s">
        <v>271</v>
      </c>
    </row>
    <row r="274" spans="1:4" x14ac:dyDescent="0.4">
      <c r="A274">
        <v>2702266</v>
      </c>
      <c r="B274" t="s">
        <v>0</v>
      </c>
      <c r="C274" t="s">
        <v>220</v>
      </c>
      <c r="D274" t="s">
        <v>272</v>
      </c>
    </row>
    <row r="275" spans="1:4" x14ac:dyDescent="0.4">
      <c r="A275">
        <v>2702262</v>
      </c>
      <c r="B275" t="s">
        <v>0</v>
      </c>
      <c r="C275" t="s">
        <v>220</v>
      </c>
      <c r="D275" t="s">
        <v>273</v>
      </c>
    </row>
    <row r="276" spans="1:4" x14ac:dyDescent="0.4">
      <c r="A276">
        <v>2702264</v>
      </c>
      <c r="B276" t="s">
        <v>0</v>
      </c>
      <c r="C276" t="s">
        <v>220</v>
      </c>
      <c r="D276" t="s">
        <v>274</v>
      </c>
    </row>
    <row r="277" spans="1:4" x14ac:dyDescent="0.4">
      <c r="A277">
        <v>2702263</v>
      </c>
      <c r="B277" t="s">
        <v>0</v>
      </c>
      <c r="C277" t="s">
        <v>220</v>
      </c>
      <c r="D277" t="s">
        <v>275</v>
      </c>
    </row>
    <row r="278" spans="1:4" x14ac:dyDescent="0.4">
      <c r="A278">
        <v>2700004</v>
      </c>
      <c r="B278" t="s">
        <v>0</v>
      </c>
      <c r="C278" t="s">
        <v>220</v>
      </c>
      <c r="D278" t="s">
        <v>276</v>
      </c>
    </row>
    <row r="279" spans="1:4" x14ac:dyDescent="0.4">
      <c r="A279">
        <v>2702242</v>
      </c>
      <c r="B279" t="s">
        <v>0</v>
      </c>
      <c r="C279" t="s">
        <v>220</v>
      </c>
      <c r="D279" t="s">
        <v>277</v>
      </c>
    </row>
    <row r="280" spans="1:4" x14ac:dyDescent="0.4">
      <c r="A280">
        <v>2700007</v>
      </c>
      <c r="B280" t="s">
        <v>0</v>
      </c>
      <c r="C280" t="s">
        <v>220</v>
      </c>
      <c r="D280" t="s">
        <v>278</v>
      </c>
    </row>
    <row r="281" spans="1:4" x14ac:dyDescent="0.4">
      <c r="A281">
        <v>2710053</v>
      </c>
      <c r="B281" t="s">
        <v>0</v>
      </c>
      <c r="C281" t="s">
        <v>220</v>
      </c>
      <c r="D281" t="s">
        <v>279</v>
      </c>
    </row>
    <row r="282" spans="1:4" x14ac:dyDescent="0.4">
      <c r="A282">
        <v>2710054</v>
      </c>
      <c r="B282" t="s">
        <v>0</v>
      </c>
      <c r="C282" t="s">
        <v>220</v>
      </c>
      <c r="D282" t="s">
        <v>280</v>
      </c>
    </row>
    <row r="283" spans="1:4" x14ac:dyDescent="0.4">
      <c r="A283">
        <v>2710095</v>
      </c>
      <c r="B283" t="s">
        <v>0</v>
      </c>
      <c r="C283" t="s">
        <v>220</v>
      </c>
      <c r="D283" t="s">
        <v>281</v>
      </c>
    </row>
    <row r="284" spans="1:4" x14ac:dyDescent="0.4">
      <c r="A284">
        <v>2700025</v>
      </c>
      <c r="B284" t="s">
        <v>0</v>
      </c>
      <c r="C284" t="s">
        <v>220</v>
      </c>
      <c r="D284" t="s">
        <v>282</v>
      </c>
    </row>
    <row r="285" spans="1:4" x14ac:dyDescent="0.4">
      <c r="A285">
        <v>2710044</v>
      </c>
      <c r="B285" t="s">
        <v>0</v>
      </c>
      <c r="C285" t="s">
        <v>220</v>
      </c>
      <c r="D285" t="s">
        <v>283</v>
      </c>
    </row>
    <row r="286" spans="1:4" x14ac:dyDescent="0.4">
      <c r="A286">
        <v>2710045</v>
      </c>
      <c r="B286" t="s">
        <v>0</v>
      </c>
      <c r="C286" t="s">
        <v>220</v>
      </c>
      <c r="D286" t="s">
        <v>284</v>
      </c>
    </row>
    <row r="287" spans="1:4" x14ac:dyDescent="0.4">
      <c r="A287">
        <v>2710046</v>
      </c>
      <c r="B287" t="s">
        <v>0</v>
      </c>
      <c r="C287" t="s">
        <v>220</v>
      </c>
      <c r="D287" t="s">
        <v>285</v>
      </c>
    </row>
    <row r="288" spans="1:4" x14ac:dyDescent="0.4">
      <c r="A288">
        <v>2710047</v>
      </c>
      <c r="B288" t="s">
        <v>0</v>
      </c>
      <c r="C288" t="s">
        <v>220</v>
      </c>
      <c r="D288" t="s">
        <v>286</v>
      </c>
    </row>
    <row r="289" spans="1:4" x14ac:dyDescent="0.4">
      <c r="A289">
        <v>2710048</v>
      </c>
      <c r="B289" t="s">
        <v>0</v>
      </c>
      <c r="C289" t="s">
        <v>220</v>
      </c>
      <c r="D289" t="s">
        <v>287</v>
      </c>
    </row>
    <row r="290" spans="1:4" x14ac:dyDescent="0.4">
      <c r="A290">
        <v>2710088</v>
      </c>
      <c r="B290" t="s">
        <v>0</v>
      </c>
      <c r="C290" t="s">
        <v>220</v>
      </c>
      <c r="D290" t="s">
        <v>288</v>
      </c>
    </row>
    <row r="291" spans="1:4" x14ac:dyDescent="0.4">
      <c r="A291">
        <v>2710082</v>
      </c>
      <c r="B291" t="s">
        <v>0</v>
      </c>
      <c r="C291" t="s">
        <v>220</v>
      </c>
      <c r="D291" t="s">
        <v>289</v>
      </c>
    </row>
    <row r="292" spans="1:4" x14ac:dyDescent="0.4">
      <c r="A292">
        <v>2710085</v>
      </c>
      <c r="B292" t="s">
        <v>0</v>
      </c>
      <c r="C292" t="s">
        <v>220</v>
      </c>
      <c r="D292" t="s">
        <v>290</v>
      </c>
    </row>
    <row r="293" spans="1:4" x14ac:dyDescent="0.4">
      <c r="A293">
        <v>2710083</v>
      </c>
      <c r="B293" t="s">
        <v>0</v>
      </c>
      <c r="C293" t="s">
        <v>220</v>
      </c>
      <c r="D293" t="s">
        <v>291</v>
      </c>
    </row>
    <row r="294" spans="1:4" x14ac:dyDescent="0.4">
      <c r="A294">
        <v>2710086</v>
      </c>
      <c r="B294" t="s">
        <v>0</v>
      </c>
      <c r="C294" t="s">
        <v>220</v>
      </c>
      <c r="D294" t="s">
        <v>292</v>
      </c>
    </row>
    <row r="295" spans="1:4" x14ac:dyDescent="0.4">
      <c r="A295">
        <v>2710084</v>
      </c>
      <c r="B295" t="s">
        <v>0</v>
      </c>
      <c r="C295" t="s">
        <v>220</v>
      </c>
      <c r="D295" t="s">
        <v>293</v>
      </c>
    </row>
    <row r="296" spans="1:4" x14ac:dyDescent="0.4">
      <c r="A296">
        <v>2710081</v>
      </c>
      <c r="B296" t="s">
        <v>0</v>
      </c>
      <c r="C296" t="s">
        <v>220</v>
      </c>
      <c r="D296" t="s">
        <v>294</v>
      </c>
    </row>
    <row r="297" spans="1:4" x14ac:dyDescent="0.4">
      <c r="A297">
        <v>2700011</v>
      </c>
      <c r="B297" t="s">
        <v>0</v>
      </c>
      <c r="C297" t="s">
        <v>220</v>
      </c>
      <c r="D297" t="s">
        <v>295</v>
      </c>
    </row>
    <row r="298" spans="1:4" x14ac:dyDescent="0.4">
      <c r="A298">
        <v>2710077</v>
      </c>
      <c r="B298" t="s">
        <v>0</v>
      </c>
      <c r="C298" t="s">
        <v>220</v>
      </c>
      <c r="D298" t="s">
        <v>296</v>
      </c>
    </row>
    <row r="299" spans="1:4" x14ac:dyDescent="0.4">
      <c r="A299">
        <v>2702243</v>
      </c>
      <c r="B299" t="s">
        <v>0</v>
      </c>
      <c r="C299" t="s">
        <v>220</v>
      </c>
      <c r="D299" t="s">
        <v>297</v>
      </c>
    </row>
    <row r="300" spans="1:4" x14ac:dyDescent="0.4">
      <c r="A300">
        <v>2700023</v>
      </c>
      <c r="B300" t="s">
        <v>0</v>
      </c>
      <c r="C300" t="s">
        <v>220</v>
      </c>
      <c r="D300" t="s">
        <v>298</v>
      </c>
    </row>
    <row r="301" spans="1:4" x14ac:dyDescent="0.4">
      <c r="A301">
        <v>2700024</v>
      </c>
      <c r="B301" t="s">
        <v>0</v>
      </c>
      <c r="C301" t="s">
        <v>220</v>
      </c>
      <c r="D301" t="s">
        <v>299</v>
      </c>
    </row>
    <row r="302" spans="1:4" x14ac:dyDescent="0.4">
      <c r="A302">
        <v>2702217</v>
      </c>
      <c r="B302" t="s">
        <v>0</v>
      </c>
      <c r="C302" t="s">
        <v>220</v>
      </c>
      <c r="D302" t="s">
        <v>300</v>
      </c>
    </row>
    <row r="303" spans="1:4" x14ac:dyDescent="0.4">
      <c r="A303">
        <v>2700003</v>
      </c>
      <c r="B303" t="s">
        <v>0</v>
      </c>
      <c r="C303" t="s">
        <v>220</v>
      </c>
      <c r="D303" t="s">
        <v>301</v>
      </c>
    </row>
    <row r="304" spans="1:4" x14ac:dyDescent="0.4">
      <c r="A304">
        <v>2702253</v>
      </c>
      <c r="B304" t="s">
        <v>0</v>
      </c>
      <c r="C304" t="s">
        <v>220</v>
      </c>
      <c r="D304" t="s">
        <v>302</v>
      </c>
    </row>
    <row r="305" spans="1:4" x14ac:dyDescent="0.4">
      <c r="A305">
        <v>2850000</v>
      </c>
      <c r="B305" t="s">
        <v>0</v>
      </c>
      <c r="C305" t="s">
        <v>303</v>
      </c>
    </row>
    <row r="306" spans="1:4" x14ac:dyDescent="0.4">
      <c r="A306">
        <v>2850852</v>
      </c>
      <c r="B306" t="s">
        <v>0</v>
      </c>
      <c r="C306" t="s">
        <v>303</v>
      </c>
      <c r="D306" t="s">
        <v>304</v>
      </c>
    </row>
    <row r="307" spans="1:4" x14ac:dyDescent="0.4">
      <c r="A307">
        <v>2850835</v>
      </c>
      <c r="B307" t="s">
        <v>0</v>
      </c>
      <c r="C307" t="s">
        <v>303</v>
      </c>
      <c r="D307" t="s">
        <v>305</v>
      </c>
    </row>
    <row r="308" spans="1:4" x14ac:dyDescent="0.4">
      <c r="A308">
        <v>2850064</v>
      </c>
      <c r="B308" t="s">
        <v>0</v>
      </c>
      <c r="C308" t="s">
        <v>303</v>
      </c>
      <c r="D308" t="s">
        <v>306</v>
      </c>
    </row>
    <row r="309" spans="1:4" x14ac:dyDescent="0.4">
      <c r="A309">
        <v>2850832</v>
      </c>
      <c r="B309" t="s">
        <v>0</v>
      </c>
      <c r="C309" t="s">
        <v>303</v>
      </c>
      <c r="D309" t="s">
        <v>307</v>
      </c>
    </row>
    <row r="310" spans="1:4" x14ac:dyDescent="0.4">
      <c r="A310">
        <v>2850032</v>
      </c>
      <c r="B310" t="s">
        <v>0</v>
      </c>
      <c r="C310" t="s">
        <v>303</v>
      </c>
      <c r="D310" t="s">
        <v>308</v>
      </c>
    </row>
    <row r="311" spans="1:4" x14ac:dyDescent="0.4">
      <c r="A311">
        <v>2850031</v>
      </c>
      <c r="B311" t="s">
        <v>0</v>
      </c>
      <c r="C311" t="s">
        <v>303</v>
      </c>
      <c r="D311" t="s">
        <v>309</v>
      </c>
    </row>
    <row r="312" spans="1:4" x14ac:dyDescent="0.4">
      <c r="A312">
        <v>2850076</v>
      </c>
      <c r="B312" t="s">
        <v>0</v>
      </c>
      <c r="C312" t="s">
        <v>303</v>
      </c>
      <c r="D312" t="s">
        <v>310</v>
      </c>
    </row>
    <row r="313" spans="1:4" x14ac:dyDescent="0.4">
      <c r="A313">
        <v>2850003</v>
      </c>
      <c r="B313" t="s">
        <v>0</v>
      </c>
      <c r="C313" t="s">
        <v>303</v>
      </c>
      <c r="D313" t="s">
        <v>311</v>
      </c>
    </row>
    <row r="314" spans="1:4" x14ac:dyDescent="0.4">
      <c r="A314">
        <v>2850009</v>
      </c>
      <c r="B314" t="s">
        <v>0</v>
      </c>
      <c r="C314" t="s">
        <v>303</v>
      </c>
      <c r="D314" t="s">
        <v>312</v>
      </c>
    </row>
    <row r="315" spans="1:4" x14ac:dyDescent="0.4">
      <c r="A315">
        <v>2850813</v>
      </c>
      <c r="B315" t="s">
        <v>0</v>
      </c>
      <c r="C315" t="s">
        <v>303</v>
      </c>
      <c r="D315" t="s">
        <v>313</v>
      </c>
    </row>
    <row r="316" spans="1:4" x14ac:dyDescent="0.4">
      <c r="A316">
        <v>2850864</v>
      </c>
      <c r="B316" t="s">
        <v>0</v>
      </c>
      <c r="C316" t="s">
        <v>303</v>
      </c>
      <c r="D316" t="s">
        <v>314</v>
      </c>
    </row>
    <row r="317" spans="1:4" x14ac:dyDescent="0.4">
      <c r="A317">
        <v>2850855</v>
      </c>
      <c r="B317" t="s">
        <v>0</v>
      </c>
      <c r="C317" t="s">
        <v>303</v>
      </c>
      <c r="D317" t="s">
        <v>315</v>
      </c>
    </row>
    <row r="318" spans="1:4" x14ac:dyDescent="0.4">
      <c r="A318">
        <v>2850856</v>
      </c>
      <c r="B318" t="s">
        <v>0</v>
      </c>
      <c r="C318" t="s">
        <v>303</v>
      </c>
      <c r="D318" t="s">
        <v>316</v>
      </c>
    </row>
    <row r="319" spans="1:4" x14ac:dyDescent="0.4">
      <c r="A319">
        <v>2850071</v>
      </c>
      <c r="B319" t="s">
        <v>0</v>
      </c>
      <c r="C319" t="s">
        <v>303</v>
      </c>
      <c r="D319" t="s">
        <v>317</v>
      </c>
    </row>
    <row r="320" spans="1:4" x14ac:dyDescent="0.4">
      <c r="A320">
        <v>2850072</v>
      </c>
      <c r="B320" t="s">
        <v>0</v>
      </c>
      <c r="C320" t="s">
        <v>303</v>
      </c>
      <c r="D320" t="s">
        <v>318</v>
      </c>
    </row>
    <row r="321" spans="1:4" x14ac:dyDescent="0.4">
      <c r="A321">
        <v>2850004</v>
      </c>
      <c r="B321" t="s">
        <v>0</v>
      </c>
      <c r="C321" t="s">
        <v>303</v>
      </c>
      <c r="D321" t="s">
        <v>319</v>
      </c>
    </row>
    <row r="322" spans="1:4" x14ac:dyDescent="0.4">
      <c r="A322">
        <v>2850822</v>
      </c>
      <c r="B322" t="s">
        <v>0</v>
      </c>
      <c r="C322" t="s">
        <v>303</v>
      </c>
      <c r="D322" t="s">
        <v>320</v>
      </c>
    </row>
    <row r="323" spans="1:4" x14ac:dyDescent="0.4">
      <c r="A323">
        <v>2850863</v>
      </c>
      <c r="B323" t="s">
        <v>0</v>
      </c>
      <c r="C323" t="s">
        <v>303</v>
      </c>
      <c r="D323" t="s">
        <v>321</v>
      </c>
    </row>
    <row r="324" spans="1:4" x14ac:dyDescent="0.4">
      <c r="A324">
        <v>2850861</v>
      </c>
      <c r="B324" t="s">
        <v>0</v>
      </c>
      <c r="C324" t="s">
        <v>303</v>
      </c>
      <c r="D324" t="s">
        <v>322</v>
      </c>
    </row>
    <row r="325" spans="1:4" x14ac:dyDescent="0.4">
      <c r="A325">
        <v>2850866</v>
      </c>
      <c r="B325" t="s">
        <v>0</v>
      </c>
      <c r="C325" t="s">
        <v>303</v>
      </c>
      <c r="D325" t="s">
        <v>323</v>
      </c>
    </row>
    <row r="326" spans="1:4" x14ac:dyDescent="0.4">
      <c r="A326">
        <v>2850077</v>
      </c>
      <c r="B326" t="s">
        <v>0</v>
      </c>
      <c r="C326" t="s">
        <v>303</v>
      </c>
      <c r="D326" t="s">
        <v>324</v>
      </c>
    </row>
    <row r="327" spans="1:4" x14ac:dyDescent="0.4">
      <c r="A327">
        <v>2850024</v>
      </c>
      <c r="B327" t="s">
        <v>0</v>
      </c>
      <c r="C327" t="s">
        <v>303</v>
      </c>
      <c r="D327" t="s">
        <v>325</v>
      </c>
    </row>
    <row r="328" spans="1:4" x14ac:dyDescent="0.4">
      <c r="A328">
        <v>2850055</v>
      </c>
      <c r="B328" t="s">
        <v>0</v>
      </c>
      <c r="C328" t="s">
        <v>303</v>
      </c>
      <c r="D328" t="s">
        <v>326</v>
      </c>
    </row>
    <row r="329" spans="1:4" x14ac:dyDescent="0.4">
      <c r="A329">
        <v>2850824</v>
      </c>
      <c r="B329" t="s">
        <v>0</v>
      </c>
      <c r="C329" t="s">
        <v>303</v>
      </c>
      <c r="D329" t="s">
        <v>327</v>
      </c>
    </row>
    <row r="330" spans="1:4" x14ac:dyDescent="0.4">
      <c r="A330">
        <v>2850823</v>
      </c>
      <c r="B330" t="s">
        <v>0</v>
      </c>
      <c r="C330" t="s">
        <v>303</v>
      </c>
      <c r="D330" t="s">
        <v>328</v>
      </c>
    </row>
    <row r="331" spans="1:4" x14ac:dyDescent="0.4">
      <c r="A331">
        <v>2850825</v>
      </c>
      <c r="B331" t="s">
        <v>0</v>
      </c>
      <c r="C331" t="s">
        <v>303</v>
      </c>
      <c r="D331" t="s">
        <v>329</v>
      </c>
    </row>
    <row r="332" spans="1:4" x14ac:dyDescent="0.4">
      <c r="A332">
        <v>2850837</v>
      </c>
      <c r="B332" t="s">
        <v>0</v>
      </c>
      <c r="C332" t="s">
        <v>303</v>
      </c>
      <c r="D332" t="s">
        <v>330</v>
      </c>
    </row>
    <row r="333" spans="1:4" x14ac:dyDescent="0.4">
      <c r="A333">
        <v>2850817</v>
      </c>
      <c r="B333" t="s">
        <v>0</v>
      </c>
      <c r="C333" t="s">
        <v>303</v>
      </c>
      <c r="D333" t="s">
        <v>331</v>
      </c>
    </row>
    <row r="334" spans="1:4" x14ac:dyDescent="0.4">
      <c r="A334">
        <v>2850802</v>
      </c>
      <c r="B334" t="s">
        <v>0</v>
      </c>
      <c r="C334" t="s">
        <v>303</v>
      </c>
      <c r="D334" t="s">
        <v>332</v>
      </c>
    </row>
    <row r="335" spans="1:4" x14ac:dyDescent="0.4">
      <c r="A335">
        <v>2850041</v>
      </c>
      <c r="B335" t="s">
        <v>0</v>
      </c>
      <c r="C335" t="s">
        <v>303</v>
      </c>
      <c r="D335" t="s">
        <v>333</v>
      </c>
    </row>
    <row r="336" spans="1:4" x14ac:dyDescent="0.4">
      <c r="A336">
        <v>2850806</v>
      </c>
      <c r="B336" t="s">
        <v>0</v>
      </c>
      <c r="C336" t="s">
        <v>303</v>
      </c>
      <c r="D336" t="s">
        <v>334</v>
      </c>
    </row>
    <row r="337" spans="1:4" x14ac:dyDescent="0.4">
      <c r="A337">
        <v>2850043</v>
      </c>
      <c r="B337" t="s">
        <v>0</v>
      </c>
      <c r="C337" t="s">
        <v>303</v>
      </c>
      <c r="D337" t="s">
        <v>335</v>
      </c>
    </row>
    <row r="338" spans="1:4" x14ac:dyDescent="0.4">
      <c r="A338">
        <v>2850808</v>
      </c>
      <c r="B338" t="s">
        <v>0</v>
      </c>
      <c r="C338" t="s">
        <v>303</v>
      </c>
      <c r="D338" t="s">
        <v>140</v>
      </c>
    </row>
    <row r="339" spans="1:4" x14ac:dyDescent="0.4">
      <c r="A339">
        <v>2850853</v>
      </c>
      <c r="B339" t="s">
        <v>0</v>
      </c>
      <c r="C339" t="s">
        <v>303</v>
      </c>
      <c r="D339" t="s">
        <v>336</v>
      </c>
    </row>
    <row r="340" spans="1:4" x14ac:dyDescent="0.4">
      <c r="A340">
        <v>2850836</v>
      </c>
      <c r="B340" t="s">
        <v>0</v>
      </c>
      <c r="C340" t="s">
        <v>303</v>
      </c>
      <c r="D340" t="s">
        <v>337</v>
      </c>
    </row>
    <row r="341" spans="1:4" x14ac:dyDescent="0.4">
      <c r="A341">
        <v>2850811</v>
      </c>
      <c r="B341" t="s">
        <v>0</v>
      </c>
      <c r="C341" t="s">
        <v>303</v>
      </c>
      <c r="D341" t="s">
        <v>338</v>
      </c>
    </row>
    <row r="342" spans="1:4" x14ac:dyDescent="0.4">
      <c r="A342">
        <v>2850013</v>
      </c>
      <c r="B342" t="s">
        <v>0</v>
      </c>
      <c r="C342" t="s">
        <v>303</v>
      </c>
      <c r="D342" t="s">
        <v>339</v>
      </c>
    </row>
    <row r="343" spans="1:4" x14ac:dyDescent="0.4">
      <c r="A343">
        <v>2850821</v>
      </c>
      <c r="B343" t="s">
        <v>0</v>
      </c>
      <c r="C343" t="s">
        <v>303</v>
      </c>
      <c r="D343" t="s">
        <v>340</v>
      </c>
    </row>
    <row r="344" spans="1:4" x14ac:dyDescent="0.4">
      <c r="A344">
        <v>2850008</v>
      </c>
      <c r="B344" t="s">
        <v>0</v>
      </c>
      <c r="C344" t="s">
        <v>303</v>
      </c>
      <c r="D344" t="s">
        <v>341</v>
      </c>
    </row>
    <row r="345" spans="1:4" x14ac:dyDescent="0.4">
      <c r="A345">
        <v>2850026</v>
      </c>
      <c r="B345" t="s">
        <v>0</v>
      </c>
      <c r="C345" t="s">
        <v>303</v>
      </c>
      <c r="D345" t="s">
        <v>342</v>
      </c>
    </row>
    <row r="346" spans="1:4" x14ac:dyDescent="0.4">
      <c r="A346">
        <v>2850025</v>
      </c>
      <c r="B346" t="s">
        <v>0</v>
      </c>
      <c r="C346" t="s">
        <v>303</v>
      </c>
      <c r="D346" t="s">
        <v>343</v>
      </c>
    </row>
    <row r="347" spans="1:4" x14ac:dyDescent="0.4">
      <c r="A347">
        <v>2850054</v>
      </c>
      <c r="B347" t="s">
        <v>0</v>
      </c>
      <c r="C347" t="s">
        <v>303</v>
      </c>
      <c r="D347" t="s">
        <v>344</v>
      </c>
    </row>
    <row r="348" spans="1:4" x14ac:dyDescent="0.4">
      <c r="A348">
        <v>2850846</v>
      </c>
      <c r="B348" t="s">
        <v>0</v>
      </c>
      <c r="C348" t="s">
        <v>303</v>
      </c>
      <c r="D348" t="s">
        <v>345</v>
      </c>
    </row>
    <row r="349" spans="1:4" x14ac:dyDescent="0.4">
      <c r="A349">
        <v>2850844</v>
      </c>
      <c r="B349" t="s">
        <v>0</v>
      </c>
      <c r="C349" t="s">
        <v>303</v>
      </c>
      <c r="D349" t="s">
        <v>346</v>
      </c>
    </row>
    <row r="350" spans="1:4" x14ac:dyDescent="0.4">
      <c r="A350">
        <v>2850044</v>
      </c>
      <c r="B350" t="s">
        <v>0</v>
      </c>
      <c r="C350" t="s">
        <v>303</v>
      </c>
      <c r="D350" t="s">
        <v>347</v>
      </c>
    </row>
    <row r="351" spans="1:4" x14ac:dyDescent="0.4">
      <c r="A351">
        <v>2850066</v>
      </c>
      <c r="B351" t="s">
        <v>0</v>
      </c>
      <c r="C351" t="s">
        <v>303</v>
      </c>
      <c r="D351" t="s">
        <v>348</v>
      </c>
    </row>
    <row r="352" spans="1:4" x14ac:dyDescent="0.4">
      <c r="A352">
        <v>2850801</v>
      </c>
      <c r="B352" t="s">
        <v>0</v>
      </c>
      <c r="C352" t="s">
        <v>303</v>
      </c>
      <c r="D352" t="s">
        <v>349</v>
      </c>
    </row>
    <row r="353" spans="1:4" x14ac:dyDescent="0.4">
      <c r="A353">
        <v>2850803</v>
      </c>
      <c r="B353" t="s">
        <v>0</v>
      </c>
      <c r="C353" t="s">
        <v>303</v>
      </c>
      <c r="D353" t="s">
        <v>350</v>
      </c>
    </row>
    <row r="354" spans="1:4" x14ac:dyDescent="0.4">
      <c r="A354">
        <v>2850805</v>
      </c>
      <c r="B354" t="s">
        <v>0</v>
      </c>
      <c r="C354" t="s">
        <v>303</v>
      </c>
      <c r="D354" t="s">
        <v>351</v>
      </c>
    </row>
    <row r="355" spans="1:4" x14ac:dyDescent="0.4">
      <c r="A355">
        <v>2850057</v>
      </c>
      <c r="B355" t="s">
        <v>0</v>
      </c>
      <c r="C355" t="s">
        <v>303</v>
      </c>
      <c r="D355" t="s">
        <v>352</v>
      </c>
    </row>
    <row r="356" spans="1:4" x14ac:dyDescent="0.4">
      <c r="A356">
        <v>2850014</v>
      </c>
      <c r="B356" t="s">
        <v>0</v>
      </c>
      <c r="C356" t="s">
        <v>303</v>
      </c>
      <c r="D356" t="s">
        <v>255</v>
      </c>
    </row>
    <row r="357" spans="1:4" x14ac:dyDescent="0.4">
      <c r="A357">
        <v>2850078</v>
      </c>
      <c r="B357" t="s">
        <v>0</v>
      </c>
      <c r="C357" t="s">
        <v>303</v>
      </c>
      <c r="D357" t="s">
        <v>353</v>
      </c>
    </row>
    <row r="358" spans="1:4" x14ac:dyDescent="0.4">
      <c r="A358">
        <v>2850062</v>
      </c>
      <c r="B358" t="s">
        <v>0</v>
      </c>
      <c r="C358" t="s">
        <v>303</v>
      </c>
      <c r="D358" t="s">
        <v>354</v>
      </c>
    </row>
    <row r="359" spans="1:4" x14ac:dyDescent="0.4">
      <c r="A359">
        <v>2850807</v>
      </c>
      <c r="B359" t="s">
        <v>0</v>
      </c>
      <c r="C359" t="s">
        <v>303</v>
      </c>
      <c r="D359" t="s">
        <v>355</v>
      </c>
    </row>
    <row r="360" spans="1:4" x14ac:dyDescent="0.4">
      <c r="A360">
        <v>2850053</v>
      </c>
      <c r="B360" t="s">
        <v>0</v>
      </c>
      <c r="C360" t="s">
        <v>303</v>
      </c>
      <c r="D360" t="s">
        <v>356</v>
      </c>
    </row>
    <row r="361" spans="1:4" x14ac:dyDescent="0.4">
      <c r="A361">
        <v>2850841</v>
      </c>
      <c r="B361" t="s">
        <v>0</v>
      </c>
      <c r="C361" t="s">
        <v>303</v>
      </c>
      <c r="D361" t="s">
        <v>357</v>
      </c>
    </row>
    <row r="362" spans="1:4" x14ac:dyDescent="0.4">
      <c r="A362">
        <v>2850842</v>
      </c>
      <c r="B362" t="s">
        <v>0</v>
      </c>
      <c r="C362" t="s">
        <v>303</v>
      </c>
      <c r="D362" t="s">
        <v>358</v>
      </c>
    </row>
    <row r="363" spans="1:4" x14ac:dyDescent="0.4">
      <c r="A363">
        <v>2850006</v>
      </c>
      <c r="B363" t="s">
        <v>0</v>
      </c>
      <c r="C363" t="s">
        <v>303</v>
      </c>
      <c r="D363" t="s">
        <v>359</v>
      </c>
    </row>
    <row r="364" spans="1:4" x14ac:dyDescent="0.4">
      <c r="A364">
        <v>2850007</v>
      </c>
      <c r="B364" t="s">
        <v>0</v>
      </c>
      <c r="C364" t="s">
        <v>303</v>
      </c>
      <c r="D364" t="s">
        <v>360</v>
      </c>
    </row>
    <row r="365" spans="1:4" x14ac:dyDescent="0.4">
      <c r="A365">
        <v>2850035</v>
      </c>
      <c r="B365" t="s">
        <v>0</v>
      </c>
      <c r="C365" t="s">
        <v>303</v>
      </c>
      <c r="D365" t="s">
        <v>361</v>
      </c>
    </row>
    <row r="366" spans="1:4" x14ac:dyDescent="0.4">
      <c r="A366">
        <v>2850815</v>
      </c>
      <c r="B366" t="s">
        <v>0</v>
      </c>
      <c r="C366" t="s">
        <v>303</v>
      </c>
      <c r="D366" t="s">
        <v>362</v>
      </c>
    </row>
    <row r="367" spans="1:4" x14ac:dyDescent="0.4">
      <c r="A367">
        <v>2850854</v>
      </c>
      <c r="B367" t="s">
        <v>0</v>
      </c>
      <c r="C367" t="s">
        <v>303</v>
      </c>
      <c r="D367" t="s">
        <v>363</v>
      </c>
    </row>
    <row r="368" spans="1:4" x14ac:dyDescent="0.4">
      <c r="A368">
        <v>2850017</v>
      </c>
      <c r="B368" t="s">
        <v>0</v>
      </c>
      <c r="C368" t="s">
        <v>303</v>
      </c>
      <c r="D368" t="s">
        <v>364</v>
      </c>
    </row>
    <row r="369" spans="1:4" x14ac:dyDescent="0.4">
      <c r="A369">
        <v>2850045</v>
      </c>
      <c r="B369" t="s">
        <v>0</v>
      </c>
      <c r="C369" t="s">
        <v>303</v>
      </c>
      <c r="D369" t="s">
        <v>365</v>
      </c>
    </row>
    <row r="370" spans="1:4" x14ac:dyDescent="0.4">
      <c r="A370">
        <v>2850862</v>
      </c>
      <c r="B370" t="s">
        <v>0</v>
      </c>
      <c r="C370" t="s">
        <v>303</v>
      </c>
      <c r="D370" t="s">
        <v>366</v>
      </c>
    </row>
    <row r="371" spans="1:4" x14ac:dyDescent="0.4">
      <c r="A371">
        <v>2850023</v>
      </c>
      <c r="B371" t="s">
        <v>0</v>
      </c>
      <c r="C371" t="s">
        <v>303</v>
      </c>
      <c r="D371" t="s">
        <v>367</v>
      </c>
    </row>
    <row r="372" spans="1:4" x14ac:dyDescent="0.4">
      <c r="A372">
        <v>2850034</v>
      </c>
      <c r="B372" t="s">
        <v>0</v>
      </c>
      <c r="C372" t="s">
        <v>303</v>
      </c>
      <c r="D372" t="s">
        <v>368</v>
      </c>
    </row>
    <row r="373" spans="1:4" x14ac:dyDescent="0.4">
      <c r="A373">
        <v>2850831</v>
      </c>
      <c r="B373" t="s">
        <v>0</v>
      </c>
      <c r="C373" t="s">
        <v>303</v>
      </c>
      <c r="D373" t="s">
        <v>369</v>
      </c>
    </row>
    <row r="374" spans="1:4" x14ac:dyDescent="0.4">
      <c r="A374">
        <v>2850046</v>
      </c>
      <c r="B374" t="s">
        <v>0</v>
      </c>
      <c r="C374" t="s">
        <v>303</v>
      </c>
      <c r="D374" t="s">
        <v>370</v>
      </c>
    </row>
    <row r="375" spans="1:4" x14ac:dyDescent="0.4">
      <c r="A375">
        <v>2850061</v>
      </c>
      <c r="B375" t="s">
        <v>0</v>
      </c>
      <c r="C375" t="s">
        <v>303</v>
      </c>
      <c r="D375" t="s">
        <v>371</v>
      </c>
    </row>
    <row r="376" spans="1:4" x14ac:dyDescent="0.4">
      <c r="A376">
        <v>2850012</v>
      </c>
      <c r="B376" t="s">
        <v>0</v>
      </c>
      <c r="C376" t="s">
        <v>303</v>
      </c>
      <c r="D376" t="s">
        <v>372</v>
      </c>
    </row>
    <row r="377" spans="1:4" x14ac:dyDescent="0.4">
      <c r="A377">
        <v>2850001</v>
      </c>
      <c r="B377" t="s">
        <v>0</v>
      </c>
      <c r="C377" t="s">
        <v>303</v>
      </c>
      <c r="D377" t="s">
        <v>373</v>
      </c>
    </row>
    <row r="378" spans="1:4" x14ac:dyDescent="0.4">
      <c r="A378">
        <v>2850056</v>
      </c>
      <c r="B378" t="s">
        <v>0</v>
      </c>
      <c r="C378" t="s">
        <v>303</v>
      </c>
      <c r="D378" t="s">
        <v>374</v>
      </c>
    </row>
    <row r="379" spans="1:4" x14ac:dyDescent="0.4">
      <c r="A379">
        <v>2850818</v>
      </c>
      <c r="B379" t="s">
        <v>0</v>
      </c>
      <c r="C379" t="s">
        <v>303</v>
      </c>
      <c r="D379" t="s">
        <v>375</v>
      </c>
    </row>
    <row r="380" spans="1:4" x14ac:dyDescent="0.4">
      <c r="A380">
        <v>2850816</v>
      </c>
      <c r="B380" t="s">
        <v>0</v>
      </c>
      <c r="C380" t="s">
        <v>303</v>
      </c>
      <c r="D380" t="s">
        <v>376</v>
      </c>
    </row>
    <row r="381" spans="1:4" x14ac:dyDescent="0.4">
      <c r="A381">
        <v>2850065</v>
      </c>
      <c r="B381" t="s">
        <v>0</v>
      </c>
      <c r="C381" t="s">
        <v>303</v>
      </c>
      <c r="D381" t="s">
        <v>377</v>
      </c>
    </row>
    <row r="382" spans="1:4" x14ac:dyDescent="0.4">
      <c r="A382">
        <v>2850843</v>
      </c>
      <c r="B382" t="s">
        <v>0</v>
      </c>
      <c r="C382" t="s">
        <v>303</v>
      </c>
      <c r="D382" t="s">
        <v>378</v>
      </c>
    </row>
    <row r="383" spans="1:4" x14ac:dyDescent="0.4">
      <c r="A383">
        <v>2850022</v>
      </c>
      <c r="B383" t="s">
        <v>0</v>
      </c>
      <c r="C383" t="s">
        <v>303</v>
      </c>
      <c r="D383" t="s">
        <v>379</v>
      </c>
    </row>
    <row r="384" spans="1:4" x14ac:dyDescent="0.4">
      <c r="A384">
        <v>2850051</v>
      </c>
      <c r="B384" t="s">
        <v>0</v>
      </c>
      <c r="C384" t="s">
        <v>303</v>
      </c>
      <c r="D384" t="s">
        <v>380</v>
      </c>
    </row>
    <row r="385" spans="1:4" x14ac:dyDescent="0.4">
      <c r="A385">
        <v>2850073</v>
      </c>
      <c r="B385" t="s">
        <v>0</v>
      </c>
      <c r="C385" t="s">
        <v>303</v>
      </c>
      <c r="D385" t="s">
        <v>381</v>
      </c>
    </row>
    <row r="386" spans="1:4" x14ac:dyDescent="0.4">
      <c r="A386">
        <v>2850033</v>
      </c>
      <c r="B386" t="s">
        <v>0</v>
      </c>
      <c r="C386" t="s">
        <v>303</v>
      </c>
      <c r="D386" t="s">
        <v>382</v>
      </c>
    </row>
    <row r="387" spans="1:4" x14ac:dyDescent="0.4">
      <c r="A387">
        <v>2850015</v>
      </c>
      <c r="B387" t="s">
        <v>0</v>
      </c>
      <c r="C387" t="s">
        <v>303</v>
      </c>
      <c r="D387" t="s">
        <v>383</v>
      </c>
    </row>
    <row r="388" spans="1:4" x14ac:dyDescent="0.4">
      <c r="A388">
        <v>2850845</v>
      </c>
      <c r="B388" t="s">
        <v>0</v>
      </c>
      <c r="C388" t="s">
        <v>303</v>
      </c>
      <c r="D388" t="s">
        <v>384</v>
      </c>
    </row>
    <row r="389" spans="1:4" x14ac:dyDescent="0.4">
      <c r="A389">
        <v>2850074</v>
      </c>
      <c r="B389" t="s">
        <v>0</v>
      </c>
      <c r="C389" t="s">
        <v>303</v>
      </c>
      <c r="D389" t="s">
        <v>385</v>
      </c>
    </row>
    <row r="390" spans="1:4" x14ac:dyDescent="0.4">
      <c r="A390">
        <v>2850002</v>
      </c>
      <c r="B390" t="s">
        <v>0</v>
      </c>
      <c r="C390" t="s">
        <v>303</v>
      </c>
      <c r="D390" t="s">
        <v>386</v>
      </c>
    </row>
    <row r="391" spans="1:4" x14ac:dyDescent="0.4">
      <c r="A391">
        <v>2850867</v>
      </c>
      <c r="B391" t="s">
        <v>0</v>
      </c>
      <c r="C391" t="s">
        <v>303</v>
      </c>
      <c r="D391" t="s">
        <v>202</v>
      </c>
    </row>
    <row r="392" spans="1:4" x14ac:dyDescent="0.4">
      <c r="A392">
        <v>2850833</v>
      </c>
      <c r="B392" t="s">
        <v>0</v>
      </c>
      <c r="C392" t="s">
        <v>303</v>
      </c>
      <c r="D392" t="s">
        <v>387</v>
      </c>
    </row>
    <row r="393" spans="1:4" x14ac:dyDescent="0.4">
      <c r="A393">
        <v>2850814</v>
      </c>
      <c r="B393" t="s">
        <v>0</v>
      </c>
      <c r="C393" t="s">
        <v>303</v>
      </c>
      <c r="D393" t="s">
        <v>388</v>
      </c>
    </row>
    <row r="394" spans="1:4" x14ac:dyDescent="0.4">
      <c r="A394">
        <v>2850036</v>
      </c>
      <c r="B394" t="s">
        <v>0</v>
      </c>
      <c r="C394" t="s">
        <v>303</v>
      </c>
      <c r="D394" t="s">
        <v>389</v>
      </c>
    </row>
    <row r="395" spans="1:4" x14ac:dyDescent="0.4">
      <c r="A395">
        <v>2850042</v>
      </c>
      <c r="B395" t="s">
        <v>0</v>
      </c>
      <c r="C395" t="s">
        <v>303</v>
      </c>
      <c r="D395" t="s">
        <v>390</v>
      </c>
    </row>
    <row r="396" spans="1:4" x14ac:dyDescent="0.4">
      <c r="A396">
        <v>2850851</v>
      </c>
      <c r="B396" t="s">
        <v>0</v>
      </c>
      <c r="C396" t="s">
        <v>303</v>
      </c>
      <c r="D396" t="s">
        <v>391</v>
      </c>
    </row>
    <row r="397" spans="1:4" x14ac:dyDescent="0.4">
      <c r="A397">
        <v>2850804</v>
      </c>
      <c r="B397" t="s">
        <v>0</v>
      </c>
      <c r="C397" t="s">
        <v>303</v>
      </c>
      <c r="D397" t="s">
        <v>392</v>
      </c>
    </row>
    <row r="398" spans="1:4" x14ac:dyDescent="0.4">
      <c r="A398">
        <v>2850865</v>
      </c>
      <c r="B398" t="s">
        <v>0</v>
      </c>
      <c r="C398" t="s">
        <v>303</v>
      </c>
      <c r="D398" t="s">
        <v>393</v>
      </c>
    </row>
    <row r="399" spans="1:4" x14ac:dyDescent="0.4">
      <c r="A399">
        <v>2850859</v>
      </c>
      <c r="B399" t="s">
        <v>0</v>
      </c>
      <c r="C399" t="s">
        <v>303</v>
      </c>
      <c r="D399" t="s">
        <v>394</v>
      </c>
    </row>
    <row r="400" spans="1:4" x14ac:dyDescent="0.4">
      <c r="A400">
        <v>2850075</v>
      </c>
      <c r="B400" t="s">
        <v>0</v>
      </c>
      <c r="C400" t="s">
        <v>303</v>
      </c>
      <c r="D400" t="s">
        <v>395</v>
      </c>
    </row>
    <row r="401" spans="1:4" x14ac:dyDescent="0.4">
      <c r="A401">
        <v>2850016</v>
      </c>
      <c r="B401" t="s">
        <v>0</v>
      </c>
      <c r="C401" t="s">
        <v>303</v>
      </c>
      <c r="D401" t="s">
        <v>396</v>
      </c>
    </row>
    <row r="402" spans="1:4" x14ac:dyDescent="0.4">
      <c r="A402">
        <v>2850857</v>
      </c>
      <c r="B402" t="s">
        <v>0</v>
      </c>
      <c r="C402" t="s">
        <v>303</v>
      </c>
      <c r="D402" t="s">
        <v>397</v>
      </c>
    </row>
    <row r="403" spans="1:4" x14ac:dyDescent="0.4">
      <c r="A403">
        <v>2850005</v>
      </c>
      <c r="B403" t="s">
        <v>0</v>
      </c>
      <c r="C403" t="s">
        <v>303</v>
      </c>
      <c r="D403" t="s">
        <v>398</v>
      </c>
    </row>
    <row r="404" spans="1:4" x14ac:dyDescent="0.4">
      <c r="A404">
        <v>2850063</v>
      </c>
      <c r="B404" t="s">
        <v>0</v>
      </c>
      <c r="C404" t="s">
        <v>303</v>
      </c>
      <c r="D404" t="s">
        <v>399</v>
      </c>
    </row>
    <row r="405" spans="1:4" x14ac:dyDescent="0.4">
      <c r="A405">
        <v>2850038</v>
      </c>
      <c r="B405" t="s">
        <v>0</v>
      </c>
      <c r="C405" t="s">
        <v>303</v>
      </c>
      <c r="D405" t="s">
        <v>400</v>
      </c>
    </row>
    <row r="406" spans="1:4" x14ac:dyDescent="0.4">
      <c r="A406">
        <v>2850812</v>
      </c>
      <c r="B406" t="s">
        <v>0</v>
      </c>
      <c r="C406" t="s">
        <v>303</v>
      </c>
      <c r="D406" t="s">
        <v>401</v>
      </c>
    </row>
    <row r="407" spans="1:4" x14ac:dyDescent="0.4">
      <c r="A407">
        <v>2850021</v>
      </c>
      <c r="B407" t="s">
        <v>0</v>
      </c>
      <c r="C407" t="s">
        <v>303</v>
      </c>
      <c r="D407" t="s">
        <v>402</v>
      </c>
    </row>
    <row r="408" spans="1:4" x14ac:dyDescent="0.4">
      <c r="A408">
        <v>2850037</v>
      </c>
      <c r="B408" t="s">
        <v>0</v>
      </c>
      <c r="C408" t="s">
        <v>303</v>
      </c>
      <c r="D408" t="s">
        <v>403</v>
      </c>
    </row>
    <row r="409" spans="1:4" x14ac:dyDescent="0.4">
      <c r="A409">
        <v>2850052</v>
      </c>
      <c r="B409" t="s">
        <v>0</v>
      </c>
      <c r="C409" t="s">
        <v>303</v>
      </c>
      <c r="D409" t="s">
        <v>404</v>
      </c>
    </row>
    <row r="410" spans="1:4" x14ac:dyDescent="0.4">
      <c r="A410">
        <v>2850039</v>
      </c>
      <c r="B410" t="s">
        <v>0</v>
      </c>
      <c r="C410" t="s">
        <v>303</v>
      </c>
      <c r="D410" t="s">
        <v>405</v>
      </c>
    </row>
    <row r="411" spans="1:4" x14ac:dyDescent="0.4">
      <c r="A411">
        <v>2850011</v>
      </c>
      <c r="B411" t="s">
        <v>0</v>
      </c>
      <c r="C411" t="s">
        <v>303</v>
      </c>
      <c r="D411" t="s">
        <v>406</v>
      </c>
    </row>
    <row r="412" spans="1:4" x14ac:dyDescent="0.4">
      <c r="A412">
        <v>2850858</v>
      </c>
      <c r="B412" t="s">
        <v>0</v>
      </c>
      <c r="C412" t="s">
        <v>303</v>
      </c>
      <c r="D412" t="s">
        <v>407</v>
      </c>
    </row>
    <row r="413" spans="1:4" x14ac:dyDescent="0.4">
      <c r="A413">
        <v>2850834</v>
      </c>
      <c r="B413" t="s">
        <v>0</v>
      </c>
      <c r="C413" t="s">
        <v>303</v>
      </c>
      <c r="D413" t="s">
        <v>408</v>
      </c>
    </row>
    <row r="414" spans="1:4" x14ac:dyDescent="0.4">
      <c r="A414">
        <v>2830000</v>
      </c>
      <c r="B414" t="s">
        <v>0</v>
      </c>
      <c r="C414" t="s">
        <v>409</v>
      </c>
    </row>
    <row r="415" spans="1:4" x14ac:dyDescent="0.4">
      <c r="A415">
        <v>2830035</v>
      </c>
      <c r="B415" t="s">
        <v>0</v>
      </c>
      <c r="C415" t="s">
        <v>409</v>
      </c>
      <c r="D415" t="s">
        <v>410</v>
      </c>
    </row>
    <row r="416" spans="1:4" x14ac:dyDescent="0.4">
      <c r="A416">
        <v>2830032</v>
      </c>
      <c r="B416" t="s">
        <v>0</v>
      </c>
      <c r="C416" t="s">
        <v>409</v>
      </c>
      <c r="D416" t="s">
        <v>411</v>
      </c>
    </row>
    <row r="417" spans="1:4" x14ac:dyDescent="0.4">
      <c r="A417">
        <v>2830001</v>
      </c>
      <c r="B417" t="s">
        <v>0</v>
      </c>
      <c r="C417" t="s">
        <v>409</v>
      </c>
      <c r="D417" t="s">
        <v>412</v>
      </c>
    </row>
    <row r="418" spans="1:4" x14ac:dyDescent="0.4">
      <c r="A418">
        <v>2830056</v>
      </c>
      <c r="B418" t="s">
        <v>0</v>
      </c>
      <c r="C418" t="s">
        <v>409</v>
      </c>
      <c r="D418" t="s">
        <v>413</v>
      </c>
    </row>
    <row r="419" spans="1:4" x14ac:dyDescent="0.4">
      <c r="A419">
        <v>2830057</v>
      </c>
      <c r="B419" t="s">
        <v>0</v>
      </c>
      <c r="C419" t="s">
        <v>409</v>
      </c>
      <c r="D419" t="s">
        <v>414</v>
      </c>
    </row>
    <row r="420" spans="1:4" x14ac:dyDescent="0.4">
      <c r="A420">
        <v>2830046</v>
      </c>
      <c r="B420" t="s">
        <v>0</v>
      </c>
      <c r="C420" t="s">
        <v>409</v>
      </c>
      <c r="D420" t="s">
        <v>415</v>
      </c>
    </row>
    <row r="421" spans="1:4" x14ac:dyDescent="0.4">
      <c r="A421">
        <v>2830034</v>
      </c>
      <c r="B421" t="s">
        <v>0</v>
      </c>
      <c r="C421" t="s">
        <v>409</v>
      </c>
      <c r="D421" t="s">
        <v>416</v>
      </c>
    </row>
    <row r="422" spans="1:4" x14ac:dyDescent="0.4">
      <c r="A422">
        <v>2830051</v>
      </c>
      <c r="B422" t="s">
        <v>0</v>
      </c>
      <c r="C422" t="s">
        <v>409</v>
      </c>
      <c r="D422" t="s">
        <v>417</v>
      </c>
    </row>
    <row r="423" spans="1:4" x14ac:dyDescent="0.4">
      <c r="A423">
        <v>2830826</v>
      </c>
      <c r="B423" t="s">
        <v>0</v>
      </c>
      <c r="C423" t="s">
        <v>409</v>
      </c>
      <c r="D423" t="s">
        <v>418</v>
      </c>
    </row>
    <row r="424" spans="1:4" x14ac:dyDescent="0.4">
      <c r="A424">
        <v>2830065</v>
      </c>
      <c r="B424" t="s">
        <v>0</v>
      </c>
      <c r="C424" t="s">
        <v>409</v>
      </c>
      <c r="D424" t="s">
        <v>419</v>
      </c>
    </row>
    <row r="425" spans="1:4" x14ac:dyDescent="0.4">
      <c r="A425">
        <v>2830821</v>
      </c>
      <c r="B425" t="s">
        <v>0</v>
      </c>
      <c r="C425" t="s">
        <v>409</v>
      </c>
      <c r="D425" t="s">
        <v>420</v>
      </c>
    </row>
    <row r="426" spans="1:4" x14ac:dyDescent="0.4">
      <c r="A426">
        <v>2830062</v>
      </c>
      <c r="B426" t="s">
        <v>0</v>
      </c>
      <c r="C426" t="s">
        <v>409</v>
      </c>
      <c r="D426" t="s">
        <v>421</v>
      </c>
    </row>
    <row r="427" spans="1:4" x14ac:dyDescent="0.4">
      <c r="A427">
        <v>2830834</v>
      </c>
      <c r="B427" t="s">
        <v>0</v>
      </c>
      <c r="C427" t="s">
        <v>409</v>
      </c>
      <c r="D427" t="s">
        <v>422</v>
      </c>
    </row>
    <row r="428" spans="1:4" x14ac:dyDescent="0.4">
      <c r="A428">
        <v>2830011</v>
      </c>
      <c r="B428" t="s">
        <v>0</v>
      </c>
      <c r="C428" t="s">
        <v>409</v>
      </c>
      <c r="D428" t="s">
        <v>423</v>
      </c>
    </row>
    <row r="429" spans="1:4" x14ac:dyDescent="0.4">
      <c r="A429">
        <v>2830064</v>
      </c>
      <c r="B429" t="s">
        <v>0</v>
      </c>
      <c r="C429" t="s">
        <v>409</v>
      </c>
      <c r="D429" t="s">
        <v>424</v>
      </c>
    </row>
    <row r="430" spans="1:4" x14ac:dyDescent="0.4">
      <c r="A430">
        <v>2830047</v>
      </c>
      <c r="B430" t="s">
        <v>0</v>
      </c>
      <c r="C430" t="s">
        <v>409</v>
      </c>
      <c r="D430" t="s">
        <v>425</v>
      </c>
    </row>
    <row r="431" spans="1:4" x14ac:dyDescent="0.4">
      <c r="A431">
        <v>2830061</v>
      </c>
      <c r="B431" t="s">
        <v>0</v>
      </c>
      <c r="C431" t="s">
        <v>409</v>
      </c>
      <c r="D431" t="s">
        <v>426</v>
      </c>
    </row>
    <row r="432" spans="1:4" x14ac:dyDescent="0.4">
      <c r="A432">
        <v>2830822</v>
      </c>
      <c r="B432" t="s">
        <v>0</v>
      </c>
      <c r="C432" t="s">
        <v>409</v>
      </c>
      <c r="D432" t="s">
        <v>427</v>
      </c>
    </row>
    <row r="433" spans="1:4" x14ac:dyDescent="0.4">
      <c r="A433">
        <v>2830002</v>
      </c>
      <c r="B433" t="s">
        <v>0</v>
      </c>
      <c r="C433" t="s">
        <v>409</v>
      </c>
      <c r="D433" t="s">
        <v>428</v>
      </c>
    </row>
    <row r="434" spans="1:4" x14ac:dyDescent="0.4">
      <c r="A434">
        <v>2830048</v>
      </c>
      <c r="B434" t="s">
        <v>0</v>
      </c>
      <c r="C434" t="s">
        <v>409</v>
      </c>
      <c r="D434" t="s">
        <v>240</v>
      </c>
    </row>
    <row r="435" spans="1:4" x14ac:dyDescent="0.4">
      <c r="A435">
        <v>2830835</v>
      </c>
      <c r="B435" t="s">
        <v>0</v>
      </c>
      <c r="C435" t="s">
        <v>409</v>
      </c>
      <c r="D435" t="s">
        <v>429</v>
      </c>
    </row>
    <row r="436" spans="1:4" x14ac:dyDescent="0.4">
      <c r="A436">
        <v>2830044</v>
      </c>
      <c r="B436" t="s">
        <v>0</v>
      </c>
      <c r="C436" t="s">
        <v>409</v>
      </c>
      <c r="D436" t="s">
        <v>430</v>
      </c>
    </row>
    <row r="437" spans="1:4" x14ac:dyDescent="0.4">
      <c r="A437">
        <v>2830013</v>
      </c>
      <c r="B437" t="s">
        <v>0</v>
      </c>
      <c r="C437" t="s">
        <v>409</v>
      </c>
      <c r="D437" t="s">
        <v>431</v>
      </c>
    </row>
    <row r="438" spans="1:4" x14ac:dyDescent="0.4">
      <c r="A438">
        <v>2830012</v>
      </c>
      <c r="B438" t="s">
        <v>0</v>
      </c>
      <c r="C438" t="s">
        <v>409</v>
      </c>
      <c r="D438" t="s">
        <v>432</v>
      </c>
    </row>
    <row r="439" spans="1:4" x14ac:dyDescent="0.4">
      <c r="A439">
        <v>2830054</v>
      </c>
      <c r="B439" t="s">
        <v>0</v>
      </c>
      <c r="C439" t="s">
        <v>409</v>
      </c>
      <c r="D439" t="s">
        <v>433</v>
      </c>
    </row>
    <row r="440" spans="1:4" x14ac:dyDescent="0.4">
      <c r="A440">
        <v>2830033</v>
      </c>
      <c r="B440" t="s">
        <v>0</v>
      </c>
      <c r="C440" t="s">
        <v>409</v>
      </c>
      <c r="D440" t="s">
        <v>434</v>
      </c>
    </row>
    <row r="441" spans="1:4" x14ac:dyDescent="0.4">
      <c r="A441">
        <v>2830831</v>
      </c>
      <c r="B441" t="s">
        <v>0</v>
      </c>
      <c r="C441" t="s">
        <v>409</v>
      </c>
      <c r="D441" t="s">
        <v>435</v>
      </c>
    </row>
    <row r="442" spans="1:4" x14ac:dyDescent="0.4">
      <c r="A442">
        <v>2830031</v>
      </c>
      <c r="B442" t="s">
        <v>0</v>
      </c>
      <c r="C442" t="s">
        <v>409</v>
      </c>
      <c r="D442" t="s">
        <v>436</v>
      </c>
    </row>
    <row r="443" spans="1:4" x14ac:dyDescent="0.4">
      <c r="A443">
        <v>2830014</v>
      </c>
      <c r="B443" t="s">
        <v>0</v>
      </c>
      <c r="C443" t="s">
        <v>409</v>
      </c>
      <c r="D443" t="s">
        <v>437</v>
      </c>
    </row>
    <row r="444" spans="1:4" x14ac:dyDescent="0.4">
      <c r="A444">
        <v>2830038</v>
      </c>
      <c r="B444" t="s">
        <v>0</v>
      </c>
      <c r="C444" t="s">
        <v>409</v>
      </c>
      <c r="D444" t="s">
        <v>438</v>
      </c>
    </row>
    <row r="445" spans="1:4" x14ac:dyDescent="0.4">
      <c r="A445">
        <v>2830811</v>
      </c>
      <c r="B445" t="s">
        <v>0</v>
      </c>
      <c r="C445" t="s">
        <v>409</v>
      </c>
      <c r="D445" t="s">
        <v>439</v>
      </c>
    </row>
    <row r="446" spans="1:4" x14ac:dyDescent="0.4">
      <c r="A446">
        <v>2830022</v>
      </c>
      <c r="B446" t="s">
        <v>0</v>
      </c>
      <c r="C446" t="s">
        <v>409</v>
      </c>
      <c r="D446" t="s">
        <v>440</v>
      </c>
    </row>
    <row r="447" spans="1:4" x14ac:dyDescent="0.4">
      <c r="A447">
        <v>2830825</v>
      </c>
      <c r="B447" t="s">
        <v>0</v>
      </c>
      <c r="C447" t="s">
        <v>409</v>
      </c>
      <c r="D447" t="s">
        <v>441</v>
      </c>
    </row>
    <row r="448" spans="1:4" x14ac:dyDescent="0.4">
      <c r="A448">
        <v>2830833</v>
      </c>
      <c r="B448" t="s">
        <v>0</v>
      </c>
      <c r="C448" t="s">
        <v>409</v>
      </c>
      <c r="D448" t="s">
        <v>442</v>
      </c>
    </row>
    <row r="449" spans="1:4" x14ac:dyDescent="0.4">
      <c r="A449">
        <v>2830814</v>
      </c>
      <c r="B449" t="s">
        <v>0</v>
      </c>
      <c r="C449" t="s">
        <v>409</v>
      </c>
      <c r="D449" t="s">
        <v>443</v>
      </c>
    </row>
    <row r="450" spans="1:4" x14ac:dyDescent="0.4">
      <c r="A450">
        <v>2830005</v>
      </c>
      <c r="B450" t="s">
        <v>0</v>
      </c>
      <c r="C450" t="s">
        <v>409</v>
      </c>
      <c r="D450" t="s">
        <v>444</v>
      </c>
    </row>
    <row r="451" spans="1:4" x14ac:dyDescent="0.4">
      <c r="A451">
        <v>2830824</v>
      </c>
      <c r="B451" t="s">
        <v>0</v>
      </c>
      <c r="C451" t="s">
        <v>409</v>
      </c>
      <c r="D451" t="s">
        <v>445</v>
      </c>
    </row>
    <row r="452" spans="1:4" x14ac:dyDescent="0.4">
      <c r="A452">
        <v>2830802</v>
      </c>
      <c r="B452" t="s">
        <v>0</v>
      </c>
      <c r="C452" t="s">
        <v>409</v>
      </c>
      <c r="D452" t="s">
        <v>446</v>
      </c>
    </row>
    <row r="453" spans="1:4" x14ac:dyDescent="0.4">
      <c r="A453">
        <v>2830003</v>
      </c>
      <c r="B453" t="s">
        <v>0</v>
      </c>
      <c r="C453" t="s">
        <v>409</v>
      </c>
      <c r="D453" t="s">
        <v>447</v>
      </c>
    </row>
    <row r="454" spans="1:4" x14ac:dyDescent="0.4">
      <c r="A454">
        <v>2830025</v>
      </c>
      <c r="B454" t="s">
        <v>0</v>
      </c>
      <c r="C454" t="s">
        <v>409</v>
      </c>
      <c r="D454" t="s">
        <v>448</v>
      </c>
    </row>
    <row r="455" spans="1:4" x14ac:dyDescent="0.4">
      <c r="A455">
        <v>2830026</v>
      </c>
      <c r="B455" t="s">
        <v>0</v>
      </c>
      <c r="C455" t="s">
        <v>409</v>
      </c>
      <c r="D455" t="s">
        <v>194</v>
      </c>
    </row>
    <row r="456" spans="1:4" x14ac:dyDescent="0.4">
      <c r="A456">
        <v>2830045</v>
      </c>
      <c r="B456" t="s">
        <v>0</v>
      </c>
      <c r="C456" t="s">
        <v>409</v>
      </c>
      <c r="D456" t="s">
        <v>449</v>
      </c>
    </row>
    <row r="457" spans="1:4" x14ac:dyDescent="0.4">
      <c r="A457">
        <v>2830042</v>
      </c>
      <c r="B457" t="s">
        <v>0</v>
      </c>
      <c r="C457" t="s">
        <v>409</v>
      </c>
      <c r="D457" t="s">
        <v>450</v>
      </c>
    </row>
    <row r="458" spans="1:4" x14ac:dyDescent="0.4">
      <c r="A458">
        <v>2830816</v>
      </c>
      <c r="B458" t="s">
        <v>0</v>
      </c>
      <c r="C458" t="s">
        <v>409</v>
      </c>
      <c r="D458" t="s">
        <v>451</v>
      </c>
    </row>
    <row r="459" spans="1:4" x14ac:dyDescent="0.4">
      <c r="A459">
        <v>2830052</v>
      </c>
      <c r="B459" t="s">
        <v>0</v>
      </c>
      <c r="C459" t="s">
        <v>409</v>
      </c>
      <c r="D459" t="s">
        <v>452</v>
      </c>
    </row>
    <row r="460" spans="1:4" x14ac:dyDescent="0.4">
      <c r="A460">
        <v>2830068</v>
      </c>
      <c r="B460" t="s">
        <v>0</v>
      </c>
      <c r="C460" t="s">
        <v>409</v>
      </c>
      <c r="D460" t="s">
        <v>453</v>
      </c>
    </row>
    <row r="461" spans="1:4" x14ac:dyDescent="0.4">
      <c r="A461">
        <v>2830067</v>
      </c>
      <c r="B461" t="s">
        <v>0</v>
      </c>
      <c r="C461" t="s">
        <v>409</v>
      </c>
      <c r="D461" t="s">
        <v>454</v>
      </c>
    </row>
    <row r="462" spans="1:4" x14ac:dyDescent="0.4">
      <c r="A462">
        <v>2830006</v>
      </c>
      <c r="B462" t="s">
        <v>0</v>
      </c>
      <c r="C462" t="s">
        <v>409</v>
      </c>
      <c r="D462" t="s">
        <v>455</v>
      </c>
    </row>
    <row r="463" spans="1:4" x14ac:dyDescent="0.4">
      <c r="A463">
        <v>2830021</v>
      </c>
      <c r="B463" t="s">
        <v>0</v>
      </c>
      <c r="C463" t="s">
        <v>409</v>
      </c>
      <c r="D463" t="s">
        <v>456</v>
      </c>
    </row>
    <row r="464" spans="1:4" x14ac:dyDescent="0.4">
      <c r="A464">
        <v>2830053</v>
      </c>
      <c r="B464" t="s">
        <v>0</v>
      </c>
      <c r="C464" t="s">
        <v>409</v>
      </c>
      <c r="D464" t="s">
        <v>457</v>
      </c>
    </row>
    <row r="465" spans="1:4" x14ac:dyDescent="0.4">
      <c r="A465">
        <v>2830016</v>
      </c>
      <c r="B465" t="s">
        <v>0</v>
      </c>
      <c r="C465" t="s">
        <v>409</v>
      </c>
      <c r="D465" t="s">
        <v>458</v>
      </c>
    </row>
    <row r="466" spans="1:4" x14ac:dyDescent="0.4">
      <c r="A466">
        <v>2830803</v>
      </c>
      <c r="B466" t="s">
        <v>0</v>
      </c>
      <c r="C466" t="s">
        <v>409</v>
      </c>
      <c r="D466" t="s">
        <v>459</v>
      </c>
    </row>
    <row r="467" spans="1:4" x14ac:dyDescent="0.4">
      <c r="A467">
        <v>2830041</v>
      </c>
      <c r="B467" t="s">
        <v>0</v>
      </c>
      <c r="C467" t="s">
        <v>409</v>
      </c>
      <c r="D467" t="s">
        <v>460</v>
      </c>
    </row>
    <row r="468" spans="1:4" x14ac:dyDescent="0.4">
      <c r="A468">
        <v>2830812</v>
      </c>
      <c r="B468" t="s">
        <v>0</v>
      </c>
      <c r="C468" t="s">
        <v>409</v>
      </c>
      <c r="D468" t="s">
        <v>461</v>
      </c>
    </row>
    <row r="469" spans="1:4" x14ac:dyDescent="0.4">
      <c r="A469">
        <v>2830043</v>
      </c>
      <c r="B469" t="s">
        <v>0</v>
      </c>
      <c r="C469" t="s">
        <v>409</v>
      </c>
      <c r="D469" t="s">
        <v>462</v>
      </c>
    </row>
    <row r="470" spans="1:4" x14ac:dyDescent="0.4">
      <c r="A470">
        <v>2830004</v>
      </c>
      <c r="B470" t="s">
        <v>0</v>
      </c>
      <c r="C470" t="s">
        <v>409</v>
      </c>
      <c r="D470" t="s">
        <v>463</v>
      </c>
    </row>
    <row r="471" spans="1:4" x14ac:dyDescent="0.4">
      <c r="A471">
        <v>2830036</v>
      </c>
      <c r="B471" t="s">
        <v>0</v>
      </c>
      <c r="C471" t="s">
        <v>409</v>
      </c>
      <c r="D471" t="s">
        <v>464</v>
      </c>
    </row>
    <row r="472" spans="1:4" x14ac:dyDescent="0.4">
      <c r="A472">
        <v>2830037</v>
      </c>
      <c r="B472" t="s">
        <v>0</v>
      </c>
      <c r="C472" t="s">
        <v>409</v>
      </c>
      <c r="D472" t="s">
        <v>465</v>
      </c>
    </row>
    <row r="473" spans="1:4" x14ac:dyDescent="0.4">
      <c r="A473">
        <v>2830063</v>
      </c>
      <c r="B473" t="s">
        <v>0</v>
      </c>
      <c r="C473" t="s">
        <v>409</v>
      </c>
      <c r="D473" t="s">
        <v>466</v>
      </c>
    </row>
    <row r="474" spans="1:4" x14ac:dyDescent="0.4">
      <c r="A474">
        <v>2830027</v>
      </c>
      <c r="B474" t="s">
        <v>0</v>
      </c>
      <c r="C474" t="s">
        <v>409</v>
      </c>
      <c r="D474" t="s">
        <v>467</v>
      </c>
    </row>
    <row r="475" spans="1:4" x14ac:dyDescent="0.4">
      <c r="A475">
        <v>2830015</v>
      </c>
      <c r="B475" t="s">
        <v>0</v>
      </c>
      <c r="C475" t="s">
        <v>409</v>
      </c>
      <c r="D475" t="s">
        <v>468</v>
      </c>
    </row>
    <row r="476" spans="1:4" x14ac:dyDescent="0.4">
      <c r="A476">
        <v>2830805</v>
      </c>
      <c r="B476" t="s">
        <v>0</v>
      </c>
      <c r="C476" t="s">
        <v>409</v>
      </c>
      <c r="D476" t="s">
        <v>469</v>
      </c>
    </row>
    <row r="477" spans="1:4" x14ac:dyDescent="0.4">
      <c r="A477">
        <v>2830815</v>
      </c>
      <c r="B477" t="s">
        <v>0</v>
      </c>
      <c r="C477" t="s">
        <v>409</v>
      </c>
      <c r="D477" t="s">
        <v>470</v>
      </c>
    </row>
    <row r="478" spans="1:4" x14ac:dyDescent="0.4">
      <c r="A478">
        <v>2830028</v>
      </c>
      <c r="B478" t="s">
        <v>0</v>
      </c>
      <c r="C478" t="s">
        <v>409</v>
      </c>
      <c r="D478" t="s">
        <v>471</v>
      </c>
    </row>
    <row r="479" spans="1:4" x14ac:dyDescent="0.4">
      <c r="A479">
        <v>2830832</v>
      </c>
      <c r="B479" t="s">
        <v>0</v>
      </c>
      <c r="C479" t="s">
        <v>409</v>
      </c>
      <c r="D479" t="s">
        <v>472</v>
      </c>
    </row>
    <row r="480" spans="1:4" x14ac:dyDescent="0.4">
      <c r="A480">
        <v>2830024</v>
      </c>
      <c r="B480" t="s">
        <v>0</v>
      </c>
      <c r="C480" t="s">
        <v>409</v>
      </c>
      <c r="D480" t="s">
        <v>473</v>
      </c>
    </row>
    <row r="481" spans="1:4" x14ac:dyDescent="0.4">
      <c r="A481">
        <v>2830066</v>
      </c>
      <c r="B481" t="s">
        <v>0</v>
      </c>
      <c r="C481" t="s">
        <v>409</v>
      </c>
      <c r="D481" t="s">
        <v>474</v>
      </c>
    </row>
    <row r="482" spans="1:4" x14ac:dyDescent="0.4">
      <c r="A482">
        <v>2830023</v>
      </c>
      <c r="B482" t="s">
        <v>0</v>
      </c>
      <c r="C482" t="s">
        <v>409</v>
      </c>
      <c r="D482" t="s">
        <v>475</v>
      </c>
    </row>
    <row r="483" spans="1:4" x14ac:dyDescent="0.4">
      <c r="A483">
        <v>2770831</v>
      </c>
      <c r="B483" t="s">
        <v>0</v>
      </c>
      <c r="C483" t="s">
        <v>476</v>
      </c>
      <c r="D483" t="s">
        <v>477</v>
      </c>
    </row>
    <row r="484" spans="1:4" x14ac:dyDescent="0.4">
      <c r="A484">
        <v>2770833</v>
      </c>
      <c r="B484" t="s">
        <v>0</v>
      </c>
      <c r="C484" t="s">
        <v>476</v>
      </c>
      <c r="D484" t="s">
        <v>478</v>
      </c>
    </row>
    <row r="485" spans="1:4" x14ac:dyDescent="0.4">
      <c r="A485">
        <v>2770016</v>
      </c>
      <c r="B485" t="s">
        <v>0</v>
      </c>
      <c r="C485" t="s">
        <v>476</v>
      </c>
      <c r="D485" t="s">
        <v>479</v>
      </c>
    </row>
    <row r="486" spans="1:4" x14ac:dyDescent="0.4">
      <c r="A486">
        <v>2770812</v>
      </c>
      <c r="B486" t="s">
        <v>0</v>
      </c>
      <c r="C486" t="s">
        <v>476</v>
      </c>
      <c r="D486" t="s">
        <v>480</v>
      </c>
    </row>
    <row r="487" spans="1:4" x14ac:dyDescent="0.4">
      <c r="A487">
        <v>2770065</v>
      </c>
      <c r="B487" t="s">
        <v>0</v>
      </c>
      <c r="C487" t="s">
        <v>476</v>
      </c>
      <c r="D487" t="s">
        <v>481</v>
      </c>
    </row>
    <row r="488" spans="1:4" x14ac:dyDescent="0.4">
      <c r="A488">
        <v>2770062</v>
      </c>
      <c r="B488" t="s">
        <v>0</v>
      </c>
      <c r="C488" t="s">
        <v>476</v>
      </c>
      <c r="D488" t="s">
        <v>482</v>
      </c>
    </row>
    <row r="489" spans="1:4" x14ac:dyDescent="0.4">
      <c r="A489">
        <v>2770017</v>
      </c>
      <c r="B489" t="s">
        <v>0</v>
      </c>
      <c r="C489" t="s">
        <v>476</v>
      </c>
      <c r="D489" t="s">
        <v>483</v>
      </c>
    </row>
    <row r="490" spans="1:4" x14ac:dyDescent="0.4">
      <c r="A490">
        <v>2770045</v>
      </c>
      <c r="B490" t="s">
        <v>0</v>
      </c>
      <c r="C490" t="s">
        <v>476</v>
      </c>
      <c r="D490" t="s">
        <v>484</v>
      </c>
    </row>
    <row r="491" spans="1:4" x14ac:dyDescent="0.4">
      <c r="A491">
        <v>2770061</v>
      </c>
      <c r="B491" t="s">
        <v>0</v>
      </c>
      <c r="C491" t="s">
        <v>476</v>
      </c>
      <c r="D491" t="s">
        <v>485</v>
      </c>
    </row>
    <row r="492" spans="1:4" x14ac:dyDescent="0.4">
      <c r="A492">
        <v>2770064</v>
      </c>
      <c r="B492" t="s">
        <v>0</v>
      </c>
      <c r="C492" t="s">
        <v>476</v>
      </c>
      <c r="D492" t="s">
        <v>486</v>
      </c>
    </row>
    <row r="493" spans="1:4" x14ac:dyDescent="0.4">
      <c r="A493">
        <v>2770083</v>
      </c>
      <c r="B493" t="s">
        <v>0</v>
      </c>
      <c r="C493" t="s">
        <v>476</v>
      </c>
      <c r="D493" t="s">
        <v>487</v>
      </c>
    </row>
    <row r="494" spans="1:4" x14ac:dyDescent="0.4">
      <c r="A494">
        <v>2770088</v>
      </c>
      <c r="B494" t="s">
        <v>0</v>
      </c>
      <c r="C494" t="s">
        <v>476</v>
      </c>
      <c r="D494" t="s">
        <v>488</v>
      </c>
    </row>
    <row r="495" spans="1:4" x14ac:dyDescent="0.4">
      <c r="A495">
        <v>2770931</v>
      </c>
      <c r="B495" t="s">
        <v>0</v>
      </c>
      <c r="C495" t="s">
        <v>476</v>
      </c>
      <c r="D495" t="s">
        <v>489</v>
      </c>
    </row>
    <row r="496" spans="1:4" x14ac:dyDescent="0.4">
      <c r="A496">
        <v>2770932</v>
      </c>
      <c r="B496" t="s">
        <v>0</v>
      </c>
      <c r="C496" t="s">
        <v>476</v>
      </c>
      <c r="D496" t="s">
        <v>490</v>
      </c>
    </row>
    <row r="497" spans="1:4" x14ac:dyDescent="0.4">
      <c r="A497">
        <v>2770034</v>
      </c>
      <c r="B497" t="s">
        <v>0</v>
      </c>
      <c r="C497" t="s">
        <v>476</v>
      </c>
      <c r="D497" t="s">
        <v>491</v>
      </c>
    </row>
    <row r="498" spans="1:4" x14ac:dyDescent="0.4">
      <c r="A498">
        <v>2770825</v>
      </c>
      <c r="B498" t="s">
        <v>0</v>
      </c>
      <c r="C498" t="s">
        <v>476</v>
      </c>
      <c r="D498" t="s">
        <v>492</v>
      </c>
    </row>
    <row r="499" spans="1:4" x14ac:dyDescent="0.4">
      <c r="A499">
        <v>2701464</v>
      </c>
      <c r="B499" t="s">
        <v>0</v>
      </c>
      <c r="C499" t="s">
        <v>476</v>
      </c>
      <c r="D499" t="s">
        <v>493</v>
      </c>
    </row>
    <row r="500" spans="1:4" x14ac:dyDescent="0.4">
      <c r="A500">
        <v>2770822</v>
      </c>
      <c r="B500" t="s">
        <v>0</v>
      </c>
      <c r="C500" t="s">
        <v>476</v>
      </c>
      <c r="D500" t="s">
        <v>494</v>
      </c>
    </row>
    <row r="501" spans="1:4" x14ac:dyDescent="0.4">
      <c r="A501">
        <v>2770824</v>
      </c>
      <c r="B501" t="s">
        <v>0</v>
      </c>
      <c r="C501" t="s">
        <v>476</v>
      </c>
      <c r="D501" t="s">
        <v>495</v>
      </c>
    </row>
    <row r="502" spans="1:4" x14ac:dyDescent="0.4">
      <c r="A502">
        <v>2701463</v>
      </c>
      <c r="B502" t="s">
        <v>0</v>
      </c>
      <c r="C502" t="s">
        <v>476</v>
      </c>
      <c r="D502" t="s">
        <v>496</v>
      </c>
    </row>
    <row r="503" spans="1:4" x14ac:dyDescent="0.4">
      <c r="A503">
        <v>2770823</v>
      </c>
      <c r="B503" t="s">
        <v>0</v>
      </c>
      <c r="C503" t="s">
        <v>476</v>
      </c>
      <c r="D503" t="s">
        <v>497</v>
      </c>
    </row>
    <row r="504" spans="1:4" x14ac:dyDescent="0.4">
      <c r="A504">
        <v>2770802</v>
      </c>
      <c r="B504" t="s">
        <v>0</v>
      </c>
      <c r="C504" t="s">
        <v>476</v>
      </c>
      <c r="D504" t="s">
        <v>498</v>
      </c>
    </row>
    <row r="505" spans="1:4" x14ac:dyDescent="0.4">
      <c r="A505">
        <v>2770801</v>
      </c>
      <c r="B505" t="s">
        <v>0</v>
      </c>
      <c r="C505" t="s">
        <v>476</v>
      </c>
      <c r="D505" t="s">
        <v>499</v>
      </c>
    </row>
    <row r="506" spans="1:4" x14ac:dyDescent="0.4">
      <c r="A506">
        <v>2770821</v>
      </c>
      <c r="B506" t="s">
        <v>0</v>
      </c>
      <c r="C506" t="s">
        <v>476</v>
      </c>
      <c r="D506" t="s">
        <v>500</v>
      </c>
    </row>
    <row r="507" spans="1:4" x14ac:dyDescent="0.4">
      <c r="A507">
        <v>2770033</v>
      </c>
      <c r="B507" t="s">
        <v>0</v>
      </c>
      <c r="C507" t="s">
        <v>476</v>
      </c>
      <c r="D507" t="s">
        <v>501</v>
      </c>
    </row>
    <row r="508" spans="1:4" x14ac:dyDescent="0.4">
      <c r="A508">
        <v>2770052</v>
      </c>
      <c r="B508" t="s">
        <v>0</v>
      </c>
      <c r="C508" t="s">
        <v>476</v>
      </c>
      <c r="D508" t="s">
        <v>502</v>
      </c>
    </row>
    <row r="509" spans="1:4" x14ac:dyDescent="0.4">
      <c r="A509">
        <v>2770835</v>
      </c>
      <c r="B509" t="s">
        <v>0</v>
      </c>
      <c r="C509" t="s">
        <v>476</v>
      </c>
      <c r="D509" t="s">
        <v>503</v>
      </c>
    </row>
    <row r="510" spans="1:4" x14ac:dyDescent="0.4">
      <c r="A510">
        <v>2770834</v>
      </c>
      <c r="B510" t="s">
        <v>0</v>
      </c>
      <c r="C510" t="s">
        <v>476</v>
      </c>
      <c r="D510" t="s">
        <v>504</v>
      </c>
    </row>
    <row r="511" spans="1:4" x14ac:dyDescent="0.4">
      <c r="A511">
        <v>2770827</v>
      </c>
      <c r="B511" t="s">
        <v>0</v>
      </c>
      <c r="C511" t="s">
        <v>476</v>
      </c>
      <c r="D511" t="s">
        <v>505</v>
      </c>
    </row>
    <row r="512" spans="1:4" x14ac:dyDescent="0.4">
      <c r="A512">
        <v>2770082</v>
      </c>
      <c r="B512" t="s">
        <v>0</v>
      </c>
      <c r="C512" t="s">
        <v>476</v>
      </c>
      <c r="D512" t="s">
        <v>506</v>
      </c>
    </row>
    <row r="513" spans="1:4" x14ac:dyDescent="0.4">
      <c r="A513">
        <v>2770884</v>
      </c>
      <c r="B513" t="s">
        <v>0</v>
      </c>
      <c r="C513" t="s">
        <v>476</v>
      </c>
      <c r="D513" t="s">
        <v>507</v>
      </c>
    </row>
    <row r="514" spans="1:4" x14ac:dyDescent="0.4">
      <c r="A514">
        <v>2770903</v>
      </c>
      <c r="B514" t="s">
        <v>0</v>
      </c>
      <c r="C514" t="s">
        <v>476</v>
      </c>
      <c r="D514" t="s">
        <v>508</v>
      </c>
    </row>
    <row r="515" spans="1:4" x14ac:dyDescent="0.4">
      <c r="A515">
        <v>2770855</v>
      </c>
      <c r="B515" t="s">
        <v>0</v>
      </c>
      <c r="C515" t="s">
        <v>476</v>
      </c>
      <c r="D515" t="s">
        <v>509</v>
      </c>
    </row>
    <row r="516" spans="1:4" x14ac:dyDescent="0.4">
      <c r="A516">
        <v>2770075</v>
      </c>
      <c r="B516" t="s">
        <v>0</v>
      </c>
      <c r="C516" t="s">
        <v>476</v>
      </c>
      <c r="D516" t="s">
        <v>510</v>
      </c>
    </row>
    <row r="517" spans="1:4" x14ac:dyDescent="0.4">
      <c r="A517">
        <v>2770043</v>
      </c>
      <c r="B517" t="s">
        <v>0</v>
      </c>
      <c r="C517" t="s">
        <v>476</v>
      </c>
      <c r="D517" t="s">
        <v>511</v>
      </c>
    </row>
    <row r="518" spans="1:4" x14ac:dyDescent="0.4">
      <c r="A518">
        <v>2770944</v>
      </c>
      <c r="B518" t="s">
        <v>0</v>
      </c>
      <c r="C518" t="s">
        <v>476</v>
      </c>
      <c r="D518" t="s">
        <v>512</v>
      </c>
    </row>
    <row r="519" spans="1:4" x14ac:dyDescent="0.4">
      <c r="A519">
        <v>2770054</v>
      </c>
      <c r="B519" t="s">
        <v>0</v>
      </c>
      <c r="C519" t="s">
        <v>476</v>
      </c>
      <c r="D519" t="s">
        <v>513</v>
      </c>
    </row>
    <row r="520" spans="1:4" x14ac:dyDescent="0.4">
      <c r="A520">
        <v>2770912</v>
      </c>
      <c r="B520" t="s">
        <v>0</v>
      </c>
      <c r="C520" t="s">
        <v>476</v>
      </c>
      <c r="D520" t="s">
        <v>514</v>
      </c>
    </row>
    <row r="521" spans="1:4" x14ac:dyDescent="0.4">
      <c r="A521">
        <v>2770911</v>
      </c>
      <c r="B521" t="s">
        <v>0</v>
      </c>
      <c r="C521" t="s">
        <v>476</v>
      </c>
      <c r="D521" t="s">
        <v>515</v>
      </c>
    </row>
    <row r="522" spans="1:4" x14ac:dyDescent="0.4">
      <c r="A522">
        <v>2770851</v>
      </c>
      <c r="B522" t="s">
        <v>0</v>
      </c>
      <c r="C522" t="s">
        <v>476</v>
      </c>
      <c r="D522" t="s">
        <v>516</v>
      </c>
    </row>
    <row r="523" spans="1:4" x14ac:dyDescent="0.4">
      <c r="A523">
        <v>2701454</v>
      </c>
      <c r="B523" t="s">
        <v>0</v>
      </c>
      <c r="C523" t="s">
        <v>476</v>
      </c>
      <c r="D523" t="s">
        <v>517</v>
      </c>
    </row>
    <row r="524" spans="1:4" x14ac:dyDescent="0.4">
      <c r="A524">
        <v>2770015</v>
      </c>
      <c r="B524" t="s">
        <v>0</v>
      </c>
      <c r="C524" t="s">
        <v>476</v>
      </c>
      <c r="D524" t="s">
        <v>518</v>
      </c>
    </row>
    <row r="525" spans="1:4" x14ac:dyDescent="0.4">
      <c r="A525">
        <v>2770854</v>
      </c>
      <c r="B525" t="s">
        <v>0</v>
      </c>
      <c r="C525" t="s">
        <v>476</v>
      </c>
      <c r="D525" t="s">
        <v>519</v>
      </c>
    </row>
    <row r="526" spans="1:4" x14ac:dyDescent="0.4">
      <c r="A526">
        <v>2770853</v>
      </c>
      <c r="B526" t="s">
        <v>0</v>
      </c>
      <c r="C526" t="s">
        <v>476</v>
      </c>
      <c r="D526" t="s">
        <v>520</v>
      </c>
    </row>
    <row r="527" spans="1:4" x14ac:dyDescent="0.4">
      <c r="A527">
        <v>2770002</v>
      </c>
      <c r="B527" t="s">
        <v>0</v>
      </c>
      <c r="C527" t="s">
        <v>476</v>
      </c>
      <c r="D527" t="s">
        <v>521</v>
      </c>
    </row>
    <row r="528" spans="1:4" x14ac:dyDescent="0.4">
      <c r="A528">
        <v>2770001</v>
      </c>
      <c r="B528" t="s">
        <v>0</v>
      </c>
      <c r="C528" t="s">
        <v>476</v>
      </c>
      <c r="D528" t="s">
        <v>522</v>
      </c>
    </row>
    <row r="529" spans="1:4" x14ac:dyDescent="0.4">
      <c r="A529">
        <v>2770871</v>
      </c>
      <c r="B529" t="s">
        <v>0</v>
      </c>
      <c r="C529" t="s">
        <v>476</v>
      </c>
      <c r="D529" t="s">
        <v>523</v>
      </c>
    </row>
    <row r="530" spans="1:4" x14ac:dyDescent="0.4">
      <c r="A530">
        <v>2701444</v>
      </c>
      <c r="B530" t="s">
        <v>0</v>
      </c>
      <c r="C530" t="s">
        <v>476</v>
      </c>
      <c r="D530" t="s">
        <v>524</v>
      </c>
    </row>
    <row r="531" spans="1:4" x14ac:dyDescent="0.4">
      <c r="A531">
        <v>2770024</v>
      </c>
      <c r="B531" t="s">
        <v>0</v>
      </c>
      <c r="C531" t="s">
        <v>476</v>
      </c>
      <c r="D531" t="s">
        <v>219</v>
      </c>
    </row>
    <row r="532" spans="1:4" x14ac:dyDescent="0.4">
      <c r="A532">
        <v>2701443</v>
      </c>
      <c r="B532" t="s">
        <v>0</v>
      </c>
      <c r="C532" t="s">
        <v>476</v>
      </c>
      <c r="D532" t="s">
        <v>525</v>
      </c>
    </row>
    <row r="533" spans="1:4" x14ac:dyDescent="0.4">
      <c r="A533">
        <v>2701441</v>
      </c>
      <c r="B533" t="s">
        <v>0</v>
      </c>
      <c r="C533" t="s">
        <v>476</v>
      </c>
      <c r="D533" t="s">
        <v>526</v>
      </c>
    </row>
    <row r="534" spans="1:4" x14ac:dyDescent="0.4">
      <c r="A534">
        <v>2995200</v>
      </c>
      <c r="B534" t="s">
        <v>0</v>
      </c>
      <c r="C534" t="s">
        <v>527</v>
      </c>
    </row>
    <row r="535" spans="1:4" x14ac:dyDescent="0.4">
      <c r="A535">
        <v>2995263</v>
      </c>
      <c r="B535" t="s">
        <v>0</v>
      </c>
      <c r="C535" t="s">
        <v>527</v>
      </c>
      <c r="D535" t="s">
        <v>528</v>
      </c>
    </row>
    <row r="536" spans="1:4" x14ac:dyDescent="0.4">
      <c r="A536">
        <v>2995273</v>
      </c>
      <c r="B536" t="s">
        <v>0</v>
      </c>
      <c r="C536" t="s">
        <v>527</v>
      </c>
      <c r="D536" t="s">
        <v>529</v>
      </c>
    </row>
    <row r="537" spans="1:4" x14ac:dyDescent="0.4">
      <c r="A537">
        <v>2995202</v>
      </c>
      <c r="B537" t="s">
        <v>0</v>
      </c>
      <c r="C537" t="s">
        <v>527</v>
      </c>
      <c r="D537" t="s">
        <v>530</v>
      </c>
    </row>
    <row r="538" spans="1:4" x14ac:dyDescent="0.4">
      <c r="A538">
        <v>2995201</v>
      </c>
      <c r="B538" t="s">
        <v>0</v>
      </c>
      <c r="C538" t="s">
        <v>527</v>
      </c>
      <c r="D538" t="s">
        <v>531</v>
      </c>
    </row>
    <row r="539" spans="1:4" x14ac:dyDescent="0.4">
      <c r="A539">
        <v>2995235</v>
      </c>
      <c r="B539" t="s">
        <v>0</v>
      </c>
      <c r="C539" t="s">
        <v>527</v>
      </c>
      <c r="D539" t="s">
        <v>532</v>
      </c>
    </row>
    <row r="540" spans="1:4" x14ac:dyDescent="0.4">
      <c r="A540">
        <v>2995266</v>
      </c>
      <c r="B540" t="s">
        <v>0</v>
      </c>
      <c r="C540" t="s">
        <v>527</v>
      </c>
      <c r="D540" t="s">
        <v>533</v>
      </c>
    </row>
    <row r="541" spans="1:4" x14ac:dyDescent="0.4">
      <c r="A541">
        <v>2995265</v>
      </c>
      <c r="B541" t="s">
        <v>0</v>
      </c>
      <c r="C541" t="s">
        <v>527</v>
      </c>
      <c r="D541" t="s">
        <v>534</v>
      </c>
    </row>
    <row r="542" spans="1:4" x14ac:dyDescent="0.4">
      <c r="A542">
        <v>2995243</v>
      </c>
      <c r="B542" t="s">
        <v>0</v>
      </c>
      <c r="C542" t="s">
        <v>527</v>
      </c>
      <c r="D542" t="s">
        <v>535</v>
      </c>
    </row>
    <row r="543" spans="1:4" x14ac:dyDescent="0.4">
      <c r="A543">
        <v>2995217</v>
      </c>
      <c r="B543" t="s">
        <v>0</v>
      </c>
      <c r="C543" t="s">
        <v>527</v>
      </c>
      <c r="D543" t="s">
        <v>536</v>
      </c>
    </row>
    <row r="544" spans="1:4" x14ac:dyDescent="0.4">
      <c r="A544">
        <v>2995256</v>
      </c>
      <c r="B544" t="s">
        <v>0</v>
      </c>
      <c r="C544" t="s">
        <v>527</v>
      </c>
      <c r="D544" t="s">
        <v>537</v>
      </c>
    </row>
    <row r="545" spans="1:4" x14ac:dyDescent="0.4">
      <c r="A545">
        <v>2995261</v>
      </c>
      <c r="B545" t="s">
        <v>0</v>
      </c>
      <c r="C545" t="s">
        <v>527</v>
      </c>
      <c r="D545" t="s">
        <v>538</v>
      </c>
    </row>
    <row r="546" spans="1:4" x14ac:dyDescent="0.4">
      <c r="A546">
        <v>2995251</v>
      </c>
      <c r="B546" t="s">
        <v>0</v>
      </c>
      <c r="C546" t="s">
        <v>527</v>
      </c>
      <c r="D546" t="s">
        <v>539</v>
      </c>
    </row>
    <row r="547" spans="1:4" x14ac:dyDescent="0.4">
      <c r="A547">
        <v>2995245</v>
      </c>
      <c r="B547" t="s">
        <v>0</v>
      </c>
      <c r="C547" t="s">
        <v>527</v>
      </c>
      <c r="D547" t="s">
        <v>540</v>
      </c>
    </row>
    <row r="548" spans="1:4" x14ac:dyDescent="0.4">
      <c r="A548">
        <v>2995246</v>
      </c>
      <c r="B548" t="s">
        <v>0</v>
      </c>
      <c r="C548" t="s">
        <v>527</v>
      </c>
      <c r="D548" t="s">
        <v>541</v>
      </c>
    </row>
    <row r="549" spans="1:4" x14ac:dyDescent="0.4">
      <c r="A549">
        <v>2995272</v>
      </c>
      <c r="B549" t="s">
        <v>0</v>
      </c>
      <c r="C549" t="s">
        <v>527</v>
      </c>
      <c r="D549" t="s">
        <v>542</v>
      </c>
    </row>
    <row r="550" spans="1:4" x14ac:dyDescent="0.4">
      <c r="A550">
        <v>2995234</v>
      </c>
      <c r="B550" t="s">
        <v>0</v>
      </c>
      <c r="C550" t="s">
        <v>527</v>
      </c>
      <c r="D550" t="s">
        <v>543</v>
      </c>
    </row>
    <row r="551" spans="1:4" x14ac:dyDescent="0.4">
      <c r="A551">
        <v>2995212</v>
      </c>
      <c r="B551" t="s">
        <v>0</v>
      </c>
      <c r="C551" t="s">
        <v>527</v>
      </c>
      <c r="D551" t="s">
        <v>544</v>
      </c>
    </row>
    <row r="552" spans="1:4" x14ac:dyDescent="0.4">
      <c r="A552">
        <v>2995252</v>
      </c>
      <c r="B552" t="s">
        <v>0</v>
      </c>
      <c r="C552" t="s">
        <v>527</v>
      </c>
      <c r="D552" t="s">
        <v>545</v>
      </c>
    </row>
    <row r="553" spans="1:4" x14ac:dyDescent="0.4">
      <c r="A553">
        <v>2995232</v>
      </c>
      <c r="B553" t="s">
        <v>0</v>
      </c>
      <c r="C553" t="s">
        <v>527</v>
      </c>
      <c r="D553" t="s">
        <v>546</v>
      </c>
    </row>
    <row r="554" spans="1:4" x14ac:dyDescent="0.4">
      <c r="A554">
        <v>2995226</v>
      </c>
      <c r="B554" t="s">
        <v>0</v>
      </c>
      <c r="C554" t="s">
        <v>527</v>
      </c>
      <c r="D554" t="s">
        <v>547</v>
      </c>
    </row>
    <row r="555" spans="1:4" x14ac:dyDescent="0.4">
      <c r="A555">
        <v>2995218</v>
      </c>
      <c r="B555" t="s">
        <v>0</v>
      </c>
      <c r="C555" t="s">
        <v>527</v>
      </c>
      <c r="D555" t="s">
        <v>548</v>
      </c>
    </row>
    <row r="556" spans="1:4" x14ac:dyDescent="0.4">
      <c r="A556">
        <v>2995219</v>
      </c>
      <c r="B556" t="s">
        <v>0</v>
      </c>
      <c r="C556" t="s">
        <v>527</v>
      </c>
      <c r="D556" t="s">
        <v>549</v>
      </c>
    </row>
    <row r="557" spans="1:4" x14ac:dyDescent="0.4">
      <c r="A557">
        <v>2995206</v>
      </c>
      <c r="B557" t="s">
        <v>0</v>
      </c>
      <c r="C557" t="s">
        <v>527</v>
      </c>
      <c r="D557" t="s">
        <v>167</v>
      </c>
    </row>
    <row r="558" spans="1:4" x14ac:dyDescent="0.4">
      <c r="A558">
        <v>2995231</v>
      </c>
      <c r="B558" t="s">
        <v>0</v>
      </c>
      <c r="C558" t="s">
        <v>527</v>
      </c>
      <c r="D558" t="s">
        <v>550</v>
      </c>
    </row>
    <row r="559" spans="1:4" x14ac:dyDescent="0.4">
      <c r="A559">
        <v>2995216</v>
      </c>
      <c r="B559" t="s">
        <v>0</v>
      </c>
      <c r="C559" t="s">
        <v>527</v>
      </c>
      <c r="D559" t="s">
        <v>551</v>
      </c>
    </row>
    <row r="560" spans="1:4" x14ac:dyDescent="0.4">
      <c r="A560">
        <v>2995215</v>
      </c>
      <c r="B560" t="s">
        <v>0</v>
      </c>
      <c r="C560" t="s">
        <v>527</v>
      </c>
      <c r="D560" t="s">
        <v>552</v>
      </c>
    </row>
    <row r="561" spans="1:4" x14ac:dyDescent="0.4">
      <c r="A561">
        <v>2995214</v>
      </c>
      <c r="B561" t="s">
        <v>0</v>
      </c>
      <c r="C561" t="s">
        <v>527</v>
      </c>
      <c r="D561" t="s">
        <v>553</v>
      </c>
    </row>
    <row r="562" spans="1:4" x14ac:dyDescent="0.4">
      <c r="A562">
        <v>2995224</v>
      </c>
      <c r="B562" t="s">
        <v>0</v>
      </c>
      <c r="C562" t="s">
        <v>527</v>
      </c>
      <c r="D562" t="s">
        <v>554</v>
      </c>
    </row>
    <row r="563" spans="1:4" x14ac:dyDescent="0.4">
      <c r="A563">
        <v>2995228</v>
      </c>
      <c r="B563" t="s">
        <v>0</v>
      </c>
      <c r="C563" t="s">
        <v>527</v>
      </c>
      <c r="D563" t="s">
        <v>555</v>
      </c>
    </row>
    <row r="564" spans="1:4" x14ac:dyDescent="0.4">
      <c r="A564">
        <v>2995205</v>
      </c>
      <c r="B564" t="s">
        <v>0</v>
      </c>
      <c r="C564" t="s">
        <v>527</v>
      </c>
      <c r="D564" t="s">
        <v>556</v>
      </c>
    </row>
    <row r="565" spans="1:4" x14ac:dyDescent="0.4">
      <c r="A565">
        <v>2995222</v>
      </c>
      <c r="B565" t="s">
        <v>0</v>
      </c>
      <c r="C565" t="s">
        <v>527</v>
      </c>
      <c r="D565" t="s">
        <v>557</v>
      </c>
    </row>
    <row r="566" spans="1:4" x14ac:dyDescent="0.4">
      <c r="A566">
        <v>2995254</v>
      </c>
      <c r="B566" t="s">
        <v>0</v>
      </c>
      <c r="C566" t="s">
        <v>527</v>
      </c>
      <c r="D566" t="s">
        <v>558</v>
      </c>
    </row>
    <row r="567" spans="1:4" x14ac:dyDescent="0.4">
      <c r="A567">
        <v>2995225</v>
      </c>
      <c r="B567" t="s">
        <v>0</v>
      </c>
      <c r="C567" t="s">
        <v>527</v>
      </c>
      <c r="D567" t="s">
        <v>559</v>
      </c>
    </row>
    <row r="568" spans="1:4" x14ac:dyDescent="0.4">
      <c r="A568">
        <v>2995204</v>
      </c>
      <c r="B568" t="s">
        <v>0</v>
      </c>
      <c r="C568" t="s">
        <v>527</v>
      </c>
      <c r="D568" t="s">
        <v>560</v>
      </c>
    </row>
    <row r="569" spans="1:4" x14ac:dyDescent="0.4">
      <c r="A569">
        <v>2995262</v>
      </c>
      <c r="B569" t="s">
        <v>0</v>
      </c>
      <c r="C569" t="s">
        <v>527</v>
      </c>
      <c r="D569" t="s">
        <v>191</v>
      </c>
    </row>
    <row r="570" spans="1:4" x14ac:dyDescent="0.4">
      <c r="A570">
        <v>2995264</v>
      </c>
      <c r="B570" t="s">
        <v>0</v>
      </c>
      <c r="C570" t="s">
        <v>527</v>
      </c>
      <c r="D570" t="s">
        <v>192</v>
      </c>
    </row>
    <row r="571" spans="1:4" x14ac:dyDescent="0.4">
      <c r="A571">
        <v>2995227</v>
      </c>
      <c r="B571" t="s">
        <v>0</v>
      </c>
      <c r="C571" t="s">
        <v>527</v>
      </c>
      <c r="D571" t="s">
        <v>561</v>
      </c>
    </row>
    <row r="572" spans="1:4" x14ac:dyDescent="0.4">
      <c r="A572">
        <v>2995253</v>
      </c>
      <c r="B572" t="s">
        <v>0</v>
      </c>
      <c r="C572" t="s">
        <v>527</v>
      </c>
      <c r="D572" t="s">
        <v>562</v>
      </c>
    </row>
    <row r="573" spans="1:4" x14ac:dyDescent="0.4">
      <c r="A573">
        <v>2995213</v>
      </c>
      <c r="B573" t="s">
        <v>0</v>
      </c>
      <c r="C573" t="s">
        <v>527</v>
      </c>
      <c r="D573" t="s">
        <v>563</v>
      </c>
    </row>
    <row r="574" spans="1:4" x14ac:dyDescent="0.4">
      <c r="A574">
        <v>2995203</v>
      </c>
      <c r="B574" t="s">
        <v>0</v>
      </c>
      <c r="C574" t="s">
        <v>527</v>
      </c>
      <c r="D574" t="s">
        <v>564</v>
      </c>
    </row>
    <row r="575" spans="1:4" x14ac:dyDescent="0.4">
      <c r="A575">
        <v>2995233</v>
      </c>
      <c r="B575" t="s">
        <v>0</v>
      </c>
      <c r="C575" t="s">
        <v>527</v>
      </c>
      <c r="D575" t="s">
        <v>565</v>
      </c>
    </row>
    <row r="576" spans="1:4" x14ac:dyDescent="0.4">
      <c r="A576">
        <v>2995255</v>
      </c>
      <c r="B576" t="s">
        <v>0</v>
      </c>
      <c r="C576" t="s">
        <v>527</v>
      </c>
      <c r="D576" t="s">
        <v>566</v>
      </c>
    </row>
    <row r="577" spans="1:4" x14ac:dyDescent="0.4">
      <c r="A577">
        <v>2995221</v>
      </c>
      <c r="B577" t="s">
        <v>0</v>
      </c>
      <c r="C577" t="s">
        <v>527</v>
      </c>
      <c r="D577" t="s">
        <v>567</v>
      </c>
    </row>
    <row r="578" spans="1:4" x14ac:dyDescent="0.4">
      <c r="A578">
        <v>2995223</v>
      </c>
      <c r="B578" t="s">
        <v>0</v>
      </c>
      <c r="C578" t="s">
        <v>527</v>
      </c>
      <c r="D578" t="s">
        <v>568</v>
      </c>
    </row>
    <row r="579" spans="1:4" x14ac:dyDescent="0.4">
      <c r="A579">
        <v>2995271</v>
      </c>
      <c r="B579" t="s">
        <v>0</v>
      </c>
      <c r="C579" t="s">
        <v>527</v>
      </c>
      <c r="D579" t="s">
        <v>569</v>
      </c>
    </row>
    <row r="580" spans="1:4" x14ac:dyDescent="0.4">
      <c r="A580">
        <v>2995211</v>
      </c>
      <c r="B580" t="s">
        <v>0</v>
      </c>
      <c r="C580" t="s">
        <v>527</v>
      </c>
      <c r="D580" t="s">
        <v>570</v>
      </c>
    </row>
    <row r="581" spans="1:4" x14ac:dyDescent="0.4">
      <c r="A581">
        <v>2995241</v>
      </c>
      <c r="B581" t="s">
        <v>0</v>
      </c>
      <c r="C581" t="s">
        <v>527</v>
      </c>
      <c r="D581" t="s">
        <v>571</v>
      </c>
    </row>
    <row r="582" spans="1:4" x14ac:dyDescent="0.4">
      <c r="A582">
        <v>2995274</v>
      </c>
      <c r="B582" t="s">
        <v>0</v>
      </c>
      <c r="C582" t="s">
        <v>527</v>
      </c>
      <c r="D582" t="s">
        <v>572</v>
      </c>
    </row>
    <row r="583" spans="1:4" x14ac:dyDescent="0.4">
      <c r="A583">
        <v>2995244</v>
      </c>
      <c r="B583" t="s">
        <v>0</v>
      </c>
      <c r="C583" t="s">
        <v>527</v>
      </c>
      <c r="D583" t="s">
        <v>573</v>
      </c>
    </row>
    <row r="584" spans="1:4" x14ac:dyDescent="0.4">
      <c r="A584">
        <v>2995242</v>
      </c>
      <c r="B584" t="s">
        <v>0</v>
      </c>
      <c r="C584" t="s">
        <v>527</v>
      </c>
      <c r="D584" t="s">
        <v>574</v>
      </c>
    </row>
    <row r="585" spans="1:4" x14ac:dyDescent="0.4">
      <c r="A585">
        <v>2900000</v>
      </c>
      <c r="B585" t="s">
        <v>0</v>
      </c>
      <c r="C585" t="s">
        <v>575</v>
      </c>
    </row>
    <row r="586" spans="1:4" x14ac:dyDescent="0.4">
      <c r="A586">
        <v>2900252</v>
      </c>
      <c r="B586" t="s">
        <v>0</v>
      </c>
      <c r="C586" t="s">
        <v>575</v>
      </c>
      <c r="D586" t="s">
        <v>576</v>
      </c>
    </row>
    <row r="587" spans="1:4" x14ac:dyDescent="0.4">
      <c r="A587">
        <v>2990117</v>
      </c>
      <c r="B587" t="s">
        <v>0</v>
      </c>
      <c r="C587" t="s">
        <v>575</v>
      </c>
      <c r="D587" t="s">
        <v>577</v>
      </c>
    </row>
    <row r="588" spans="1:4" x14ac:dyDescent="0.4">
      <c r="A588">
        <v>2990102</v>
      </c>
      <c r="B588" t="s">
        <v>0</v>
      </c>
      <c r="C588" t="s">
        <v>575</v>
      </c>
      <c r="D588" t="s">
        <v>578</v>
      </c>
    </row>
    <row r="589" spans="1:4" x14ac:dyDescent="0.4">
      <c r="A589">
        <v>2990103</v>
      </c>
      <c r="B589" t="s">
        <v>0</v>
      </c>
      <c r="C589" t="s">
        <v>575</v>
      </c>
      <c r="D589" t="s">
        <v>579</v>
      </c>
    </row>
    <row r="590" spans="1:4" x14ac:dyDescent="0.4">
      <c r="A590">
        <v>2990101</v>
      </c>
      <c r="B590" t="s">
        <v>0</v>
      </c>
      <c r="C590" t="s">
        <v>575</v>
      </c>
      <c r="D590" t="s">
        <v>580</v>
      </c>
    </row>
    <row r="591" spans="1:4" x14ac:dyDescent="0.4">
      <c r="A591">
        <v>2900509</v>
      </c>
      <c r="B591" t="s">
        <v>0</v>
      </c>
      <c r="C591" t="s">
        <v>575</v>
      </c>
      <c r="D591" t="s">
        <v>581</v>
      </c>
    </row>
    <row r="592" spans="1:4" x14ac:dyDescent="0.4">
      <c r="A592">
        <v>2900251</v>
      </c>
      <c r="B592" t="s">
        <v>0</v>
      </c>
      <c r="C592" t="s">
        <v>575</v>
      </c>
      <c r="D592" t="s">
        <v>582</v>
      </c>
    </row>
    <row r="593" spans="1:4" x14ac:dyDescent="0.4">
      <c r="A593">
        <v>2900063</v>
      </c>
      <c r="B593" t="s">
        <v>0</v>
      </c>
      <c r="C593" t="s">
        <v>575</v>
      </c>
      <c r="D593" t="s">
        <v>583</v>
      </c>
    </row>
    <row r="594" spans="1:4" x14ac:dyDescent="0.4">
      <c r="A594">
        <v>2900253</v>
      </c>
      <c r="B594" t="s">
        <v>0</v>
      </c>
      <c r="C594" t="s">
        <v>575</v>
      </c>
      <c r="D594" t="s">
        <v>584</v>
      </c>
    </row>
    <row r="595" spans="1:4" x14ac:dyDescent="0.4">
      <c r="A595">
        <v>2900535</v>
      </c>
      <c r="B595" t="s">
        <v>0</v>
      </c>
      <c r="C595" t="s">
        <v>575</v>
      </c>
      <c r="D595" t="s">
        <v>585</v>
      </c>
    </row>
    <row r="596" spans="1:4" x14ac:dyDescent="0.4">
      <c r="A596">
        <v>2990111</v>
      </c>
      <c r="B596" t="s">
        <v>0</v>
      </c>
      <c r="C596" t="s">
        <v>575</v>
      </c>
      <c r="D596" t="s">
        <v>586</v>
      </c>
    </row>
    <row r="597" spans="1:4" x14ac:dyDescent="0.4">
      <c r="A597">
        <v>2990107</v>
      </c>
      <c r="B597" t="s">
        <v>0</v>
      </c>
      <c r="C597" t="s">
        <v>575</v>
      </c>
      <c r="D597" t="s">
        <v>587</v>
      </c>
    </row>
    <row r="598" spans="1:4" x14ac:dyDescent="0.4">
      <c r="A598">
        <v>2900207</v>
      </c>
      <c r="B598" t="s">
        <v>0</v>
      </c>
      <c r="C598" t="s">
        <v>575</v>
      </c>
      <c r="D598" t="s">
        <v>588</v>
      </c>
    </row>
    <row r="599" spans="1:4" x14ac:dyDescent="0.4">
      <c r="A599">
        <v>2990126</v>
      </c>
      <c r="B599" t="s">
        <v>0</v>
      </c>
      <c r="C599" t="s">
        <v>575</v>
      </c>
      <c r="D599" t="s">
        <v>589</v>
      </c>
    </row>
    <row r="600" spans="1:4" x14ac:dyDescent="0.4">
      <c r="A600">
        <v>2900522</v>
      </c>
      <c r="B600" t="s">
        <v>0</v>
      </c>
      <c r="C600" t="s">
        <v>575</v>
      </c>
      <c r="D600" t="s">
        <v>590</v>
      </c>
    </row>
    <row r="601" spans="1:4" x14ac:dyDescent="0.4">
      <c r="A601">
        <v>2900257</v>
      </c>
      <c r="B601" t="s">
        <v>0</v>
      </c>
      <c r="C601" t="s">
        <v>575</v>
      </c>
      <c r="D601" t="s">
        <v>591</v>
      </c>
    </row>
    <row r="602" spans="1:4" x14ac:dyDescent="0.4">
      <c r="A602">
        <v>2900212</v>
      </c>
      <c r="B602" t="s">
        <v>0</v>
      </c>
      <c r="C602" t="s">
        <v>575</v>
      </c>
      <c r="D602" t="s">
        <v>592</v>
      </c>
    </row>
    <row r="603" spans="1:4" x14ac:dyDescent="0.4">
      <c r="A603">
        <v>2900037</v>
      </c>
      <c r="B603" t="s">
        <v>0</v>
      </c>
      <c r="C603" t="s">
        <v>575</v>
      </c>
      <c r="D603" t="s">
        <v>593</v>
      </c>
    </row>
    <row r="604" spans="1:4" x14ac:dyDescent="0.4">
      <c r="A604">
        <v>2900516</v>
      </c>
      <c r="B604" t="s">
        <v>0</v>
      </c>
      <c r="C604" t="s">
        <v>575</v>
      </c>
      <c r="D604" t="s">
        <v>594</v>
      </c>
    </row>
    <row r="605" spans="1:4" x14ac:dyDescent="0.4">
      <c r="A605">
        <v>2900511</v>
      </c>
      <c r="B605" t="s">
        <v>0</v>
      </c>
      <c r="C605" t="s">
        <v>575</v>
      </c>
      <c r="D605" t="s">
        <v>313</v>
      </c>
    </row>
    <row r="606" spans="1:4" x14ac:dyDescent="0.4">
      <c r="A606">
        <v>2900534</v>
      </c>
      <c r="B606" t="s">
        <v>0</v>
      </c>
      <c r="C606" t="s">
        <v>575</v>
      </c>
      <c r="D606" t="s">
        <v>595</v>
      </c>
    </row>
    <row r="607" spans="1:4" x14ac:dyDescent="0.4">
      <c r="A607">
        <v>2900537</v>
      </c>
      <c r="B607" t="s">
        <v>0</v>
      </c>
      <c r="C607" t="s">
        <v>575</v>
      </c>
      <c r="D607" t="s">
        <v>596</v>
      </c>
    </row>
    <row r="608" spans="1:4" x14ac:dyDescent="0.4">
      <c r="A608">
        <v>2990114</v>
      </c>
      <c r="B608" t="s">
        <v>0</v>
      </c>
      <c r="C608" t="s">
        <v>575</v>
      </c>
      <c r="D608" t="s">
        <v>597</v>
      </c>
    </row>
    <row r="609" spans="1:4" x14ac:dyDescent="0.4">
      <c r="A609">
        <v>2900204</v>
      </c>
      <c r="B609" t="s">
        <v>0</v>
      </c>
      <c r="C609" t="s">
        <v>575</v>
      </c>
      <c r="D609" t="s">
        <v>598</v>
      </c>
    </row>
    <row r="610" spans="1:4" x14ac:dyDescent="0.4">
      <c r="A610">
        <v>2900543</v>
      </c>
      <c r="B610" t="s">
        <v>0</v>
      </c>
      <c r="C610" t="s">
        <v>575</v>
      </c>
      <c r="D610" t="s">
        <v>599</v>
      </c>
    </row>
    <row r="611" spans="1:4" x14ac:dyDescent="0.4">
      <c r="A611">
        <v>2900015</v>
      </c>
      <c r="B611" t="s">
        <v>0</v>
      </c>
      <c r="C611" t="s">
        <v>575</v>
      </c>
      <c r="D611" t="s">
        <v>600</v>
      </c>
    </row>
    <row r="612" spans="1:4" x14ac:dyDescent="0.4">
      <c r="A612">
        <v>2900505</v>
      </c>
      <c r="B612" t="s">
        <v>0</v>
      </c>
      <c r="C612" t="s">
        <v>575</v>
      </c>
      <c r="D612" t="s">
        <v>601</v>
      </c>
    </row>
    <row r="613" spans="1:4" x14ac:dyDescent="0.4">
      <c r="A613">
        <v>2900262</v>
      </c>
      <c r="B613" t="s">
        <v>0</v>
      </c>
      <c r="C613" t="s">
        <v>575</v>
      </c>
      <c r="D613" t="s">
        <v>602</v>
      </c>
    </row>
    <row r="614" spans="1:4" x14ac:dyDescent="0.4">
      <c r="A614">
        <v>2900166</v>
      </c>
      <c r="B614" t="s">
        <v>0</v>
      </c>
      <c r="C614" t="s">
        <v>575</v>
      </c>
      <c r="D614" t="s">
        <v>603</v>
      </c>
    </row>
    <row r="615" spans="1:4" x14ac:dyDescent="0.4">
      <c r="A615">
        <v>2990106</v>
      </c>
      <c r="B615" t="s">
        <v>0</v>
      </c>
      <c r="C615" t="s">
        <v>575</v>
      </c>
      <c r="D615" t="s">
        <v>604</v>
      </c>
    </row>
    <row r="616" spans="1:4" x14ac:dyDescent="0.4">
      <c r="A616">
        <v>2900265</v>
      </c>
      <c r="B616" t="s">
        <v>0</v>
      </c>
      <c r="C616" t="s">
        <v>575</v>
      </c>
      <c r="D616" t="s">
        <v>605</v>
      </c>
    </row>
    <row r="617" spans="1:4" x14ac:dyDescent="0.4">
      <c r="A617">
        <v>2990115</v>
      </c>
      <c r="B617" t="s">
        <v>0</v>
      </c>
      <c r="C617" t="s">
        <v>575</v>
      </c>
      <c r="D617" t="s">
        <v>606</v>
      </c>
    </row>
    <row r="618" spans="1:4" x14ac:dyDescent="0.4">
      <c r="A618">
        <v>2900228</v>
      </c>
      <c r="B618" t="s">
        <v>0</v>
      </c>
      <c r="C618" t="s">
        <v>575</v>
      </c>
      <c r="D618" t="s">
        <v>607</v>
      </c>
    </row>
    <row r="619" spans="1:4" x14ac:dyDescent="0.4">
      <c r="A619">
        <v>2900047</v>
      </c>
      <c r="B619" t="s">
        <v>0</v>
      </c>
      <c r="C619" t="s">
        <v>575</v>
      </c>
      <c r="D619" t="s">
        <v>608</v>
      </c>
    </row>
    <row r="620" spans="1:4" x14ac:dyDescent="0.4">
      <c r="A620">
        <v>2900046</v>
      </c>
      <c r="B620" t="s">
        <v>0</v>
      </c>
      <c r="C620" t="s">
        <v>575</v>
      </c>
      <c r="D620" t="s">
        <v>609</v>
      </c>
    </row>
    <row r="621" spans="1:4" x14ac:dyDescent="0.4">
      <c r="A621">
        <v>2900052</v>
      </c>
      <c r="B621" t="s">
        <v>0</v>
      </c>
      <c r="C621" t="s">
        <v>575</v>
      </c>
      <c r="D621" t="s">
        <v>610</v>
      </c>
    </row>
    <row r="622" spans="1:4" x14ac:dyDescent="0.4">
      <c r="A622">
        <v>2900222</v>
      </c>
      <c r="B622" t="s">
        <v>0</v>
      </c>
      <c r="C622" t="s">
        <v>575</v>
      </c>
      <c r="D622" t="s">
        <v>611</v>
      </c>
    </row>
    <row r="623" spans="1:4" x14ac:dyDescent="0.4">
      <c r="A623">
        <v>2900225</v>
      </c>
      <c r="B623" t="s">
        <v>0</v>
      </c>
      <c r="C623" t="s">
        <v>575</v>
      </c>
      <c r="D623" t="s">
        <v>612</v>
      </c>
    </row>
    <row r="624" spans="1:4" x14ac:dyDescent="0.4">
      <c r="A624">
        <v>2900221</v>
      </c>
      <c r="B624" t="s">
        <v>0</v>
      </c>
      <c r="C624" t="s">
        <v>575</v>
      </c>
      <c r="D624" t="s">
        <v>613</v>
      </c>
    </row>
    <row r="625" spans="1:4" x14ac:dyDescent="0.4">
      <c r="A625">
        <v>2900171</v>
      </c>
      <c r="B625" t="s">
        <v>0</v>
      </c>
      <c r="C625" t="s">
        <v>575</v>
      </c>
      <c r="D625" t="s">
        <v>614</v>
      </c>
    </row>
    <row r="626" spans="1:4" x14ac:dyDescent="0.4">
      <c r="A626">
        <v>2900508</v>
      </c>
      <c r="B626" t="s">
        <v>0</v>
      </c>
      <c r="C626" t="s">
        <v>575</v>
      </c>
      <c r="D626" t="s">
        <v>615</v>
      </c>
    </row>
    <row r="627" spans="1:4" x14ac:dyDescent="0.4">
      <c r="A627">
        <v>2900211</v>
      </c>
      <c r="B627" t="s">
        <v>0</v>
      </c>
      <c r="C627" t="s">
        <v>575</v>
      </c>
      <c r="D627" t="s">
        <v>616</v>
      </c>
    </row>
    <row r="628" spans="1:4" x14ac:dyDescent="0.4">
      <c r="A628">
        <v>2900532</v>
      </c>
      <c r="B628" t="s">
        <v>0</v>
      </c>
      <c r="C628" t="s">
        <v>575</v>
      </c>
      <c r="D628" t="s">
        <v>139</v>
      </c>
    </row>
    <row r="629" spans="1:4" x14ac:dyDescent="0.4">
      <c r="A629">
        <v>2900234</v>
      </c>
      <c r="B629" t="s">
        <v>0</v>
      </c>
      <c r="C629" t="s">
        <v>575</v>
      </c>
      <c r="D629" t="s">
        <v>617</v>
      </c>
    </row>
    <row r="630" spans="1:4" x14ac:dyDescent="0.4">
      <c r="A630">
        <v>2900172</v>
      </c>
      <c r="B630" t="s">
        <v>0</v>
      </c>
      <c r="C630" t="s">
        <v>575</v>
      </c>
      <c r="D630" t="s">
        <v>332</v>
      </c>
    </row>
    <row r="631" spans="1:4" x14ac:dyDescent="0.4">
      <c r="A631">
        <v>2900208</v>
      </c>
      <c r="B631" t="s">
        <v>0</v>
      </c>
      <c r="C631" t="s">
        <v>575</v>
      </c>
      <c r="D631" t="s">
        <v>618</v>
      </c>
    </row>
    <row r="632" spans="1:4" x14ac:dyDescent="0.4">
      <c r="A632">
        <v>2900542</v>
      </c>
      <c r="B632" t="s">
        <v>0</v>
      </c>
      <c r="C632" t="s">
        <v>575</v>
      </c>
      <c r="D632" t="s">
        <v>619</v>
      </c>
    </row>
    <row r="633" spans="1:4" x14ac:dyDescent="0.4">
      <c r="A633">
        <v>2900002</v>
      </c>
      <c r="B633" t="s">
        <v>0</v>
      </c>
      <c r="C633" t="s">
        <v>575</v>
      </c>
      <c r="D633" t="s">
        <v>620</v>
      </c>
    </row>
    <row r="634" spans="1:4" x14ac:dyDescent="0.4">
      <c r="A634">
        <v>2900553</v>
      </c>
      <c r="B634" t="s">
        <v>0</v>
      </c>
      <c r="C634" t="s">
        <v>575</v>
      </c>
      <c r="D634" t="s">
        <v>621</v>
      </c>
    </row>
    <row r="635" spans="1:4" x14ac:dyDescent="0.4">
      <c r="A635">
        <v>2900177</v>
      </c>
      <c r="B635" t="s">
        <v>0</v>
      </c>
      <c r="C635" t="s">
        <v>575</v>
      </c>
      <c r="D635" t="s">
        <v>622</v>
      </c>
    </row>
    <row r="636" spans="1:4" x14ac:dyDescent="0.4">
      <c r="A636">
        <v>2900513</v>
      </c>
      <c r="B636" t="s">
        <v>0</v>
      </c>
      <c r="C636" t="s">
        <v>575</v>
      </c>
      <c r="D636" t="s">
        <v>623</v>
      </c>
    </row>
    <row r="637" spans="1:4" x14ac:dyDescent="0.4">
      <c r="A637">
        <v>2900157</v>
      </c>
      <c r="B637" t="s">
        <v>0</v>
      </c>
      <c r="C637" t="s">
        <v>575</v>
      </c>
      <c r="D637" t="s">
        <v>624</v>
      </c>
    </row>
    <row r="638" spans="1:4" x14ac:dyDescent="0.4">
      <c r="A638">
        <v>2900176</v>
      </c>
      <c r="B638" t="s">
        <v>0</v>
      </c>
      <c r="C638" t="s">
        <v>575</v>
      </c>
      <c r="D638" t="s">
        <v>625</v>
      </c>
    </row>
    <row r="639" spans="1:4" x14ac:dyDescent="0.4">
      <c r="A639">
        <v>2900533</v>
      </c>
      <c r="B639" t="s">
        <v>0</v>
      </c>
      <c r="C639" t="s">
        <v>575</v>
      </c>
      <c r="D639" t="s">
        <v>626</v>
      </c>
    </row>
    <row r="640" spans="1:4" x14ac:dyDescent="0.4">
      <c r="A640">
        <v>2900266</v>
      </c>
      <c r="B640" t="s">
        <v>0</v>
      </c>
      <c r="C640" t="s">
        <v>575</v>
      </c>
      <c r="D640" t="s">
        <v>627</v>
      </c>
    </row>
    <row r="641" spans="1:4" x14ac:dyDescent="0.4">
      <c r="A641">
        <v>2900548</v>
      </c>
      <c r="B641" t="s">
        <v>0</v>
      </c>
      <c r="C641" t="s">
        <v>575</v>
      </c>
      <c r="D641" t="s">
        <v>628</v>
      </c>
    </row>
    <row r="642" spans="1:4" x14ac:dyDescent="0.4">
      <c r="A642">
        <v>2900241</v>
      </c>
      <c r="B642" t="s">
        <v>0</v>
      </c>
      <c r="C642" t="s">
        <v>575</v>
      </c>
      <c r="D642" t="s">
        <v>629</v>
      </c>
    </row>
    <row r="643" spans="1:4" x14ac:dyDescent="0.4">
      <c r="A643">
        <v>2990105</v>
      </c>
      <c r="B643" t="s">
        <v>0</v>
      </c>
      <c r="C643" t="s">
        <v>575</v>
      </c>
      <c r="D643" t="s">
        <v>630</v>
      </c>
    </row>
    <row r="644" spans="1:4" x14ac:dyDescent="0.4">
      <c r="A644">
        <v>2900258</v>
      </c>
      <c r="B644" t="s">
        <v>0</v>
      </c>
      <c r="C644" t="s">
        <v>575</v>
      </c>
      <c r="D644" t="s">
        <v>631</v>
      </c>
    </row>
    <row r="645" spans="1:4" x14ac:dyDescent="0.4">
      <c r="A645">
        <v>2990113</v>
      </c>
      <c r="B645" t="s">
        <v>0</v>
      </c>
      <c r="C645" t="s">
        <v>575</v>
      </c>
      <c r="D645" t="s">
        <v>632</v>
      </c>
    </row>
    <row r="646" spans="1:4" x14ac:dyDescent="0.4">
      <c r="A646">
        <v>2900174</v>
      </c>
      <c r="B646" t="s">
        <v>0</v>
      </c>
      <c r="C646" t="s">
        <v>575</v>
      </c>
      <c r="D646" t="s">
        <v>633</v>
      </c>
    </row>
    <row r="647" spans="1:4" x14ac:dyDescent="0.4">
      <c r="A647">
        <v>2900233</v>
      </c>
      <c r="B647" t="s">
        <v>0</v>
      </c>
      <c r="C647" t="s">
        <v>575</v>
      </c>
      <c r="D647" t="s">
        <v>634</v>
      </c>
    </row>
    <row r="648" spans="1:4" x14ac:dyDescent="0.4">
      <c r="A648">
        <v>2900243</v>
      </c>
      <c r="B648" t="s">
        <v>0</v>
      </c>
      <c r="C648" t="s">
        <v>575</v>
      </c>
      <c r="D648" t="s">
        <v>635</v>
      </c>
    </row>
    <row r="649" spans="1:4" x14ac:dyDescent="0.4">
      <c r="A649">
        <v>2900025</v>
      </c>
      <c r="B649" t="s">
        <v>0</v>
      </c>
      <c r="C649" t="s">
        <v>575</v>
      </c>
      <c r="D649" t="s">
        <v>636</v>
      </c>
    </row>
    <row r="650" spans="1:4" x14ac:dyDescent="0.4">
      <c r="A650">
        <v>2900235</v>
      </c>
      <c r="B650" t="s">
        <v>0</v>
      </c>
      <c r="C650" t="s">
        <v>575</v>
      </c>
      <c r="D650" t="s">
        <v>637</v>
      </c>
    </row>
    <row r="651" spans="1:4" x14ac:dyDescent="0.4">
      <c r="A651">
        <v>2900213</v>
      </c>
      <c r="B651" t="s">
        <v>0</v>
      </c>
      <c r="C651" t="s">
        <v>575</v>
      </c>
      <c r="D651" t="s">
        <v>638</v>
      </c>
    </row>
    <row r="652" spans="1:4" x14ac:dyDescent="0.4">
      <c r="A652">
        <v>2900178</v>
      </c>
      <c r="B652" t="s">
        <v>0</v>
      </c>
      <c r="C652" t="s">
        <v>575</v>
      </c>
      <c r="D652" t="s">
        <v>639</v>
      </c>
    </row>
    <row r="653" spans="1:4" x14ac:dyDescent="0.4">
      <c r="A653">
        <v>2900007</v>
      </c>
      <c r="B653" t="s">
        <v>0</v>
      </c>
      <c r="C653" t="s">
        <v>575</v>
      </c>
      <c r="D653" t="s">
        <v>640</v>
      </c>
    </row>
    <row r="654" spans="1:4" x14ac:dyDescent="0.4">
      <c r="A654">
        <v>2900167</v>
      </c>
      <c r="B654" t="s">
        <v>0</v>
      </c>
      <c r="C654" t="s">
        <v>575</v>
      </c>
      <c r="D654" t="s">
        <v>641</v>
      </c>
    </row>
    <row r="655" spans="1:4" x14ac:dyDescent="0.4">
      <c r="A655">
        <v>2900071</v>
      </c>
      <c r="B655" t="s">
        <v>0</v>
      </c>
      <c r="C655" t="s">
        <v>575</v>
      </c>
      <c r="D655" t="s">
        <v>642</v>
      </c>
    </row>
    <row r="656" spans="1:4" x14ac:dyDescent="0.4">
      <c r="A656">
        <v>2900523</v>
      </c>
      <c r="B656" t="s">
        <v>0</v>
      </c>
      <c r="C656" t="s">
        <v>575</v>
      </c>
      <c r="D656" t="s">
        <v>643</v>
      </c>
    </row>
    <row r="657" spans="1:4" x14ac:dyDescent="0.4">
      <c r="A657">
        <v>2900051</v>
      </c>
      <c r="B657" t="s">
        <v>0</v>
      </c>
      <c r="C657" t="s">
        <v>575</v>
      </c>
      <c r="D657" t="s">
        <v>644</v>
      </c>
    </row>
    <row r="658" spans="1:4" x14ac:dyDescent="0.4">
      <c r="A658">
        <v>2900179</v>
      </c>
      <c r="B658" t="s">
        <v>0</v>
      </c>
      <c r="C658" t="s">
        <v>575</v>
      </c>
      <c r="D658" t="s">
        <v>645</v>
      </c>
    </row>
    <row r="659" spans="1:4" x14ac:dyDescent="0.4">
      <c r="A659">
        <v>2900156</v>
      </c>
      <c r="B659" t="s">
        <v>0</v>
      </c>
      <c r="C659" t="s">
        <v>575</v>
      </c>
      <c r="D659" t="s">
        <v>646</v>
      </c>
    </row>
    <row r="660" spans="1:4" x14ac:dyDescent="0.4">
      <c r="A660">
        <v>2900001</v>
      </c>
      <c r="B660" t="s">
        <v>0</v>
      </c>
      <c r="C660" t="s">
        <v>575</v>
      </c>
      <c r="D660" t="s">
        <v>647</v>
      </c>
    </row>
    <row r="661" spans="1:4" x14ac:dyDescent="0.4">
      <c r="A661">
        <v>2900552</v>
      </c>
      <c r="B661" t="s">
        <v>0</v>
      </c>
      <c r="C661" t="s">
        <v>575</v>
      </c>
      <c r="D661" t="s">
        <v>648</v>
      </c>
    </row>
    <row r="662" spans="1:4" x14ac:dyDescent="0.4">
      <c r="A662">
        <v>2900056</v>
      </c>
      <c r="B662" t="s">
        <v>0</v>
      </c>
      <c r="C662" t="s">
        <v>575</v>
      </c>
      <c r="D662" t="s">
        <v>649</v>
      </c>
    </row>
    <row r="663" spans="1:4" x14ac:dyDescent="0.4">
      <c r="A663">
        <v>2700108</v>
      </c>
      <c r="B663" t="s">
        <v>0</v>
      </c>
      <c r="C663" t="s">
        <v>650</v>
      </c>
      <c r="D663" t="s">
        <v>651</v>
      </c>
    </row>
    <row r="664" spans="1:4" x14ac:dyDescent="0.4">
      <c r="A664">
        <v>2700127</v>
      </c>
      <c r="B664" t="s">
        <v>0</v>
      </c>
      <c r="C664" t="s">
        <v>650</v>
      </c>
      <c r="D664" t="s">
        <v>652</v>
      </c>
    </row>
    <row r="665" spans="1:4" x14ac:dyDescent="0.4">
      <c r="A665">
        <v>2700136</v>
      </c>
      <c r="B665" t="s">
        <v>0</v>
      </c>
      <c r="C665" t="s">
        <v>650</v>
      </c>
      <c r="D665" t="s">
        <v>653</v>
      </c>
    </row>
    <row r="666" spans="1:4" x14ac:dyDescent="0.4">
      <c r="A666">
        <v>2700157</v>
      </c>
      <c r="B666" t="s">
        <v>0</v>
      </c>
      <c r="C666" t="s">
        <v>650</v>
      </c>
      <c r="D666" t="s">
        <v>654</v>
      </c>
    </row>
    <row r="667" spans="1:4" x14ac:dyDescent="0.4">
      <c r="A667">
        <v>2700144</v>
      </c>
      <c r="B667" t="s">
        <v>0</v>
      </c>
      <c r="C667" t="s">
        <v>650</v>
      </c>
      <c r="D667" t="s">
        <v>655</v>
      </c>
    </row>
    <row r="668" spans="1:4" x14ac:dyDescent="0.4">
      <c r="A668">
        <v>2700152</v>
      </c>
      <c r="B668" t="s">
        <v>0</v>
      </c>
      <c r="C668" t="s">
        <v>650</v>
      </c>
      <c r="D668" t="s">
        <v>656</v>
      </c>
    </row>
    <row r="669" spans="1:4" x14ac:dyDescent="0.4">
      <c r="A669">
        <v>2700141</v>
      </c>
      <c r="B669" t="s">
        <v>0</v>
      </c>
      <c r="C669" t="s">
        <v>650</v>
      </c>
      <c r="D669" t="s">
        <v>657</v>
      </c>
    </row>
    <row r="670" spans="1:4" x14ac:dyDescent="0.4">
      <c r="A670">
        <v>2700131</v>
      </c>
      <c r="B670" t="s">
        <v>0</v>
      </c>
      <c r="C670" t="s">
        <v>650</v>
      </c>
      <c r="D670" t="s">
        <v>658</v>
      </c>
    </row>
    <row r="671" spans="1:4" x14ac:dyDescent="0.4">
      <c r="A671">
        <v>2700124</v>
      </c>
      <c r="B671" t="s">
        <v>0</v>
      </c>
      <c r="C671" t="s">
        <v>650</v>
      </c>
      <c r="D671" t="s">
        <v>659</v>
      </c>
    </row>
    <row r="672" spans="1:4" x14ac:dyDescent="0.4">
      <c r="A672">
        <v>2700163</v>
      </c>
      <c r="B672" t="s">
        <v>0</v>
      </c>
      <c r="C672" t="s">
        <v>650</v>
      </c>
      <c r="D672" t="s">
        <v>660</v>
      </c>
    </row>
    <row r="673" spans="1:4" x14ac:dyDescent="0.4">
      <c r="A673">
        <v>2700103</v>
      </c>
      <c r="B673" t="s">
        <v>0</v>
      </c>
      <c r="C673" t="s">
        <v>650</v>
      </c>
      <c r="D673" t="s">
        <v>661</v>
      </c>
    </row>
    <row r="674" spans="1:4" x14ac:dyDescent="0.4">
      <c r="A674">
        <v>2700155</v>
      </c>
      <c r="B674" t="s">
        <v>0</v>
      </c>
      <c r="C674" t="s">
        <v>650</v>
      </c>
      <c r="D674" t="s">
        <v>662</v>
      </c>
    </row>
    <row r="675" spans="1:4" x14ac:dyDescent="0.4">
      <c r="A675">
        <v>2700175</v>
      </c>
      <c r="B675" t="s">
        <v>0</v>
      </c>
      <c r="C675" t="s">
        <v>650</v>
      </c>
      <c r="D675" t="s">
        <v>663</v>
      </c>
    </row>
    <row r="676" spans="1:4" x14ac:dyDescent="0.4">
      <c r="A676">
        <v>2700143</v>
      </c>
      <c r="B676" t="s">
        <v>0</v>
      </c>
      <c r="C676" t="s">
        <v>650</v>
      </c>
      <c r="D676" t="s">
        <v>664</v>
      </c>
    </row>
    <row r="677" spans="1:4" x14ac:dyDescent="0.4">
      <c r="A677">
        <v>2700123</v>
      </c>
      <c r="B677" t="s">
        <v>0</v>
      </c>
      <c r="C677" t="s">
        <v>650</v>
      </c>
      <c r="D677" t="s">
        <v>665</v>
      </c>
    </row>
    <row r="678" spans="1:4" x14ac:dyDescent="0.4">
      <c r="A678">
        <v>2760000</v>
      </c>
      <c r="B678" t="s">
        <v>0</v>
      </c>
      <c r="C678" t="s">
        <v>666</v>
      </c>
    </row>
    <row r="679" spans="1:4" x14ac:dyDescent="0.4">
      <c r="A679">
        <v>2760008</v>
      </c>
      <c r="B679" t="s">
        <v>0</v>
      </c>
      <c r="C679" t="s">
        <v>666</v>
      </c>
      <c r="D679" t="s">
        <v>667</v>
      </c>
    </row>
    <row r="680" spans="1:4" x14ac:dyDescent="0.4">
      <c r="A680">
        <v>2760045</v>
      </c>
      <c r="B680" t="s">
        <v>0</v>
      </c>
      <c r="C680" t="s">
        <v>666</v>
      </c>
      <c r="D680" t="s">
        <v>621</v>
      </c>
    </row>
    <row r="681" spans="1:4" x14ac:dyDescent="0.4">
      <c r="A681">
        <v>2760046</v>
      </c>
      <c r="B681" t="s">
        <v>0</v>
      </c>
      <c r="C681" t="s">
        <v>666</v>
      </c>
      <c r="D681" t="s">
        <v>668</v>
      </c>
    </row>
    <row r="682" spans="1:4" x14ac:dyDescent="0.4">
      <c r="A682">
        <v>2760048</v>
      </c>
      <c r="B682" t="s">
        <v>0</v>
      </c>
      <c r="C682" t="s">
        <v>666</v>
      </c>
      <c r="D682" t="s">
        <v>669</v>
      </c>
    </row>
    <row r="683" spans="1:4" x14ac:dyDescent="0.4">
      <c r="A683">
        <v>2760024</v>
      </c>
      <c r="B683" t="s">
        <v>0</v>
      </c>
      <c r="C683" t="s">
        <v>666</v>
      </c>
      <c r="D683" t="s">
        <v>670</v>
      </c>
    </row>
    <row r="684" spans="1:4" x14ac:dyDescent="0.4">
      <c r="A684">
        <v>2760023</v>
      </c>
      <c r="B684" t="s">
        <v>0</v>
      </c>
      <c r="C684" t="s">
        <v>666</v>
      </c>
      <c r="D684" t="s">
        <v>671</v>
      </c>
    </row>
    <row r="685" spans="1:4" x14ac:dyDescent="0.4">
      <c r="A685">
        <v>2760025</v>
      </c>
      <c r="B685" t="s">
        <v>0</v>
      </c>
      <c r="C685" t="s">
        <v>666</v>
      </c>
      <c r="D685" t="s">
        <v>672</v>
      </c>
    </row>
    <row r="686" spans="1:4" x14ac:dyDescent="0.4">
      <c r="A686">
        <v>2760016</v>
      </c>
      <c r="B686" t="s">
        <v>0</v>
      </c>
      <c r="C686" t="s">
        <v>666</v>
      </c>
      <c r="D686" t="s">
        <v>673</v>
      </c>
    </row>
    <row r="687" spans="1:4" x14ac:dyDescent="0.4">
      <c r="A687">
        <v>2760022</v>
      </c>
      <c r="B687" t="s">
        <v>0</v>
      </c>
      <c r="C687" t="s">
        <v>666</v>
      </c>
      <c r="D687" t="s">
        <v>674</v>
      </c>
    </row>
    <row r="688" spans="1:4" x14ac:dyDescent="0.4">
      <c r="A688">
        <v>2760043</v>
      </c>
      <c r="B688" t="s">
        <v>0</v>
      </c>
      <c r="C688" t="s">
        <v>666</v>
      </c>
      <c r="D688" t="s">
        <v>675</v>
      </c>
    </row>
    <row r="689" spans="1:4" x14ac:dyDescent="0.4">
      <c r="A689">
        <v>2760044</v>
      </c>
      <c r="B689" t="s">
        <v>0</v>
      </c>
      <c r="C689" t="s">
        <v>666</v>
      </c>
      <c r="D689" t="s">
        <v>676</v>
      </c>
    </row>
    <row r="690" spans="1:4" x14ac:dyDescent="0.4">
      <c r="A690">
        <v>2760006</v>
      </c>
      <c r="B690" t="s">
        <v>0</v>
      </c>
      <c r="C690" t="s">
        <v>666</v>
      </c>
      <c r="D690" t="s">
        <v>677</v>
      </c>
    </row>
    <row r="691" spans="1:4" x14ac:dyDescent="0.4">
      <c r="A691">
        <v>2760001</v>
      </c>
      <c r="B691" t="s">
        <v>0</v>
      </c>
      <c r="C691" t="s">
        <v>666</v>
      </c>
      <c r="D691" t="s">
        <v>678</v>
      </c>
    </row>
    <row r="692" spans="1:4" x14ac:dyDescent="0.4">
      <c r="A692">
        <v>2760011</v>
      </c>
      <c r="B692" t="s">
        <v>0</v>
      </c>
      <c r="C692" t="s">
        <v>666</v>
      </c>
      <c r="D692" t="s">
        <v>679</v>
      </c>
    </row>
    <row r="693" spans="1:4" x14ac:dyDescent="0.4">
      <c r="A693">
        <v>2760005</v>
      </c>
      <c r="B693" t="s">
        <v>0</v>
      </c>
      <c r="C693" t="s">
        <v>666</v>
      </c>
      <c r="D693" t="s">
        <v>680</v>
      </c>
    </row>
    <row r="694" spans="1:4" x14ac:dyDescent="0.4">
      <c r="A694">
        <v>2760004</v>
      </c>
      <c r="B694" t="s">
        <v>0</v>
      </c>
      <c r="C694" t="s">
        <v>666</v>
      </c>
      <c r="D694" t="s">
        <v>681</v>
      </c>
    </row>
    <row r="695" spans="1:4" x14ac:dyDescent="0.4">
      <c r="A695">
        <v>2760026</v>
      </c>
      <c r="B695" t="s">
        <v>0</v>
      </c>
      <c r="C695" t="s">
        <v>666</v>
      </c>
      <c r="D695" t="s">
        <v>682</v>
      </c>
    </row>
    <row r="696" spans="1:4" x14ac:dyDescent="0.4">
      <c r="A696">
        <v>2760021</v>
      </c>
      <c r="B696" t="s">
        <v>0</v>
      </c>
      <c r="C696" t="s">
        <v>666</v>
      </c>
      <c r="D696" t="s">
        <v>683</v>
      </c>
    </row>
    <row r="697" spans="1:4" x14ac:dyDescent="0.4">
      <c r="A697">
        <v>2760007</v>
      </c>
      <c r="B697" t="s">
        <v>0</v>
      </c>
      <c r="C697" t="s">
        <v>666</v>
      </c>
      <c r="D697" t="s">
        <v>684</v>
      </c>
    </row>
    <row r="698" spans="1:4" x14ac:dyDescent="0.4">
      <c r="A698">
        <v>2760003</v>
      </c>
      <c r="B698" t="s">
        <v>0</v>
      </c>
      <c r="C698" t="s">
        <v>666</v>
      </c>
      <c r="D698" t="s">
        <v>685</v>
      </c>
    </row>
    <row r="699" spans="1:4" x14ac:dyDescent="0.4">
      <c r="A699">
        <v>2760036</v>
      </c>
      <c r="B699" t="s">
        <v>0</v>
      </c>
      <c r="C699" t="s">
        <v>666</v>
      </c>
      <c r="D699" t="s">
        <v>686</v>
      </c>
    </row>
    <row r="700" spans="1:4" x14ac:dyDescent="0.4">
      <c r="A700">
        <v>2760035</v>
      </c>
      <c r="B700" t="s">
        <v>0</v>
      </c>
      <c r="C700" t="s">
        <v>666</v>
      </c>
      <c r="D700" t="s">
        <v>687</v>
      </c>
    </row>
    <row r="701" spans="1:4" x14ac:dyDescent="0.4">
      <c r="A701">
        <v>2760037</v>
      </c>
      <c r="B701" t="s">
        <v>0</v>
      </c>
      <c r="C701" t="s">
        <v>666</v>
      </c>
      <c r="D701" t="s">
        <v>688</v>
      </c>
    </row>
    <row r="702" spans="1:4" x14ac:dyDescent="0.4">
      <c r="A702">
        <v>2760017</v>
      </c>
      <c r="B702" t="s">
        <v>0</v>
      </c>
      <c r="C702" t="s">
        <v>666</v>
      </c>
      <c r="D702" t="s">
        <v>689</v>
      </c>
    </row>
    <row r="703" spans="1:4" x14ac:dyDescent="0.4">
      <c r="A703">
        <v>2760013</v>
      </c>
      <c r="B703" t="s">
        <v>0</v>
      </c>
      <c r="C703" t="s">
        <v>666</v>
      </c>
      <c r="D703" t="s">
        <v>690</v>
      </c>
    </row>
    <row r="704" spans="1:4" x14ac:dyDescent="0.4">
      <c r="A704">
        <v>2760012</v>
      </c>
      <c r="B704" t="s">
        <v>0</v>
      </c>
      <c r="C704" t="s">
        <v>666</v>
      </c>
      <c r="D704" t="s">
        <v>691</v>
      </c>
    </row>
    <row r="705" spans="1:4" x14ac:dyDescent="0.4">
      <c r="A705">
        <v>2760002</v>
      </c>
      <c r="B705" t="s">
        <v>0</v>
      </c>
      <c r="C705" t="s">
        <v>666</v>
      </c>
      <c r="D705" t="s">
        <v>692</v>
      </c>
    </row>
    <row r="706" spans="1:4" x14ac:dyDescent="0.4">
      <c r="A706">
        <v>2760049</v>
      </c>
      <c r="B706" t="s">
        <v>0</v>
      </c>
      <c r="C706" t="s">
        <v>666</v>
      </c>
      <c r="D706" t="s">
        <v>693</v>
      </c>
    </row>
    <row r="707" spans="1:4" x14ac:dyDescent="0.4">
      <c r="A707">
        <v>2760041</v>
      </c>
      <c r="B707" t="s">
        <v>0</v>
      </c>
      <c r="C707" t="s">
        <v>666</v>
      </c>
      <c r="D707" t="s">
        <v>694</v>
      </c>
    </row>
    <row r="708" spans="1:4" x14ac:dyDescent="0.4">
      <c r="A708">
        <v>2760028</v>
      </c>
      <c r="B708" t="s">
        <v>0</v>
      </c>
      <c r="C708" t="s">
        <v>666</v>
      </c>
      <c r="D708" t="s">
        <v>695</v>
      </c>
    </row>
    <row r="709" spans="1:4" x14ac:dyDescent="0.4">
      <c r="A709">
        <v>2760027</v>
      </c>
      <c r="B709" t="s">
        <v>0</v>
      </c>
      <c r="C709" t="s">
        <v>666</v>
      </c>
      <c r="D709" t="s">
        <v>696</v>
      </c>
    </row>
    <row r="710" spans="1:4" x14ac:dyDescent="0.4">
      <c r="A710">
        <v>2760029</v>
      </c>
      <c r="B710" t="s">
        <v>0</v>
      </c>
      <c r="C710" t="s">
        <v>666</v>
      </c>
      <c r="D710" t="s">
        <v>697</v>
      </c>
    </row>
    <row r="711" spans="1:4" x14ac:dyDescent="0.4">
      <c r="A711">
        <v>2760032</v>
      </c>
      <c r="B711" t="s">
        <v>0</v>
      </c>
      <c r="C711" t="s">
        <v>666</v>
      </c>
      <c r="D711" t="s">
        <v>698</v>
      </c>
    </row>
    <row r="712" spans="1:4" x14ac:dyDescent="0.4">
      <c r="A712">
        <v>2760034</v>
      </c>
      <c r="B712" t="s">
        <v>0</v>
      </c>
      <c r="C712" t="s">
        <v>666</v>
      </c>
      <c r="D712" t="s">
        <v>699</v>
      </c>
    </row>
    <row r="713" spans="1:4" x14ac:dyDescent="0.4">
      <c r="A713">
        <v>2760033</v>
      </c>
      <c r="B713" t="s">
        <v>0</v>
      </c>
      <c r="C713" t="s">
        <v>666</v>
      </c>
      <c r="D713" t="s">
        <v>700</v>
      </c>
    </row>
    <row r="714" spans="1:4" x14ac:dyDescent="0.4">
      <c r="A714">
        <v>2760031</v>
      </c>
      <c r="B714" t="s">
        <v>0</v>
      </c>
      <c r="C714" t="s">
        <v>666</v>
      </c>
      <c r="D714" t="s">
        <v>701</v>
      </c>
    </row>
    <row r="715" spans="1:4" x14ac:dyDescent="0.4">
      <c r="A715">
        <v>2760042</v>
      </c>
      <c r="B715" t="s">
        <v>0</v>
      </c>
      <c r="C715" t="s">
        <v>666</v>
      </c>
      <c r="D715" t="s">
        <v>702</v>
      </c>
    </row>
    <row r="716" spans="1:4" x14ac:dyDescent="0.4">
      <c r="A716">
        <v>2760047</v>
      </c>
      <c r="B716" t="s">
        <v>0</v>
      </c>
      <c r="C716" t="s">
        <v>666</v>
      </c>
      <c r="D716" t="s">
        <v>703</v>
      </c>
    </row>
    <row r="717" spans="1:4" x14ac:dyDescent="0.4">
      <c r="A717">
        <v>2760015</v>
      </c>
      <c r="B717" t="s">
        <v>0</v>
      </c>
      <c r="C717" t="s">
        <v>666</v>
      </c>
      <c r="D717" t="s">
        <v>704</v>
      </c>
    </row>
    <row r="718" spans="1:4" x14ac:dyDescent="0.4">
      <c r="A718">
        <v>2760014</v>
      </c>
      <c r="B718" t="s">
        <v>0</v>
      </c>
      <c r="C718" t="s">
        <v>666</v>
      </c>
      <c r="D718" t="s">
        <v>705</v>
      </c>
    </row>
    <row r="719" spans="1:4" x14ac:dyDescent="0.4">
      <c r="A719">
        <v>2701100</v>
      </c>
      <c r="B719" t="s">
        <v>0</v>
      </c>
      <c r="C719" t="s">
        <v>706</v>
      </c>
    </row>
    <row r="720" spans="1:4" x14ac:dyDescent="0.4">
      <c r="A720">
        <v>2701106</v>
      </c>
      <c r="B720" t="s">
        <v>0</v>
      </c>
      <c r="C720" t="s">
        <v>706</v>
      </c>
      <c r="D720" t="s">
        <v>707</v>
      </c>
    </row>
    <row r="721" spans="1:4" x14ac:dyDescent="0.4">
      <c r="A721">
        <v>2701173</v>
      </c>
      <c r="B721" t="s">
        <v>0</v>
      </c>
      <c r="C721" t="s">
        <v>706</v>
      </c>
      <c r="D721" t="s">
        <v>708</v>
      </c>
    </row>
    <row r="722" spans="1:4" x14ac:dyDescent="0.4">
      <c r="A722">
        <v>2701175</v>
      </c>
      <c r="B722" t="s">
        <v>0</v>
      </c>
      <c r="C722" t="s">
        <v>706</v>
      </c>
      <c r="D722" t="s">
        <v>709</v>
      </c>
    </row>
    <row r="723" spans="1:4" x14ac:dyDescent="0.4">
      <c r="A723">
        <v>2701166</v>
      </c>
      <c r="B723" t="s">
        <v>0</v>
      </c>
      <c r="C723" t="s">
        <v>706</v>
      </c>
      <c r="D723" t="s">
        <v>710</v>
      </c>
    </row>
    <row r="724" spans="1:4" x14ac:dyDescent="0.4">
      <c r="A724">
        <v>2701155</v>
      </c>
      <c r="B724" t="s">
        <v>0</v>
      </c>
      <c r="C724" t="s">
        <v>706</v>
      </c>
      <c r="D724" t="s">
        <v>711</v>
      </c>
    </row>
    <row r="725" spans="1:4" x14ac:dyDescent="0.4">
      <c r="A725">
        <v>2701112</v>
      </c>
      <c r="B725" t="s">
        <v>0</v>
      </c>
      <c r="C725" t="s">
        <v>706</v>
      </c>
      <c r="D725" t="s">
        <v>712</v>
      </c>
    </row>
    <row r="726" spans="1:4" x14ac:dyDescent="0.4">
      <c r="A726">
        <v>2701114</v>
      </c>
      <c r="B726" t="s">
        <v>0</v>
      </c>
      <c r="C726" t="s">
        <v>706</v>
      </c>
      <c r="D726" t="s">
        <v>713</v>
      </c>
    </row>
    <row r="727" spans="1:4" x14ac:dyDescent="0.4">
      <c r="A727">
        <v>2701118</v>
      </c>
      <c r="B727" t="s">
        <v>0</v>
      </c>
      <c r="C727" t="s">
        <v>706</v>
      </c>
      <c r="D727" t="s">
        <v>714</v>
      </c>
    </row>
    <row r="728" spans="1:4" x14ac:dyDescent="0.4">
      <c r="A728">
        <v>2701142</v>
      </c>
      <c r="B728" t="s">
        <v>0</v>
      </c>
      <c r="C728" t="s">
        <v>706</v>
      </c>
      <c r="D728" t="s">
        <v>715</v>
      </c>
    </row>
    <row r="729" spans="1:4" x14ac:dyDescent="0.4">
      <c r="A729">
        <v>2701131</v>
      </c>
      <c r="B729" t="s">
        <v>0</v>
      </c>
      <c r="C729" t="s">
        <v>706</v>
      </c>
      <c r="D729" t="s">
        <v>716</v>
      </c>
    </row>
    <row r="730" spans="1:4" x14ac:dyDescent="0.4">
      <c r="A730">
        <v>2701135</v>
      </c>
      <c r="B730" t="s">
        <v>0</v>
      </c>
      <c r="C730" t="s">
        <v>706</v>
      </c>
      <c r="D730" t="s">
        <v>717</v>
      </c>
    </row>
    <row r="731" spans="1:4" x14ac:dyDescent="0.4">
      <c r="A731">
        <v>2701134</v>
      </c>
      <c r="B731" t="s">
        <v>0</v>
      </c>
      <c r="C731" t="s">
        <v>706</v>
      </c>
      <c r="D731" t="s">
        <v>718</v>
      </c>
    </row>
    <row r="732" spans="1:4" x14ac:dyDescent="0.4">
      <c r="A732">
        <v>2701113</v>
      </c>
      <c r="B732" t="s">
        <v>0</v>
      </c>
      <c r="C732" t="s">
        <v>706</v>
      </c>
      <c r="D732" t="s">
        <v>719</v>
      </c>
    </row>
    <row r="733" spans="1:4" x14ac:dyDescent="0.4">
      <c r="A733">
        <v>2701115</v>
      </c>
      <c r="B733" t="s">
        <v>0</v>
      </c>
      <c r="C733" t="s">
        <v>706</v>
      </c>
      <c r="D733" t="s">
        <v>720</v>
      </c>
    </row>
    <row r="734" spans="1:4" x14ac:dyDescent="0.4">
      <c r="A734">
        <v>2701137</v>
      </c>
      <c r="B734" t="s">
        <v>0</v>
      </c>
      <c r="C734" t="s">
        <v>706</v>
      </c>
      <c r="D734" t="s">
        <v>721</v>
      </c>
    </row>
    <row r="735" spans="1:4" x14ac:dyDescent="0.4">
      <c r="A735">
        <v>2701136</v>
      </c>
      <c r="B735" t="s">
        <v>0</v>
      </c>
      <c r="C735" t="s">
        <v>706</v>
      </c>
      <c r="D735" t="s">
        <v>722</v>
      </c>
    </row>
    <row r="736" spans="1:4" x14ac:dyDescent="0.4">
      <c r="A736">
        <v>2701133</v>
      </c>
      <c r="B736" t="s">
        <v>0</v>
      </c>
      <c r="C736" t="s">
        <v>706</v>
      </c>
      <c r="D736" t="s">
        <v>723</v>
      </c>
    </row>
    <row r="737" spans="1:4" x14ac:dyDescent="0.4">
      <c r="A737">
        <v>2701172</v>
      </c>
      <c r="B737" t="s">
        <v>0</v>
      </c>
      <c r="C737" t="s">
        <v>706</v>
      </c>
      <c r="D737" t="s">
        <v>724</v>
      </c>
    </row>
    <row r="738" spans="1:4" x14ac:dyDescent="0.4">
      <c r="A738">
        <v>2701163</v>
      </c>
      <c r="B738" t="s">
        <v>0</v>
      </c>
      <c r="C738" t="s">
        <v>706</v>
      </c>
      <c r="D738" t="s">
        <v>725</v>
      </c>
    </row>
    <row r="739" spans="1:4" x14ac:dyDescent="0.4">
      <c r="A739">
        <v>2701145</v>
      </c>
      <c r="B739" t="s">
        <v>0</v>
      </c>
      <c r="C739" t="s">
        <v>706</v>
      </c>
      <c r="D739" t="s">
        <v>726</v>
      </c>
    </row>
    <row r="740" spans="1:4" x14ac:dyDescent="0.4">
      <c r="A740">
        <v>2701146</v>
      </c>
      <c r="B740" t="s">
        <v>0</v>
      </c>
      <c r="C740" t="s">
        <v>706</v>
      </c>
      <c r="D740" t="s">
        <v>727</v>
      </c>
    </row>
    <row r="741" spans="1:4" x14ac:dyDescent="0.4">
      <c r="A741">
        <v>2701152</v>
      </c>
      <c r="B741" t="s">
        <v>0</v>
      </c>
      <c r="C741" t="s">
        <v>706</v>
      </c>
      <c r="D741" t="s">
        <v>728</v>
      </c>
    </row>
    <row r="742" spans="1:4" x14ac:dyDescent="0.4">
      <c r="A742">
        <v>2701132</v>
      </c>
      <c r="B742" t="s">
        <v>0</v>
      </c>
      <c r="C742" t="s">
        <v>706</v>
      </c>
      <c r="D742" t="s">
        <v>729</v>
      </c>
    </row>
    <row r="743" spans="1:4" x14ac:dyDescent="0.4">
      <c r="A743">
        <v>2701141</v>
      </c>
      <c r="B743" t="s">
        <v>0</v>
      </c>
      <c r="C743" t="s">
        <v>706</v>
      </c>
      <c r="D743" t="s">
        <v>730</v>
      </c>
    </row>
    <row r="744" spans="1:4" x14ac:dyDescent="0.4">
      <c r="A744">
        <v>2701138</v>
      </c>
      <c r="B744" t="s">
        <v>0</v>
      </c>
      <c r="C744" t="s">
        <v>706</v>
      </c>
      <c r="D744" t="s">
        <v>731</v>
      </c>
    </row>
    <row r="745" spans="1:4" x14ac:dyDescent="0.4">
      <c r="A745">
        <v>2701177</v>
      </c>
      <c r="B745" t="s">
        <v>0</v>
      </c>
      <c r="C745" t="s">
        <v>706</v>
      </c>
      <c r="D745" t="s">
        <v>732</v>
      </c>
    </row>
    <row r="746" spans="1:4" x14ac:dyDescent="0.4">
      <c r="A746">
        <v>2701176</v>
      </c>
      <c r="B746" t="s">
        <v>0</v>
      </c>
      <c r="C746" t="s">
        <v>706</v>
      </c>
      <c r="D746" t="s">
        <v>733</v>
      </c>
    </row>
    <row r="747" spans="1:4" x14ac:dyDescent="0.4">
      <c r="A747">
        <v>2701117</v>
      </c>
      <c r="B747" t="s">
        <v>0</v>
      </c>
      <c r="C747" t="s">
        <v>706</v>
      </c>
      <c r="D747" t="s">
        <v>734</v>
      </c>
    </row>
    <row r="748" spans="1:4" x14ac:dyDescent="0.4">
      <c r="A748">
        <v>2701104</v>
      </c>
      <c r="B748" t="s">
        <v>0</v>
      </c>
      <c r="C748" t="s">
        <v>706</v>
      </c>
      <c r="D748" t="s">
        <v>735</v>
      </c>
    </row>
    <row r="749" spans="1:4" x14ac:dyDescent="0.4">
      <c r="A749">
        <v>2701116</v>
      </c>
      <c r="B749" t="s">
        <v>0</v>
      </c>
      <c r="C749" t="s">
        <v>706</v>
      </c>
      <c r="D749" t="s">
        <v>736</v>
      </c>
    </row>
    <row r="750" spans="1:4" x14ac:dyDescent="0.4">
      <c r="A750">
        <v>2701167</v>
      </c>
      <c r="B750" t="s">
        <v>0</v>
      </c>
      <c r="C750" t="s">
        <v>706</v>
      </c>
      <c r="D750" t="s">
        <v>737</v>
      </c>
    </row>
    <row r="751" spans="1:4" x14ac:dyDescent="0.4">
      <c r="A751">
        <v>2701164</v>
      </c>
      <c r="B751" t="s">
        <v>0</v>
      </c>
      <c r="C751" t="s">
        <v>706</v>
      </c>
      <c r="D751" t="s">
        <v>738</v>
      </c>
    </row>
    <row r="752" spans="1:4" x14ac:dyDescent="0.4">
      <c r="A752">
        <v>2701143</v>
      </c>
      <c r="B752" t="s">
        <v>0</v>
      </c>
      <c r="C752" t="s">
        <v>706</v>
      </c>
      <c r="D752" t="s">
        <v>739</v>
      </c>
    </row>
    <row r="753" spans="1:4" x14ac:dyDescent="0.4">
      <c r="A753">
        <v>2701122</v>
      </c>
      <c r="B753" t="s">
        <v>0</v>
      </c>
      <c r="C753" t="s">
        <v>706</v>
      </c>
      <c r="D753" t="s">
        <v>191</v>
      </c>
    </row>
    <row r="754" spans="1:4" x14ac:dyDescent="0.4">
      <c r="A754">
        <v>2701126</v>
      </c>
      <c r="B754" t="s">
        <v>0</v>
      </c>
      <c r="C754" t="s">
        <v>706</v>
      </c>
      <c r="D754" t="s">
        <v>740</v>
      </c>
    </row>
    <row r="755" spans="1:4" x14ac:dyDescent="0.4">
      <c r="A755">
        <v>2701125</v>
      </c>
      <c r="B755" t="s">
        <v>0</v>
      </c>
      <c r="C755" t="s">
        <v>706</v>
      </c>
      <c r="D755" t="s">
        <v>741</v>
      </c>
    </row>
    <row r="756" spans="1:4" x14ac:dyDescent="0.4">
      <c r="A756">
        <v>2701121</v>
      </c>
      <c r="B756" t="s">
        <v>0</v>
      </c>
      <c r="C756" t="s">
        <v>706</v>
      </c>
      <c r="D756" t="s">
        <v>742</v>
      </c>
    </row>
    <row r="757" spans="1:4" x14ac:dyDescent="0.4">
      <c r="A757">
        <v>2701128</v>
      </c>
      <c r="B757" t="s">
        <v>0</v>
      </c>
      <c r="C757" t="s">
        <v>706</v>
      </c>
      <c r="D757" t="s">
        <v>743</v>
      </c>
    </row>
    <row r="758" spans="1:4" x14ac:dyDescent="0.4">
      <c r="A758">
        <v>2701127</v>
      </c>
      <c r="B758" t="s">
        <v>0</v>
      </c>
      <c r="C758" t="s">
        <v>706</v>
      </c>
      <c r="D758" t="s">
        <v>744</v>
      </c>
    </row>
    <row r="759" spans="1:4" x14ac:dyDescent="0.4">
      <c r="A759">
        <v>2701165</v>
      </c>
      <c r="B759" t="s">
        <v>0</v>
      </c>
      <c r="C759" t="s">
        <v>706</v>
      </c>
      <c r="D759" t="s">
        <v>745</v>
      </c>
    </row>
    <row r="760" spans="1:4" x14ac:dyDescent="0.4">
      <c r="A760">
        <v>2701168</v>
      </c>
      <c r="B760" t="s">
        <v>0</v>
      </c>
      <c r="C760" t="s">
        <v>706</v>
      </c>
      <c r="D760" t="s">
        <v>477</v>
      </c>
    </row>
    <row r="761" spans="1:4" x14ac:dyDescent="0.4">
      <c r="A761">
        <v>2701156</v>
      </c>
      <c r="B761" t="s">
        <v>0</v>
      </c>
      <c r="C761" t="s">
        <v>706</v>
      </c>
      <c r="D761" t="s">
        <v>478</v>
      </c>
    </row>
    <row r="762" spans="1:4" x14ac:dyDescent="0.4">
      <c r="A762">
        <v>2701154</v>
      </c>
      <c r="B762" t="s">
        <v>0</v>
      </c>
      <c r="C762" t="s">
        <v>706</v>
      </c>
      <c r="D762" t="s">
        <v>746</v>
      </c>
    </row>
    <row r="763" spans="1:4" x14ac:dyDescent="0.4">
      <c r="A763">
        <v>2701144</v>
      </c>
      <c r="B763" t="s">
        <v>0</v>
      </c>
      <c r="C763" t="s">
        <v>706</v>
      </c>
      <c r="D763" t="s">
        <v>747</v>
      </c>
    </row>
    <row r="764" spans="1:4" x14ac:dyDescent="0.4">
      <c r="A764">
        <v>2701174</v>
      </c>
      <c r="B764" t="s">
        <v>0</v>
      </c>
      <c r="C764" t="s">
        <v>706</v>
      </c>
      <c r="D764" t="s">
        <v>748</v>
      </c>
    </row>
    <row r="765" spans="1:4" x14ac:dyDescent="0.4">
      <c r="A765">
        <v>2701123</v>
      </c>
      <c r="B765" t="s">
        <v>0</v>
      </c>
      <c r="C765" t="s">
        <v>706</v>
      </c>
      <c r="D765" t="s">
        <v>749</v>
      </c>
    </row>
    <row r="766" spans="1:4" x14ac:dyDescent="0.4">
      <c r="A766">
        <v>2701124</v>
      </c>
      <c r="B766" t="s">
        <v>0</v>
      </c>
      <c r="C766" t="s">
        <v>706</v>
      </c>
      <c r="D766" t="s">
        <v>750</v>
      </c>
    </row>
    <row r="767" spans="1:4" x14ac:dyDescent="0.4">
      <c r="A767">
        <v>2701101</v>
      </c>
      <c r="B767" t="s">
        <v>0</v>
      </c>
      <c r="C767" t="s">
        <v>706</v>
      </c>
      <c r="D767" t="s">
        <v>751</v>
      </c>
    </row>
    <row r="768" spans="1:4" x14ac:dyDescent="0.4">
      <c r="A768">
        <v>2701107</v>
      </c>
      <c r="B768" t="s">
        <v>0</v>
      </c>
      <c r="C768" t="s">
        <v>706</v>
      </c>
      <c r="D768" t="s">
        <v>752</v>
      </c>
    </row>
    <row r="769" spans="1:4" x14ac:dyDescent="0.4">
      <c r="A769">
        <v>2701103</v>
      </c>
      <c r="B769" t="s">
        <v>0</v>
      </c>
      <c r="C769" t="s">
        <v>706</v>
      </c>
      <c r="D769" t="s">
        <v>753</v>
      </c>
    </row>
    <row r="770" spans="1:4" x14ac:dyDescent="0.4">
      <c r="A770">
        <v>2701108</v>
      </c>
      <c r="B770" t="s">
        <v>0</v>
      </c>
      <c r="C770" t="s">
        <v>706</v>
      </c>
      <c r="D770" t="s">
        <v>754</v>
      </c>
    </row>
    <row r="771" spans="1:4" x14ac:dyDescent="0.4">
      <c r="A771">
        <v>2701162</v>
      </c>
      <c r="B771" t="s">
        <v>0</v>
      </c>
      <c r="C771" t="s">
        <v>706</v>
      </c>
      <c r="D771" t="s">
        <v>492</v>
      </c>
    </row>
    <row r="772" spans="1:4" x14ac:dyDescent="0.4">
      <c r="A772">
        <v>2701161</v>
      </c>
      <c r="B772" t="s">
        <v>0</v>
      </c>
      <c r="C772" t="s">
        <v>706</v>
      </c>
      <c r="D772" t="s">
        <v>494</v>
      </c>
    </row>
    <row r="773" spans="1:4" x14ac:dyDescent="0.4">
      <c r="A773">
        <v>2701158</v>
      </c>
      <c r="B773" t="s">
        <v>0</v>
      </c>
      <c r="C773" t="s">
        <v>706</v>
      </c>
      <c r="D773" t="s">
        <v>498</v>
      </c>
    </row>
    <row r="774" spans="1:4" x14ac:dyDescent="0.4">
      <c r="A774">
        <v>2701111</v>
      </c>
      <c r="B774" t="s">
        <v>0</v>
      </c>
      <c r="C774" t="s">
        <v>706</v>
      </c>
      <c r="D774" t="s">
        <v>755</v>
      </c>
    </row>
    <row r="775" spans="1:4" x14ac:dyDescent="0.4">
      <c r="A775">
        <v>2701171</v>
      </c>
      <c r="B775" t="s">
        <v>0</v>
      </c>
      <c r="C775" t="s">
        <v>706</v>
      </c>
      <c r="D775" t="s">
        <v>500</v>
      </c>
    </row>
    <row r="776" spans="1:4" x14ac:dyDescent="0.4">
      <c r="A776">
        <v>2701151</v>
      </c>
      <c r="B776" t="s">
        <v>0</v>
      </c>
      <c r="C776" t="s">
        <v>706</v>
      </c>
      <c r="D776" t="s">
        <v>403</v>
      </c>
    </row>
    <row r="777" spans="1:4" x14ac:dyDescent="0.4">
      <c r="A777">
        <v>2701105</v>
      </c>
      <c r="B777" t="s">
        <v>0</v>
      </c>
      <c r="C777" t="s">
        <v>706</v>
      </c>
      <c r="D777" t="s">
        <v>756</v>
      </c>
    </row>
    <row r="778" spans="1:4" x14ac:dyDescent="0.4">
      <c r="A778">
        <v>2701153</v>
      </c>
      <c r="B778" t="s">
        <v>0</v>
      </c>
      <c r="C778" t="s">
        <v>706</v>
      </c>
      <c r="D778" t="s">
        <v>757</v>
      </c>
    </row>
    <row r="779" spans="1:4" x14ac:dyDescent="0.4">
      <c r="A779">
        <v>2701178</v>
      </c>
      <c r="B779" t="s">
        <v>0</v>
      </c>
      <c r="C779" t="s">
        <v>706</v>
      </c>
      <c r="D779" t="s">
        <v>758</v>
      </c>
    </row>
    <row r="780" spans="1:4" x14ac:dyDescent="0.4">
      <c r="A780">
        <v>2701119</v>
      </c>
      <c r="B780" t="s">
        <v>0</v>
      </c>
      <c r="C780" t="s">
        <v>706</v>
      </c>
      <c r="D780" t="s">
        <v>759</v>
      </c>
    </row>
    <row r="781" spans="1:4" x14ac:dyDescent="0.4">
      <c r="A781">
        <v>2701102</v>
      </c>
      <c r="B781" t="s">
        <v>0</v>
      </c>
      <c r="C781" t="s">
        <v>706</v>
      </c>
      <c r="D781" t="s">
        <v>760</v>
      </c>
    </row>
    <row r="782" spans="1:4" x14ac:dyDescent="0.4">
      <c r="A782">
        <v>2701157</v>
      </c>
      <c r="B782" t="s">
        <v>0</v>
      </c>
      <c r="C782" t="s">
        <v>706</v>
      </c>
      <c r="D782" t="s">
        <v>522</v>
      </c>
    </row>
    <row r="783" spans="1:4" x14ac:dyDescent="0.4">
      <c r="A783">
        <v>2701147</v>
      </c>
      <c r="B783" t="s">
        <v>0</v>
      </c>
      <c r="C783" t="s">
        <v>706</v>
      </c>
      <c r="D783" t="s">
        <v>761</v>
      </c>
    </row>
    <row r="784" spans="1:4" x14ac:dyDescent="0.4">
      <c r="A784">
        <v>2960000</v>
      </c>
      <c r="B784" t="s">
        <v>0</v>
      </c>
      <c r="C784" t="s">
        <v>762</v>
      </c>
    </row>
    <row r="785" spans="1:4" x14ac:dyDescent="0.4">
      <c r="A785">
        <v>2995503</v>
      </c>
      <c r="B785" t="s">
        <v>0</v>
      </c>
      <c r="C785" t="s">
        <v>762</v>
      </c>
      <c r="D785" t="s">
        <v>763</v>
      </c>
    </row>
    <row r="786" spans="1:4" x14ac:dyDescent="0.4">
      <c r="A786">
        <v>2992864</v>
      </c>
      <c r="B786" t="s">
        <v>0</v>
      </c>
      <c r="C786" t="s">
        <v>762</v>
      </c>
      <c r="D786" t="s">
        <v>764</v>
      </c>
    </row>
    <row r="787" spans="1:4" x14ac:dyDescent="0.4">
      <c r="A787">
        <v>2960031</v>
      </c>
      <c r="B787" t="s">
        <v>0</v>
      </c>
      <c r="C787" t="s">
        <v>762</v>
      </c>
      <c r="D787" t="s">
        <v>765</v>
      </c>
    </row>
    <row r="788" spans="1:4" x14ac:dyDescent="0.4">
      <c r="A788">
        <v>2960024</v>
      </c>
      <c r="B788" t="s">
        <v>0</v>
      </c>
      <c r="C788" t="s">
        <v>762</v>
      </c>
      <c r="D788" t="s">
        <v>766</v>
      </c>
    </row>
    <row r="789" spans="1:4" x14ac:dyDescent="0.4">
      <c r="A789">
        <v>2960045</v>
      </c>
      <c r="B789" t="s">
        <v>0</v>
      </c>
      <c r="C789" t="s">
        <v>762</v>
      </c>
      <c r="D789" t="s">
        <v>767</v>
      </c>
    </row>
    <row r="790" spans="1:4" x14ac:dyDescent="0.4">
      <c r="A790">
        <v>2960003</v>
      </c>
      <c r="B790" t="s">
        <v>0</v>
      </c>
      <c r="C790" t="s">
        <v>762</v>
      </c>
      <c r="D790" t="s">
        <v>768</v>
      </c>
    </row>
    <row r="791" spans="1:4" x14ac:dyDescent="0.4">
      <c r="A791">
        <v>2995502</v>
      </c>
      <c r="B791" t="s">
        <v>0</v>
      </c>
      <c r="C791" t="s">
        <v>762</v>
      </c>
      <c r="D791" t="s">
        <v>769</v>
      </c>
    </row>
    <row r="792" spans="1:4" x14ac:dyDescent="0.4">
      <c r="A792">
        <v>2960035</v>
      </c>
      <c r="B792" t="s">
        <v>0</v>
      </c>
      <c r="C792" t="s">
        <v>762</v>
      </c>
      <c r="D792" t="s">
        <v>770</v>
      </c>
    </row>
    <row r="793" spans="1:4" x14ac:dyDescent="0.4">
      <c r="A793">
        <v>2992842</v>
      </c>
      <c r="B793" t="s">
        <v>0</v>
      </c>
      <c r="C793" t="s">
        <v>762</v>
      </c>
      <c r="D793" t="s">
        <v>771</v>
      </c>
    </row>
    <row r="794" spans="1:4" x14ac:dyDescent="0.4">
      <c r="A794">
        <v>2992847</v>
      </c>
      <c r="B794" t="s">
        <v>0</v>
      </c>
      <c r="C794" t="s">
        <v>762</v>
      </c>
      <c r="D794" t="s">
        <v>772</v>
      </c>
    </row>
    <row r="795" spans="1:4" x14ac:dyDescent="0.4">
      <c r="A795">
        <v>2992846</v>
      </c>
      <c r="B795" t="s">
        <v>0</v>
      </c>
      <c r="C795" t="s">
        <v>762</v>
      </c>
      <c r="D795" t="s">
        <v>773</v>
      </c>
    </row>
    <row r="796" spans="1:4" x14ac:dyDescent="0.4">
      <c r="A796">
        <v>2992865</v>
      </c>
      <c r="B796" t="s">
        <v>0</v>
      </c>
      <c r="C796" t="s">
        <v>762</v>
      </c>
      <c r="D796" t="s">
        <v>774</v>
      </c>
    </row>
    <row r="797" spans="1:4" x14ac:dyDescent="0.4">
      <c r="A797">
        <v>2992844</v>
      </c>
      <c r="B797" t="s">
        <v>0</v>
      </c>
      <c r="C797" t="s">
        <v>762</v>
      </c>
      <c r="D797" t="s">
        <v>775</v>
      </c>
    </row>
    <row r="798" spans="1:4" x14ac:dyDescent="0.4">
      <c r="A798">
        <v>2992845</v>
      </c>
      <c r="B798" t="s">
        <v>0</v>
      </c>
      <c r="C798" t="s">
        <v>762</v>
      </c>
      <c r="D798" t="s">
        <v>776</v>
      </c>
    </row>
    <row r="799" spans="1:4" x14ac:dyDescent="0.4">
      <c r="A799">
        <v>2992866</v>
      </c>
      <c r="B799" t="s">
        <v>0</v>
      </c>
      <c r="C799" t="s">
        <v>762</v>
      </c>
      <c r="D799" t="s">
        <v>777</v>
      </c>
    </row>
    <row r="800" spans="1:4" x14ac:dyDescent="0.4">
      <c r="A800">
        <v>2960121</v>
      </c>
      <c r="B800" t="s">
        <v>0</v>
      </c>
      <c r="C800" t="s">
        <v>762</v>
      </c>
      <c r="D800" t="s">
        <v>778</v>
      </c>
    </row>
    <row r="801" spans="1:4" x14ac:dyDescent="0.4">
      <c r="A801">
        <v>2960124</v>
      </c>
      <c r="B801" t="s">
        <v>0</v>
      </c>
      <c r="C801" t="s">
        <v>762</v>
      </c>
      <c r="D801" t="s">
        <v>779</v>
      </c>
    </row>
    <row r="802" spans="1:4" x14ac:dyDescent="0.4">
      <c r="A802">
        <v>2960237</v>
      </c>
      <c r="B802" t="s">
        <v>0</v>
      </c>
      <c r="C802" t="s">
        <v>762</v>
      </c>
      <c r="D802" t="s">
        <v>780</v>
      </c>
    </row>
    <row r="803" spans="1:4" x14ac:dyDescent="0.4">
      <c r="A803">
        <v>2960023</v>
      </c>
      <c r="B803" t="s">
        <v>0</v>
      </c>
      <c r="C803" t="s">
        <v>762</v>
      </c>
      <c r="D803" t="s">
        <v>781</v>
      </c>
    </row>
    <row r="804" spans="1:4" x14ac:dyDescent="0.4">
      <c r="A804">
        <v>2960025</v>
      </c>
      <c r="B804" t="s">
        <v>0</v>
      </c>
      <c r="C804" t="s">
        <v>762</v>
      </c>
      <c r="D804" t="s">
        <v>782</v>
      </c>
    </row>
    <row r="805" spans="1:4" x14ac:dyDescent="0.4">
      <c r="A805">
        <v>2960004</v>
      </c>
      <c r="B805" t="s">
        <v>0</v>
      </c>
      <c r="C805" t="s">
        <v>762</v>
      </c>
      <c r="D805" t="s">
        <v>783</v>
      </c>
    </row>
    <row r="806" spans="1:4" x14ac:dyDescent="0.4">
      <c r="A806">
        <v>2960231</v>
      </c>
      <c r="B806" t="s">
        <v>0</v>
      </c>
      <c r="C806" t="s">
        <v>762</v>
      </c>
      <c r="D806" t="s">
        <v>784</v>
      </c>
    </row>
    <row r="807" spans="1:4" x14ac:dyDescent="0.4">
      <c r="A807">
        <v>2992858</v>
      </c>
      <c r="B807" t="s">
        <v>0</v>
      </c>
      <c r="C807" t="s">
        <v>762</v>
      </c>
      <c r="D807" t="s">
        <v>785</v>
      </c>
    </row>
    <row r="808" spans="1:4" x14ac:dyDescent="0.4">
      <c r="A808">
        <v>2960103</v>
      </c>
      <c r="B808" t="s">
        <v>0</v>
      </c>
      <c r="C808" t="s">
        <v>762</v>
      </c>
      <c r="D808" t="s">
        <v>786</v>
      </c>
    </row>
    <row r="809" spans="1:4" x14ac:dyDescent="0.4">
      <c r="A809">
        <v>2960015</v>
      </c>
      <c r="B809" t="s">
        <v>0</v>
      </c>
      <c r="C809" t="s">
        <v>762</v>
      </c>
      <c r="D809" t="s">
        <v>787</v>
      </c>
    </row>
    <row r="810" spans="1:4" x14ac:dyDescent="0.4">
      <c r="A810">
        <v>2960101</v>
      </c>
      <c r="B810" t="s">
        <v>0</v>
      </c>
      <c r="C810" t="s">
        <v>762</v>
      </c>
      <c r="D810" t="s">
        <v>788</v>
      </c>
    </row>
    <row r="811" spans="1:4" x14ac:dyDescent="0.4">
      <c r="A811">
        <v>2960022</v>
      </c>
      <c r="B811" t="s">
        <v>0</v>
      </c>
      <c r="C811" t="s">
        <v>762</v>
      </c>
      <c r="D811" t="s">
        <v>789</v>
      </c>
    </row>
    <row r="812" spans="1:4" x14ac:dyDescent="0.4">
      <c r="A812">
        <v>2995505</v>
      </c>
      <c r="B812" t="s">
        <v>0</v>
      </c>
      <c r="C812" t="s">
        <v>762</v>
      </c>
      <c r="D812" t="s">
        <v>790</v>
      </c>
    </row>
    <row r="813" spans="1:4" x14ac:dyDescent="0.4">
      <c r="A813">
        <v>2960233</v>
      </c>
      <c r="B813" t="s">
        <v>0</v>
      </c>
      <c r="C813" t="s">
        <v>762</v>
      </c>
      <c r="D813" t="s">
        <v>791</v>
      </c>
    </row>
    <row r="814" spans="1:4" x14ac:dyDescent="0.4">
      <c r="A814">
        <v>2960234</v>
      </c>
      <c r="B814" t="s">
        <v>0</v>
      </c>
      <c r="C814" t="s">
        <v>762</v>
      </c>
      <c r="D814" t="s">
        <v>792</v>
      </c>
    </row>
    <row r="815" spans="1:4" x14ac:dyDescent="0.4">
      <c r="A815">
        <v>2995501</v>
      </c>
      <c r="B815" t="s">
        <v>0</v>
      </c>
      <c r="C815" t="s">
        <v>762</v>
      </c>
      <c r="D815" t="s">
        <v>793</v>
      </c>
    </row>
    <row r="816" spans="1:4" x14ac:dyDescent="0.4">
      <c r="A816">
        <v>2960236</v>
      </c>
      <c r="B816" t="s">
        <v>0</v>
      </c>
      <c r="C816" t="s">
        <v>762</v>
      </c>
      <c r="D816" t="s">
        <v>167</v>
      </c>
    </row>
    <row r="817" spans="1:4" x14ac:dyDescent="0.4">
      <c r="A817">
        <v>2960102</v>
      </c>
      <c r="B817" t="s">
        <v>0</v>
      </c>
      <c r="C817" t="s">
        <v>762</v>
      </c>
      <c r="D817" t="s">
        <v>794</v>
      </c>
    </row>
    <row r="818" spans="1:4" x14ac:dyDescent="0.4">
      <c r="A818">
        <v>2960106</v>
      </c>
      <c r="B818" t="s">
        <v>0</v>
      </c>
      <c r="C818" t="s">
        <v>762</v>
      </c>
      <c r="D818" t="s">
        <v>795</v>
      </c>
    </row>
    <row r="819" spans="1:4" x14ac:dyDescent="0.4">
      <c r="A819">
        <v>2992854</v>
      </c>
      <c r="B819" t="s">
        <v>0</v>
      </c>
      <c r="C819" t="s">
        <v>762</v>
      </c>
      <c r="D819" t="s">
        <v>796</v>
      </c>
    </row>
    <row r="820" spans="1:4" x14ac:dyDescent="0.4">
      <c r="A820">
        <v>2960011</v>
      </c>
      <c r="B820" t="s">
        <v>0</v>
      </c>
      <c r="C820" t="s">
        <v>762</v>
      </c>
      <c r="D820" t="s">
        <v>797</v>
      </c>
    </row>
    <row r="821" spans="1:4" x14ac:dyDescent="0.4">
      <c r="A821">
        <v>2960021</v>
      </c>
      <c r="B821" t="s">
        <v>0</v>
      </c>
      <c r="C821" t="s">
        <v>762</v>
      </c>
      <c r="D821" t="s">
        <v>798</v>
      </c>
    </row>
    <row r="822" spans="1:4" x14ac:dyDescent="0.4">
      <c r="A822">
        <v>2960013</v>
      </c>
      <c r="B822" t="s">
        <v>0</v>
      </c>
      <c r="C822" t="s">
        <v>762</v>
      </c>
      <c r="D822" t="s">
        <v>799</v>
      </c>
    </row>
    <row r="823" spans="1:4" x14ac:dyDescent="0.4">
      <c r="A823">
        <v>2960122</v>
      </c>
      <c r="B823" t="s">
        <v>0</v>
      </c>
      <c r="C823" t="s">
        <v>762</v>
      </c>
      <c r="D823" t="s">
        <v>800</v>
      </c>
    </row>
    <row r="824" spans="1:4" x14ac:dyDescent="0.4">
      <c r="A824">
        <v>2960111</v>
      </c>
      <c r="B824" t="s">
        <v>0</v>
      </c>
      <c r="C824" t="s">
        <v>762</v>
      </c>
      <c r="D824" t="s">
        <v>801</v>
      </c>
    </row>
    <row r="825" spans="1:4" x14ac:dyDescent="0.4">
      <c r="A825">
        <v>2992851</v>
      </c>
      <c r="B825" t="s">
        <v>0</v>
      </c>
      <c r="C825" t="s">
        <v>762</v>
      </c>
      <c r="D825" t="s">
        <v>802</v>
      </c>
    </row>
    <row r="826" spans="1:4" x14ac:dyDescent="0.4">
      <c r="A826">
        <v>2960123</v>
      </c>
      <c r="B826" t="s">
        <v>0</v>
      </c>
      <c r="C826" t="s">
        <v>762</v>
      </c>
      <c r="D826" t="s">
        <v>803</v>
      </c>
    </row>
    <row r="827" spans="1:4" x14ac:dyDescent="0.4">
      <c r="A827">
        <v>2960235</v>
      </c>
      <c r="B827" t="s">
        <v>0</v>
      </c>
      <c r="C827" t="s">
        <v>762</v>
      </c>
      <c r="D827" t="s">
        <v>804</v>
      </c>
    </row>
    <row r="828" spans="1:4" x14ac:dyDescent="0.4">
      <c r="A828">
        <v>2960105</v>
      </c>
      <c r="B828" t="s">
        <v>0</v>
      </c>
      <c r="C828" t="s">
        <v>762</v>
      </c>
      <c r="D828" t="s">
        <v>805</v>
      </c>
    </row>
    <row r="829" spans="1:4" x14ac:dyDescent="0.4">
      <c r="A829">
        <v>2992856</v>
      </c>
      <c r="B829" t="s">
        <v>0</v>
      </c>
      <c r="C829" t="s">
        <v>762</v>
      </c>
      <c r="D829" t="s">
        <v>806</v>
      </c>
    </row>
    <row r="830" spans="1:4" x14ac:dyDescent="0.4">
      <c r="A830">
        <v>2992841</v>
      </c>
      <c r="B830" t="s">
        <v>0</v>
      </c>
      <c r="C830" t="s">
        <v>762</v>
      </c>
      <c r="D830" t="s">
        <v>807</v>
      </c>
    </row>
    <row r="831" spans="1:4" x14ac:dyDescent="0.4">
      <c r="A831">
        <v>2960043</v>
      </c>
      <c r="B831" t="s">
        <v>0</v>
      </c>
      <c r="C831" t="s">
        <v>762</v>
      </c>
      <c r="D831" t="s">
        <v>808</v>
      </c>
    </row>
    <row r="832" spans="1:4" x14ac:dyDescent="0.4">
      <c r="A832">
        <v>2992867</v>
      </c>
      <c r="B832" t="s">
        <v>0</v>
      </c>
      <c r="C832" t="s">
        <v>762</v>
      </c>
      <c r="D832" t="s">
        <v>809</v>
      </c>
    </row>
    <row r="833" spans="1:4" x14ac:dyDescent="0.4">
      <c r="A833">
        <v>2960034</v>
      </c>
      <c r="B833" t="s">
        <v>0</v>
      </c>
      <c r="C833" t="s">
        <v>762</v>
      </c>
      <c r="D833" t="s">
        <v>810</v>
      </c>
    </row>
    <row r="834" spans="1:4" x14ac:dyDescent="0.4">
      <c r="A834">
        <v>2992855</v>
      </c>
      <c r="B834" t="s">
        <v>0</v>
      </c>
      <c r="C834" t="s">
        <v>762</v>
      </c>
      <c r="D834" t="s">
        <v>811</v>
      </c>
    </row>
    <row r="835" spans="1:4" x14ac:dyDescent="0.4">
      <c r="A835">
        <v>2921171</v>
      </c>
      <c r="B835" t="s">
        <v>0</v>
      </c>
      <c r="C835" t="s">
        <v>812</v>
      </c>
      <c r="D835" t="s">
        <v>813</v>
      </c>
    </row>
    <row r="836" spans="1:4" x14ac:dyDescent="0.4">
      <c r="A836">
        <v>2990223</v>
      </c>
      <c r="B836" t="s">
        <v>0</v>
      </c>
      <c r="C836" t="s">
        <v>814</v>
      </c>
      <c r="D836" t="s">
        <v>172</v>
      </c>
    </row>
    <row r="837" spans="1:4" x14ac:dyDescent="0.4">
      <c r="A837">
        <v>1000000</v>
      </c>
      <c r="B837" t="s">
        <v>815</v>
      </c>
      <c r="C837" t="s">
        <v>816</v>
      </c>
    </row>
    <row r="838" spans="1:4" x14ac:dyDescent="0.4">
      <c r="A838">
        <v>1006326</v>
      </c>
      <c r="B838" t="s">
        <v>815</v>
      </c>
      <c r="C838" t="s">
        <v>816</v>
      </c>
      <c r="D838" t="s">
        <v>817</v>
      </c>
    </row>
    <row r="839" spans="1:4" x14ac:dyDescent="0.4">
      <c r="A839">
        <v>1057213</v>
      </c>
      <c r="B839" t="s">
        <v>815</v>
      </c>
      <c r="C839" t="s">
        <v>818</v>
      </c>
      <c r="D839" t="s">
        <v>819</v>
      </c>
    </row>
    <row r="840" spans="1:4" x14ac:dyDescent="0.4">
      <c r="A840">
        <v>1630647</v>
      </c>
      <c r="B840" t="s">
        <v>815</v>
      </c>
      <c r="C840" t="s">
        <v>820</v>
      </c>
      <c r="D840" t="s">
        <v>821</v>
      </c>
    </row>
    <row r="841" spans="1:4" x14ac:dyDescent="0.4">
      <c r="A841">
        <v>1120015</v>
      </c>
      <c r="B841" t="s">
        <v>815</v>
      </c>
      <c r="C841" t="s">
        <v>822</v>
      </c>
      <c r="D841" t="s">
        <v>823</v>
      </c>
    </row>
    <row r="842" spans="1:4" x14ac:dyDescent="0.4">
      <c r="A842">
        <v>1130032</v>
      </c>
      <c r="B842" t="s">
        <v>815</v>
      </c>
      <c r="C842" t="s">
        <v>822</v>
      </c>
      <c r="D842" t="s">
        <v>824</v>
      </c>
    </row>
    <row r="843" spans="1:4" x14ac:dyDescent="0.4">
      <c r="A843">
        <v>1130034</v>
      </c>
      <c r="B843" t="s">
        <v>815</v>
      </c>
      <c r="C843" t="s">
        <v>822</v>
      </c>
      <c r="D843" t="s">
        <v>825</v>
      </c>
    </row>
    <row r="844" spans="1:4" x14ac:dyDescent="0.4">
      <c r="A844">
        <v>1100000</v>
      </c>
      <c r="B844" t="s">
        <v>815</v>
      </c>
      <c r="C844" t="s">
        <v>826</v>
      </c>
    </row>
    <row r="845" spans="1:4" x14ac:dyDescent="0.4">
      <c r="A845">
        <v>1100006</v>
      </c>
      <c r="B845" t="s">
        <v>815</v>
      </c>
      <c r="C845" t="s">
        <v>826</v>
      </c>
      <c r="D845" t="s">
        <v>827</v>
      </c>
    </row>
    <row r="846" spans="1:4" x14ac:dyDescent="0.4">
      <c r="A846">
        <v>1110032</v>
      </c>
      <c r="B846" t="s">
        <v>815</v>
      </c>
      <c r="C846" t="s">
        <v>826</v>
      </c>
      <c r="D846" t="s">
        <v>828</v>
      </c>
    </row>
    <row r="847" spans="1:4" x14ac:dyDescent="0.4">
      <c r="A847">
        <v>1110053</v>
      </c>
      <c r="B847" t="s">
        <v>815</v>
      </c>
      <c r="C847" t="s">
        <v>826</v>
      </c>
      <c r="D847" t="s">
        <v>829</v>
      </c>
    </row>
    <row r="848" spans="1:4" x14ac:dyDescent="0.4">
      <c r="A848">
        <v>1100008</v>
      </c>
      <c r="B848" t="s">
        <v>815</v>
      </c>
      <c r="C848" t="s">
        <v>826</v>
      </c>
      <c r="D848" t="s">
        <v>830</v>
      </c>
    </row>
    <row r="849" spans="1:4" x14ac:dyDescent="0.4">
      <c r="A849">
        <v>1110024</v>
      </c>
      <c r="B849" t="s">
        <v>815</v>
      </c>
      <c r="C849" t="s">
        <v>826</v>
      </c>
      <c r="D849" t="s">
        <v>831</v>
      </c>
    </row>
    <row r="850" spans="1:4" x14ac:dyDescent="0.4">
      <c r="A850">
        <v>1100013</v>
      </c>
      <c r="B850" t="s">
        <v>815</v>
      </c>
      <c r="C850" t="s">
        <v>826</v>
      </c>
      <c r="D850" t="s">
        <v>832</v>
      </c>
    </row>
    <row r="851" spans="1:4" x14ac:dyDescent="0.4">
      <c r="A851">
        <v>1100005</v>
      </c>
      <c r="B851" t="s">
        <v>815</v>
      </c>
      <c r="C851" t="s">
        <v>826</v>
      </c>
      <c r="D851" t="s">
        <v>533</v>
      </c>
    </row>
    <row r="852" spans="1:4" x14ac:dyDescent="0.4">
      <c r="A852">
        <v>1100007</v>
      </c>
      <c r="B852" t="s">
        <v>815</v>
      </c>
      <c r="C852" t="s">
        <v>826</v>
      </c>
      <c r="D852" t="s">
        <v>833</v>
      </c>
    </row>
    <row r="853" spans="1:4" x14ac:dyDescent="0.4">
      <c r="A853">
        <v>1100002</v>
      </c>
      <c r="B853" t="s">
        <v>815</v>
      </c>
      <c r="C853" t="s">
        <v>826</v>
      </c>
      <c r="D853" t="s">
        <v>834</v>
      </c>
    </row>
    <row r="854" spans="1:4" x14ac:dyDescent="0.4">
      <c r="A854">
        <v>1110034</v>
      </c>
      <c r="B854" t="s">
        <v>815</v>
      </c>
      <c r="C854" t="s">
        <v>826</v>
      </c>
      <c r="D854" t="s">
        <v>835</v>
      </c>
    </row>
    <row r="855" spans="1:4" x14ac:dyDescent="0.4">
      <c r="A855">
        <v>1100014</v>
      </c>
      <c r="B855" t="s">
        <v>815</v>
      </c>
      <c r="C855" t="s">
        <v>826</v>
      </c>
      <c r="D855" t="s">
        <v>836</v>
      </c>
    </row>
    <row r="856" spans="1:4" x14ac:dyDescent="0.4">
      <c r="A856">
        <v>1110022</v>
      </c>
      <c r="B856" t="s">
        <v>815</v>
      </c>
      <c r="C856" t="s">
        <v>826</v>
      </c>
      <c r="D856" t="s">
        <v>152</v>
      </c>
    </row>
    <row r="857" spans="1:4" x14ac:dyDescent="0.4">
      <c r="A857">
        <v>1110051</v>
      </c>
      <c r="B857" t="s">
        <v>815</v>
      </c>
      <c r="C857" t="s">
        <v>826</v>
      </c>
      <c r="D857" t="s">
        <v>837</v>
      </c>
    </row>
    <row r="858" spans="1:4" x14ac:dyDescent="0.4">
      <c r="A858">
        <v>1110056</v>
      </c>
      <c r="B858" t="s">
        <v>815</v>
      </c>
      <c r="C858" t="s">
        <v>826</v>
      </c>
      <c r="D858" t="s">
        <v>838</v>
      </c>
    </row>
    <row r="859" spans="1:4" x14ac:dyDescent="0.4">
      <c r="A859">
        <v>1110042</v>
      </c>
      <c r="B859" t="s">
        <v>815</v>
      </c>
      <c r="C859" t="s">
        <v>826</v>
      </c>
      <c r="D859" t="s">
        <v>728</v>
      </c>
    </row>
    <row r="860" spans="1:4" x14ac:dyDescent="0.4">
      <c r="A860">
        <v>1110043</v>
      </c>
      <c r="B860" t="s">
        <v>815</v>
      </c>
      <c r="C860" t="s">
        <v>826</v>
      </c>
      <c r="D860" t="s">
        <v>839</v>
      </c>
    </row>
    <row r="861" spans="1:4" x14ac:dyDescent="0.4">
      <c r="A861">
        <v>1100004</v>
      </c>
      <c r="B861" t="s">
        <v>815</v>
      </c>
      <c r="C861" t="s">
        <v>826</v>
      </c>
      <c r="D861" t="s">
        <v>433</v>
      </c>
    </row>
    <row r="862" spans="1:4" x14ac:dyDescent="0.4">
      <c r="A862">
        <v>1110031</v>
      </c>
      <c r="B862" t="s">
        <v>815</v>
      </c>
      <c r="C862" t="s">
        <v>826</v>
      </c>
      <c r="D862" t="s">
        <v>840</v>
      </c>
    </row>
    <row r="863" spans="1:4" x14ac:dyDescent="0.4">
      <c r="A863">
        <v>1100016</v>
      </c>
      <c r="B863" t="s">
        <v>815</v>
      </c>
      <c r="C863" t="s">
        <v>826</v>
      </c>
      <c r="D863" t="s">
        <v>841</v>
      </c>
    </row>
    <row r="864" spans="1:4" x14ac:dyDescent="0.4">
      <c r="A864">
        <v>1110054</v>
      </c>
      <c r="B864" t="s">
        <v>815</v>
      </c>
      <c r="C864" t="s">
        <v>826</v>
      </c>
      <c r="D864" t="s">
        <v>842</v>
      </c>
    </row>
    <row r="865" spans="1:4" x14ac:dyDescent="0.4">
      <c r="A865">
        <v>1110035</v>
      </c>
      <c r="B865" t="s">
        <v>815</v>
      </c>
      <c r="C865" t="s">
        <v>826</v>
      </c>
      <c r="D865" t="s">
        <v>843</v>
      </c>
    </row>
    <row r="866" spans="1:4" x14ac:dyDescent="0.4">
      <c r="A866">
        <v>1110021</v>
      </c>
      <c r="B866" t="s">
        <v>815</v>
      </c>
      <c r="C866" t="s">
        <v>826</v>
      </c>
      <c r="D866" t="s">
        <v>844</v>
      </c>
    </row>
    <row r="867" spans="1:4" x14ac:dyDescent="0.4">
      <c r="A867">
        <v>1100003</v>
      </c>
      <c r="B867" t="s">
        <v>815</v>
      </c>
      <c r="C867" t="s">
        <v>826</v>
      </c>
      <c r="D867" t="s">
        <v>199</v>
      </c>
    </row>
    <row r="868" spans="1:4" x14ac:dyDescent="0.4">
      <c r="A868">
        <v>1110023</v>
      </c>
      <c r="B868" t="s">
        <v>815</v>
      </c>
      <c r="C868" t="s">
        <v>826</v>
      </c>
      <c r="D868" t="s">
        <v>845</v>
      </c>
    </row>
    <row r="869" spans="1:4" x14ac:dyDescent="0.4">
      <c r="A869">
        <v>1110033</v>
      </c>
      <c r="B869" t="s">
        <v>815</v>
      </c>
      <c r="C869" t="s">
        <v>826</v>
      </c>
      <c r="D869" t="s">
        <v>846</v>
      </c>
    </row>
    <row r="870" spans="1:4" x14ac:dyDescent="0.4">
      <c r="A870">
        <v>1110025</v>
      </c>
      <c r="B870" t="s">
        <v>815</v>
      </c>
      <c r="C870" t="s">
        <v>826</v>
      </c>
      <c r="D870" t="s">
        <v>847</v>
      </c>
    </row>
    <row r="871" spans="1:4" x14ac:dyDescent="0.4">
      <c r="A871">
        <v>1100015</v>
      </c>
      <c r="B871" t="s">
        <v>815</v>
      </c>
      <c r="C871" t="s">
        <v>826</v>
      </c>
      <c r="D871" t="s">
        <v>848</v>
      </c>
    </row>
    <row r="872" spans="1:4" x14ac:dyDescent="0.4">
      <c r="A872">
        <v>1110036</v>
      </c>
      <c r="B872" t="s">
        <v>815</v>
      </c>
      <c r="C872" t="s">
        <v>826</v>
      </c>
      <c r="D872" t="s">
        <v>849</v>
      </c>
    </row>
    <row r="873" spans="1:4" x14ac:dyDescent="0.4">
      <c r="A873">
        <v>1110055</v>
      </c>
      <c r="B873" t="s">
        <v>815</v>
      </c>
      <c r="C873" t="s">
        <v>826</v>
      </c>
      <c r="D873" t="s">
        <v>850</v>
      </c>
    </row>
    <row r="874" spans="1:4" x14ac:dyDescent="0.4">
      <c r="A874">
        <v>1100011</v>
      </c>
      <c r="B874" t="s">
        <v>815</v>
      </c>
      <c r="C874" t="s">
        <v>826</v>
      </c>
      <c r="D874" t="s">
        <v>851</v>
      </c>
    </row>
    <row r="875" spans="1:4" x14ac:dyDescent="0.4">
      <c r="A875">
        <v>1110041</v>
      </c>
      <c r="B875" t="s">
        <v>815</v>
      </c>
      <c r="C875" t="s">
        <v>826</v>
      </c>
      <c r="D875" t="s">
        <v>852</v>
      </c>
    </row>
    <row r="876" spans="1:4" x14ac:dyDescent="0.4">
      <c r="A876">
        <v>1100001</v>
      </c>
      <c r="B876" t="s">
        <v>815</v>
      </c>
      <c r="C876" t="s">
        <v>826</v>
      </c>
      <c r="D876" t="s">
        <v>853</v>
      </c>
    </row>
    <row r="877" spans="1:4" x14ac:dyDescent="0.4">
      <c r="A877">
        <v>1110052</v>
      </c>
      <c r="B877" t="s">
        <v>815</v>
      </c>
      <c r="C877" t="s">
        <v>826</v>
      </c>
      <c r="D877" t="s">
        <v>854</v>
      </c>
    </row>
    <row r="878" spans="1:4" x14ac:dyDescent="0.4">
      <c r="A878">
        <v>1100012</v>
      </c>
      <c r="B878" t="s">
        <v>815</v>
      </c>
      <c r="C878" t="s">
        <v>826</v>
      </c>
      <c r="D878" t="s">
        <v>855</v>
      </c>
    </row>
    <row r="879" spans="1:4" x14ac:dyDescent="0.4">
      <c r="A879">
        <v>1300000</v>
      </c>
      <c r="B879" t="s">
        <v>815</v>
      </c>
      <c r="C879" t="s">
        <v>856</v>
      </c>
    </row>
    <row r="880" spans="1:4" x14ac:dyDescent="0.4">
      <c r="A880">
        <v>1300001</v>
      </c>
      <c r="B880" t="s">
        <v>815</v>
      </c>
      <c r="C880" t="s">
        <v>856</v>
      </c>
      <c r="D880" t="s">
        <v>857</v>
      </c>
    </row>
    <row r="881" spans="1:4" x14ac:dyDescent="0.4">
      <c r="A881">
        <v>1300011</v>
      </c>
      <c r="B881" t="s">
        <v>815</v>
      </c>
      <c r="C881" t="s">
        <v>856</v>
      </c>
      <c r="D881" t="s">
        <v>858</v>
      </c>
    </row>
    <row r="882" spans="1:4" x14ac:dyDescent="0.4">
      <c r="A882">
        <v>1310045</v>
      </c>
      <c r="B882" t="s">
        <v>815</v>
      </c>
      <c r="C882" t="s">
        <v>856</v>
      </c>
      <c r="D882" t="s">
        <v>859</v>
      </c>
    </row>
    <row r="883" spans="1:4" x14ac:dyDescent="0.4">
      <c r="A883">
        <v>1300014</v>
      </c>
      <c r="B883" t="s">
        <v>815</v>
      </c>
      <c r="C883" t="s">
        <v>856</v>
      </c>
      <c r="D883" t="s">
        <v>860</v>
      </c>
    </row>
    <row r="884" spans="1:4" x14ac:dyDescent="0.4">
      <c r="A884">
        <v>1300024</v>
      </c>
      <c r="B884" t="s">
        <v>815</v>
      </c>
      <c r="C884" t="s">
        <v>856</v>
      </c>
      <c r="D884" t="s">
        <v>861</v>
      </c>
    </row>
    <row r="885" spans="1:4" x14ac:dyDescent="0.4">
      <c r="A885">
        <v>1310046</v>
      </c>
      <c r="B885" t="s">
        <v>815</v>
      </c>
      <c r="C885" t="s">
        <v>856</v>
      </c>
      <c r="D885" t="s">
        <v>862</v>
      </c>
    </row>
    <row r="886" spans="1:4" x14ac:dyDescent="0.4">
      <c r="A886">
        <v>1300013</v>
      </c>
      <c r="B886" t="s">
        <v>815</v>
      </c>
      <c r="C886" t="s">
        <v>856</v>
      </c>
      <c r="D886" t="s">
        <v>863</v>
      </c>
    </row>
    <row r="887" spans="1:4" x14ac:dyDescent="0.4">
      <c r="A887">
        <v>1300022</v>
      </c>
      <c r="B887" t="s">
        <v>815</v>
      </c>
      <c r="C887" t="s">
        <v>856</v>
      </c>
      <c r="D887" t="s">
        <v>864</v>
      </c>
    </row>
    <row r="888" spans="1:4" x14ac:dyDescent="0.4">
      <c r="A888">
        <v>1310031</v>
      </c>
      <c r="B888" t="s">
        <v>815</v>
      </c>
      <c r="C888" t="s">
        <v>856</v>
      </c>
      <c r="D888" t="s">
        <v>865</v>
      </c>
    </row>
    <row r="889" spans="1:4" x14ac:dyDescent="0.4">
      <c r="A889">
        <v>1300012</v>
      </c>
      <c r="B889" t="s">
        <v>815</v>
      </c>
      <c r="C889" t="s">
        <v>856</v>
      </c>
      <c r="D889" t="s">
        <v>866</v>
      </c>
    </row>
    <row r="890" spans="1:4" x14ac:dyDescent="0.4">
      <c r="A890">
        <v>1310043</v>
      </c>
      <c r="B890" t="s">
        <v>815</v>
      </c>
      <c r="C890" t="s">
        <v>856</v>
      </c>
      <c r="D890" t="s">
        <v>867</v>
      </c>
    </row>
    <row r="891" spans="1:4" x14ac:dyDescent="0.4">
      <c r="A891">
        <v>1300023</v>
      </c>
      <c r="B891" t="s">
        <v>815</v>
      </c>
      <c r="C891" t="s">
        <v>856</v>
      </c>
      <c r="D891" t="s">
        <v>868</v>
      </c>
    </row>
    <row r="892" spans="1:4" x14ac:dyDescent="0.4">
      <c r="A892">
        <v>1300025</v>
      </c>
      <c r="B892" t="s">
        <v>815</v>
      </c>
      <c r="C892" t="s">
        <v>856</v>
      </c>
      <c r="D892" t="s">
        <v>869</v>
      </c>
    </row>
    <row r="893" spans="1:4" x14ac:dyDescent="0.4">
      <c r="A893">
        <v>1310034</v>
      </c>
      <c r="B893" t="s">
        <v>815</v>
      </c>
      <c r="C893" t="s">
        <v>856</v>
      </c>
      <c r="D893" t="s">
        <v>870</v>
      </c>
    </row>
    <row r="894" spans="1:4" x14ac:dyDescent="0.4">
      <c r="A894">
        <v>1300002</v>
      </c>
      <c r="B894" t="s">
        <v>815</v>
      </c>
      <c r="C894" t="s">
        <v>856</v>
      </c>
      <c r="D894" t="s">
        <v>871</v>
      </c>
    </row>
    <row r="895" spans="1:4" x14ac:dyDescent="0.4">
      <c r="A895">
        <v>1300005</v>
      </c>
      <c r="B895" t="s">
        <v>815</v>
      </c>
      <c r="C895" t="s">
        <v>856</v>
      </c>
      <c r="D895" t="s">
        <v>872</v>
      </c>
    </row>
    <row r="896" spans="1:4" x14ac:dyDescent="0.4">
      <c r="A896">
        <v>1310042</v>
      </c>
      <c r="B896" t="s">
        <v>815</v>
      </c>
      <c r="C896" t="s">
        <v>856</v>
      </c>
      <c r="D896" t="s">
        <v>873</v>
      </c>
    </row>
    <row r="897" spans="1:4" x14ac:dyDescent="0.4">
      <c r="A897">
        <v>1310032</v>
      </c>
      <c r="B897" t="s">
        <v>815</v>
      </c>
      <c r="C897" t="s">
        <v>856</v>
      </c>
      <c r="D897" t="s">
        <v>874</v>
      </c>
    </row>
    <row r="898" spans="1:4" x14ac:dyDescent="0.4">
      <c r="A898">
        <v>1310044</v>
      </c>
      <c r="B898" t="s">
        <v>815</v>
      </c>
      <c r="C898" t="s">
        <v>856</v>
      </c>
      <c r="D898" t="s">
        <v>875</v>
      </c>
    </row>
    <row r="899" spans="1:4" x14ac:dyDescent="0.4">
      <c r="A899">
        <v>1300004</v>
      </c>
      <c r="B899" t="s">
        <v>815</v>
      </c>
      <c r="C899" t="s">
        <v>856</v>
      </c>
      <c r="D899" t="s">
        <v>876</v>
      </c>
    </row>
    <row r="900" spans="1:4" x14ac:dyDescent="0.4">
      <c r="A900">
        <v>1300021</v>
      </c>
      <c r="B900" t="s">
        <v>815</v>
      </c>
      <c r="C900" t="s">
        <v>856</v>
      </c>
      <c r="D900" t="s">
        <v>757</v>
      </c>
    </row>
    <row r="901" spans="1:4" x14ac:dyDescent="0.4">
      <c r="A901">
        <v>1310033</v>
      </c>
      <c r="B901" t="s">
        <v>815</v>
      </c>
      <c r="C901" t="s">
        <v>856</v>
      </c>
      <c r="D901" t="s">
        <v>877</v>
      </c>
    </row>
    <row r="902" spans="1:4" x14ac:dyDescent="0.4">
      <c r="A902">
        <v>1310041</v>
      </c>
      <c r="B902" t="s">
        <v>815</v>
      </c>
      <c r="C902" t="s">
        <v>856</v>
      </c>
      <c r="D902" t="s">
        <v>878</v>
      </c>
    </row>
    <row r="903" spans="1:4" x14ac:dyDescent="0.4">
      <c r="A903">
        <v>1300015</v>
      </c>
      <c r="B903" t="s">
        <v>815</v>
      </c>
      <c r="C903" t="s">
        <v>856</v>
      </c>
      <c r="D903" t="s">
        <v>879</v>
      </c>
    </row>
    <row r="904" spans="1:4" x14ac:dyDescent="0.4">
      <c r="A904">
        <v>1300003</v>
      </c>
      <c r="B904" t="s">
        <v>815</v>
      </c>
      <c r="C904" t="s">
        <v>856</v>
      </c>
      <c r="D904" t="s">
        <v>880</v>
      </c>
    </row>
    <row r="905" spans="1:4" x14ac:dyDescent="0.4">
      <c r="A905">
        <v>1300026</v>
      </c>
      <c r="B905" t="s">
        <v>815</v>
      </c>
      <c r="C905" t="s">
        <v>856</v>
      </c>
      <c r="D905" t="s">
        <v>881</v>
      </c>
    </row>
    <row r="906" spans="1:4" x14ac:dyDescent="0.4">
      <c r="A906">
        <v>1350000</v>
      </c>
      <c r="B906" t="s">
        <v>815</v>
      </c>
      <c r="C906" t="s">
        <v>882</v>
      </c>
    </row>
    <row r="907" spans="1:4" x14ac:dyDescent="0.4">
      <c r="A907">
        <v>1350064</v>
      </c>
      <c r="B907" t="s">
        <v>815</v>
      </c>
      <c r="C907" t="s">
        <v>882</v>
      </c>
      <c r="D907" t="s">
        <v>883</v>
      </c>
    </row>
    <row r="908" spans="1:4" x14ac:dyDescent="0.4">
      <c r="A908">
        <v>1350063</v>
      </c>
      <c r="B908" t="s">
        <v>815</v>
      </c>
      <c r="C908" t="s">
        <v>882</v>
      </c>
      <c r="D908" t="s">
        <v>884</v>
      </c>
    </row>
    <row r="909" spans="1:4" x14ac:dyDescent="0.4">
      <c r="A909">
        <v>1350014</v>
      </c>
      <c r="B909" t="s">
        <v>815</v>
      </c>
      <c r="C909" t="s">
        <v>882</v>
      </c>
      <c r="D909" t="s">
        <v>885</v>
      </c>
    </row>
    <row r="910" spans="1:4" x14ac:dyDescent="0.4">
      <c r="A910">
        <v>1350012</v>
      </c>
      <c r="B910" t="s">
        <v>815</v>
      </c>
      <c r="C910" t="s">
        <v>882</v>
      </c>
      <c r="D910" t="s">
        <v>886</v>
      </c>
    </row>
    <row r="911" spans="1:4" x14ac:dyDescent="0.4">
      <c r="A911">
        <v>1350034</v>
      </c>
      <c r="B911" t="s">
        <v>815</v>
      </c>
      <c r="C911" t="s">
        <v>882</v>
      </c>
      <c r="D911" t="s">
        <v>887</v>
      </c>
    </row>
    <row r="912" spans="1:4" x14ac:dyDescent="0.4">
      <c r="A912">
        <v>1350051</v>
      </c>
      <c r="B912" t="s">
        <v>815</v>
      </c>
      <c r="C912" t="s">
        <v>882</v>
      </c>
      <c r="D912" t="s">
        <v>888</v>
      </c>
    </row>
    <row r="913" spans="1:4" x14ac:dyDescent="0.4">
      <c r="A913">
        <v>1350044</v>
      </c>
      <c r="B913" t="s">
        <v>815</v>
      </c>
      <c r="C913" t="s">
        <v>882</v>
      </c>
      <c r="D913" t="s">
        <v>889</v>
      </c>
    </row>
    <row r="914" spans="1:4" x14ac:dyDescent="0.4">
      <c r="A914">
        <v>1350011</v>
      </c>
      <c r="B914" t="s">
        <v>815</v>
      </c>
      <c r="C914" t="s">
        <v>882</v>
      </c>
      <c r="D914" t="s">
        <v>890</v>
      </c>
    </row>
    <row r="915" spans="1:4" x14ac:dyDescent="0.4">
      <c r="A915">
        <v>1360072</v>
      </c>
      <c r="B915" t="s">
        <v>815</v>
      </c>
      <c r="C915" t="s">
        <v>882</v>
      </c>
      <c r="D915" t="s">
        <v>891</v>
      </c>
    </row>
    <row r="916" spans="1:4" x14ac:dyDescent="0.4">
      <c r="A916">
        <v>1360071</v>
      </c>
      <c r="B916" t="s">
        <v>815</v>
      </c>
      <c r="C916" t="s">
        <v>882</v>
      </c>
      <c r="D916" t="s">
        <v>892</v>
      </c>
    </row>
    <row r="917" spans="1:4" x14ac:dyDescent="0.4">
      <c r="A917">
        <v>1360073</v>
      </c>
      <c r="B917" t="s">
        <v>815</v>
      </c>
      <c r="C917" t="s">
        <v>882</v>
      </c>
      <c r="D917" t="s">
        <v>893</v>
      </c>
    </row>
    <row r="918" spans="1:4" x14ac:dyDescent="0.4">
      <c r="A918">
        <v>1350042</v>
      </c>
      <c r="B918" t="s">
        <v>815</v>
      </c>
      <c r="C918" t="s">
        <v>882</v>
      </c>
      <c r="D918" t="s">
        <v>894</v>
      </c>
    </row>
    <row r="919" spans="1:4" x14ac:dyDescent="0.4">
      <c r="A919">
        <v>1350024</v>
      </c>
      <c r="B919" t="s">
        <v>815</v>
      </c>
      <c r="C919" t="s">
        <v>882</v>
      </c>
      <c r="D919" t="s">
        <v>790</v>
      </c>
    </row>
    <row r="920" spans="1:4" x14ac:dyDescent="0.4">
      <c r="A920">
        <v>1350031</v>
      </c>
      <c r="B920" t="s">
        <v>815</v>
      </c>
      <c r="C920" t="s">
        <v>882</v>
      </c>
      <c r="D920" t="s">
        <v>895</v>
      </c>
    </row>
    <row r="921" spans="1:4" x14ac:dyDescent="0.4">
      <c r="A921">
        <v>1350003</v>
      </c>
      <c r="B921" t="s">
        <v>815</v>
      </c>
      <c r="C921" t="s">
        <v>882</v>
      </c>
      <c r="D921" t="s">
        <v>896</v>
      </c>
    </row>
    <row r="922" spans="1:4" x14ac:dyDescent="0.4">
      <c r="A922">
        <v>1350043</v>
      </c>
      <c r="B922" t="s">
        <v>815</v>
      </c>
      <c r="C922" t="s">
        <v>882</v>
      </c>
      <c r="D922" t="s">
        <v>897</v>
      </c>
    </row>
    <row r="923" spans="1:4" x14ac:dyDescent="0.4">
      <c r="A923">
        <v>1350052</v>
      </c>
      <c r="B923" t="s">
        <v>815</v>
      </c>
      <c r="C923" t="s">
        <v>882</v>
      </c>
      <c r="D923" t="s">
        <v>169</v>
      </c>
    </row>
    <row r="924" spans="1:4" x14ac:dyDescent="0.4">
      <c r="A924">
        <v>1350062</v>
      </c>
      <c r="B924" t="s">
        <v>815</v>
      </c>
      <c r="C924" t="s">
        <v>882</v>
      </c>
      <c r="D924" t="s">
        <v>898</v>
      </c>
    </row>
    <row r="925" spans="1:4" x14ac:dyDescent="0.4">
      <c r="A925">
        <v>1350021</v>
      </c>
      <c r="B925" t="s">
        <v>815</v>
      </c>
      <c r="C925" t="s">
        <v>882</v>
      </c>
      <c r="D925" t="s">
        <v>899</v>
      </c>
    </row>
    <row r="926" spans="1:4" x14ac:dyDescent="0.4">
      <c r="A926">
        <v>1350007</v>
      </c>
      <c r="B926" t="s">
        <v>815</v>
      </c>
      <c r="C926" t="s">
        <v>882</v>
      </c>
      <c r="D926" t="s">
        <v>900</v>
      </c>
    </row>
    <row r="927" spans="1:4" x14ac:dyDescent="0.4">
      <c r="A927">
        <v>1360082</v>
      </c>
      <c r="B927" t="s">
        <v>815</v>
      </c>
      <c r="C927" t="s">
        <v>882</v>
      </c>
      <c r="D927" t="s">
        <v>901</v>
      </c>
    </row>
    <row r="928" spans="1:4" x14ac:dyDescent="0.4">
      <c r="A928">
        <v>1360075</v>
      </c>
      <c r="B928" t="s">
        <v>815</v>
      </c>
      <c r="C928" t="s">
        <v>882</v>
      </c>
      <c r="D928" t="s">
        <v>902</v>
      </c>
    </row>
    <row r="929" spans="1:4" x14ac:dyDescent="0.4">
      <c r="A929">
        <v>1350002</v>
      </c>
      <c r="B929" t="s">
        <v>815</v>
      </c>
      <c r="C929" t="s">
        <v>882</v>
      </c>
      <c r="D929" t="s">
        <v>903</v>
      </c>
    </row>
    <row r="930" spans="1:4" x14ac:dyDescent="0.4">
      <c r="A930">
        <v>1350015</v>
      </c>
      <c r="B930" t="s">
        <v>815</v>
      </c>
      <c r="C930" t="s">
        <v>882</v>
      </c>
      <c r="D930" t="s">
        <v>904</v>
      </c>
    </row>
    <row r="931" spans="1:4" x14ac:dyDescent="0.4">
      <c r="A931">
        <v>1350013</v>
      </c>
      <c r="B931" t="s">
        <v>815</v>
      </c>
      <c r="C931" t="s">
        <v>882</v>
      </c>
      <c r="D931" t="s">
        <v>905</v>
      </c>
    </row>
    <row r="932" spans="1:4" x14ac:dyDescent="0.4">
      <c r="A932">
        <v>1350005</v>
      </c>
      <c r="B932" t="s">
        <v>815</v>
      </c>
      <c r="C932" t="s">
        <v>882</v>
      </c>
      <c r="D932" t="s">
        <v>906</v>
      </c>
    </row>
    <row r="933" spans="1:4" x14ac:dyDescent="0.4">
      <c r="A933">
        <v>1350053</v>
      </c>
      <c r="B933" t="s">
        <v>815</v>
      </c>
      <c r="C933" t="s">
        <v>882</v>
      </c>
      <c r="D933" t="s">
        <v>907</v>
      </c>
    </row>
    <row r="934" spans="1:4" x14ac:dyDescent="0.4">
      <c r="A934">
        <v>1350065</v>
      </c>
      <c r="B934" t="s">
        <v>815</v>
      </c>
      <c r="C934" t="s">
        <v>882</v>
      </c>
      <c r="D934" t="s">
        <v>908</v>
      </c>
    </row>
    <row r="935" spans="1:4" x14ac:dyDescent="0.4">
      <c r="A935">
        <v>1350016</v>
      </c>
      <c r="B935" t="s">
        <v>815</v>
      </c>
      <c r="C935" t="s">
        <v>882</v>
      </c>
      <c r="D935" t="s">
        <v>909</v>
      </c>
    </row>
    <row r="936" spans="1:4" x14ac:dyDescent="0.4">
      <c r="A936">
        <v>1350006</v>
      </c>
      <c r="B936" t="s">
        <v>815</v>
      </c>
      <c r="C936" t="s">
        <v>882</v>
      </c>
      <c r="D936" t="s">
        <v>910</v>
      </c>
    </row>
    <row r="937" spans="1:4" x14ac:dyDescent="0.4">
      <c r="A937">
        <v>1350047</v>
      </c>
      <c r="B937" t="s">
        <v>815</v>
      </c>
      <c r="C937" t="s">
        <v>882</v>
      </c>
      <c r="D937" t="s">
        <v>911</v>
      </c>
    </row>
    <row r="938" spans="1:4" x14ac:dyDescent="0.4">
      <c r="A938">
        <v>1350061</v>
      </c>
      <c r="B938" t="s">
        <v>815</v>
      </c>
      <c r="C938" t="s">
        <v>882</v>
      </c>
      <c r="D938" t="s">
        <v>912</v>
      </c>
    </row>
    <row r="939" spans="1:4" x14ac:dyDescent="0.4">
      <c r="A939">
        <v>1356090</v>
      </c>
      <c r="B939" t="s">
        <v>815</v>
      </c>
      <c r="C939" t="s">
        <v>882</v>
      </c>
      <c r="D939" t="s">
        <v>913</v>
      </c>
    </row>
    <row r="940" spans="1:4" x14ac:dyDescent="0.4">
      <c r="A940">
        <v>1356001</v>
      </c>
      <c r="B940" t="s">
        <v>815</v>
      </c>
      <c r="C940" t="s">
        <v>882</v>
      </c>
      <c r="D940" t="s">
        <v>914</v>
      </c>
    </row>
    <row r="941" spans="1:4" x14ac:dyDescent="0.4">
      <c r="A941">
        <v>1356002</v>
      </c>
      <c r="B941" t="s">
        <v>815</v>
      </c>
      <c r="C941" t="s">
        <v>882</v>
      </c>
      <c r="D941" t="s">
        <v>915</v>
      </c>
    </row>
    <row r="942" spans="1:4" x14ac:dyDescent="0.4">
      <c r="A942">
        <v>1356003</v>
      </c>
      <c r="B942" t="s">
        <v>815</v>
      </c>
      <c r="C942" t="s">
        <v>882</v>
      </c>
      <c r="D942" t="s">
        <v>916</v>
      </c>
    </row>
    <row r="943" spans="1:4" x14ac:dyDescent="0.4">
      <c r="A943">
        <v>1356004</v>
      </c>
      <c r="B943" t="s">
        <v>815</v>
      </c>
      <c r="C943" t="s">
        <v>882</v>
      </c>
      <c r="D943" t="s">
        <v>917</v>
      </c>
    </row>
    <row r="944" spans="1:4" x14ac:dyDescent="0.4">
      <c r="A944">
        <v>1356005</v>
      </c>
      <c r="B944" t="s">
        <v>815</v>
      </c>
      <c r="C944" t="s">
        <v>882</v>
      </c>
      <c r="D944" t="s">
        <v>918</v>
      </c>
    </row>
    <row r="945" spans="1:4" x14ac:dyDescent="0.4">
      <c r="A945">
        <v>1356006</v>
      </c>
      <c r="B945" t="s">
        <v>815</v>
      </c>
      <c r="C945" t="s">
        <v>882</v>
      </c>
      <c r="D945" t="s">
        <v>919</v>
      </c>
    </row>
    <row r="946" spans="1:4" x14ac:dyDescent="0.4">
      <c r="A946">
        <v>1356007</v>
      </c>
      <c r="B946" t="s">
        <v>815</v>
      </c>
      <c r="C946" t="s">
        <v>882</v>
      </c>
      <c r="D946" t="s">
        <v>920</v>
      </c>
    </row>
    <row r="947" spans="1:4" x14ac:dyDescent="0.4">
      <c r="A947">
        <v>1356008</v>
      </c>
      <c r="B947" t="s">
        <v>815</v>
      </c>
      <c r="C947" t="s">
        <v>882</v>
      </c>
      <c r="D947" t="s">
        <v>921</v>
      </c>
    </row>
    <row r="948" spans="1:4" x14ac:dyDescent="0.4">
      <c r="A948">
        <v>1356009</v>
      </c>
      <c r="B948" t="s">
        <v>815</v>
      </c>
      <c r="C948" t="s">
        <v>882</v>
      </c>
      <c r="D948" t="s">
        <v>922</v>
      </c>
    </row>
    <row r="949" spans="1:4" x14ac:dyDescent="0.4">
      <c r="A949">
        <v>1356010</v>
      </c>
      <c r="B949" t="s">
        <v>815</v>
      </c>
      <c r="C949" t="s">
        <v>882</v>
      </c>
      <c r="D949" t="s">
        <v>923</v>
      </c>
    </row>
    <row r="950" spans="1:4" x14ac:dyDescent="0.4">
      <c r="A950">
        <v>1356011</v>
      </c>
      <c r="B950" t="s">
        <v>815</v>
      </c>
      <c r="C950" t="s">
        <v>882</v>
      </c>
      <c r="D950" t="s">
        <v>924</v>
      </c>
    </row>
    <row r="951" spans="1:4" x14ac:dyDescent="0.4">
      <c r="A951">
        <v>1356012</v>
      </c>
      <c r="B951" t="s">
        <v>815</v>
      </c>
      <c r="C951" t="s">
        <v>882</v>
      </c>
      <c r="D951" t="s">
        <v>925</v>
      </c>
    </row>
    <row r="952" spans="1:4" x14ac:dyDescent="0.4">
      <c r="A952">
        <v>1356013</v>
      </c>
      <c r="B952" t="s">
        <v>815</v>
      </c>
      <c r="C952" t="s">
        <v>882</v>
      </c>
      <c r="D952" t="s">
        <v>926</v>
      </c>
    </row>
    <row r="953" spans="1:4" x14ac:dyDescent="0.4">
      <c r="A953">
        <v>1356014</v>
      </c>
      <c r="B953" t="s">
        <v>815</v>
      </c>
      <c r="C953" t="s">
        <v>882</v>
      </c>
      <c r="D953" t="s">
        <v>927</v>
      </c>
    </row>
    <row r="954" spans="1:4" x14ac:dyDescent="0.4">
      <c r="A954">
        <v>1356015</v>
      </c>
      <c r="B954" t="s">
        <v>815</v>
      </c>
      <c r="C954" t="s">
        <v>882</v>
      </c>
      <c r="D954" t="s">
        <v>928</v>
      </c>
    </row>
    <row r="955" spans="1:4" x14ac:dyDescent="0.4">
      <c r="A955">
        <v>1356016</v>
      </c>
      <c r="B955" t="s">
        <v>815</v>
      </c>
      <c r="C955" t="s">
        <v>882</v>
      </c>
      <c r="D955" t="s">
        <v>929</v>
      </c>
    </row>
    <row r="956" spans="1:4" x14ac:dyDescent="0.4">
      <c r="A956">
        <v>1356017</v>
      </c>
      <c r="B956" t="s">
        <v>815</v>
      </c>
      <c r="C956" t="s">
        <v>882</v>
      </c>
      <c r="D956" t="s">
        <v>930</v>
      </c>
    </row>
    <row r="957" spans="1:4" x14ac:dyDescent="0.4">
      <c r="A957">
        <v>1356018</v>
      </c>
      <c r="B957" t="s">
        <v>815</v>
      </c>
      <c r="C957" t="s">
        <v>882</v>
      </c>
      <c r="D957" t="s">
        <v>931</v>
      </c>
    </row>
    <row r="958" spans="1:4" x14ac:dyDescent="0.4">
      <c r="A958">
        <v>1356019</v>
      </c>
      <c r="B958" t="s">
        <v>815</v>
      </c>
      <c r="C958" t="s">
        <v>882</v>
      </c>
      <c r="D958" t="s">
        <v>932</v>
      </c>
    </row>
    <row r="959" spans="1:4" x14ac:dyDescent="0.4">
      <c r="A959">
        <v>1356020</v>
      </c>
      <c r="B959" t="s">
        <v>815</v>
      </c>
      <c r="C959" t="s">
        <v>882</v>
      </c>
      <c r="D959" t="s">
        <v>933</v>
      </c>
    </row>
    <row r="960" spans="1:4" x14ac:dyDescent="0.4">
      <c r="A960">
        <v>1356021</v>
      </c>
      <c r="B960" t="s">
        <v>815</v>
      </c>
      <c r="C960" t="s">
        <v>882</v>
      </c>
      <c r="D960" t="s">
        <v>934</v>
      </c>
    </row>
    <row r="961" spans="1:4" x14ac:dyDescent="0.4">
      <c r="A961">
        <v>1356022</v>
      </c>
      <c r="B961" t="s">
        <v>815</v>
      </c>
      <c r="C961" t="s">
        <v>882</v>
      </c>
      <c r="D961" t="s">
        <v>935</v>
      </c>
    </row>
    <row r="962" spans="1:4" x14ac:dyDescent="0.4">
      <c r="A962">
        <v>1356023</v>
      </c>
      <c r="B962" t="s">
        <v>815</v>
      </c>
      <c r="C962" t="s">
        <v>882</v>
      </c>
      <c r="D962" t="s">
        <v>936</v>
      </c>
    </row>
    <row r="963" spans="1:4" x14ac:dyDescent="0.4">
      <c r="A963">
        <v>1356024</v>
      </c>
      <c r="B963" t="s">
        <v>815</v>
      </c>
      <c r="C963" t="s">
        <v>882</v>
      </c>
      <c r="D963" t="s">
        <v>937</v>
      </c>
    </row>
    <row r="964" spans="1:4" x14ac:dyDescent="0.4">
      <c r="A964">
        <v>1356025</v>
      </c>
      <c r="B964" t="s">
        <v>815</v>
      </c>
      <c r="C964" t="s">
        <v>882</v>
      </c>
      <c r="D964" t="s">
        <v>938</v>
      </c>
    </row>
    <row r="965" spans="1:4" x14ac:dyDescent="0.4">
      <c r="A965">
        <v>1356026</v>
      </c>
      <c r="B965" t="s">
        <v>815</v>
      </c>
      <c r="C965" t="s">
        <v>882</v>
      </c>
      <c r="D965" t="s">
        <v>939</v>
      </c>
    </row>
    <row r="966" spans="1:4" x14ac:dyDescent="0.4">
      <c r="A966">
        <v>1356027</v>
      </c>
      <c r="B966" t="s">
        <v>815</v>
      </c>
      <c r="C966" t="s">
        <v>882</v>
      </c>
      <c r="D966" t="s">
        <v>940</v>
      </c>
    </row>
    <row r="967" spans="1:4" x14ac:dyDescent="0.4">
      <c r="A967">
        <v>1356028</v>
      </c>
      <c r="B967" t="s">
        <v>815</v>
      </c>
      <c r="C967" t="s">
        <v>882</v>
      </c>
      <c r="D967" t="s">
        <v>941</v>
      </c>
    </row>
    <row r="968" spans="1:4" x14ac:dyDescent="0.4">
      <c r="A968">
        <v>1356029</v>
      </c>
      <c r="B968" t="s">
        <v>815</v>
      </c>
      <c r="C968" t="s">
        <v>882</v>
      </c>
      <c r="D968" t="s">
        <v>942</v>
      </c>
    </row>
    <row r="969" spans="1:4" x14ac:dyDescent="0.4">
      <c r="A969">
        <v>1356030</v>
      </c>
      <c r="B969" t="s">
        <v>815</v>
      </c>
      <c r="C969" t="s">
        <v>882</v>
      </c>
      <c r="D969" t="s">
        <v>943</v>
      </c>
    </row>
    <row r="970" spans="1:4" x14ac:dyDescent="0.4">
      <c r="A970">
        <v>1356031</v>
      </c>
      <c r="B970" t="s">
        <v>815</v>
      </c>
      <c r="C970" t="s">
        <v>882</v>
      </c>
      <c r="D970" t="s">
        <v>944</v>
      </c>
    </row>
    <row r="971" spans="1:4" x14ac:dyDescent="0.4">
      <c r="A971">
        <v>1356032</v>
      </c>
      <c r="B971" t="s">
        <v>815</v>
      </c>
      <c r="C971" t="s">
        <v>882</v>
      </c>
      <c r="D971" t="s">
        <v>945</v>
      </c>
    </row>
    <row r="972" spans="1:4" x14ac:dyDescent="0.4">
      <c r="A972">
        <v>1356033</v>
      </c>
      <c r="B972" t="s">
        <v>815</v>
      </c>
      <c r="C972" t="s">
        <v>882</v>
      </c>
      <c r="D972" t="s">
        <v>946</v>
      </c>
    </row>
    <row r="973" spans="1:4" x14ac:dyDescent="0.4">
      <c r="A973">
        <v>1356034</v>
      </c>
      <c r="B973" t="s">
        <v>815</v>
      </c>
      <c r="C973" t="s">
        <v>882</v>
      </c>
      <c r="D973" t="s">
        <v>947</v>
      </c>
    </row>
    <row r="974" spans="1:4" x14ac:dyDescent="0.4">
      <c r="A974">
        <v>1356035</v>
      </c>
      <c r="B974" t="s">
        <v>815</v>
      </c>
      <c r="C974" t="s">
        <v>882</v>
      </c>
      <c r="D974" t="s">
        <v>948</v>
      </c>
    </row>
    <row r="975" spans="1:4" x14ac:dyDescent="0.4">
      <c r="A975">
        <v>1356036</v>
      </c>
      <c r="B975" t="s">
        <v>815</v>
      </c>
      <c r="C975" t="s">
        <v>882</v>
      </c>
      <c r="D975" t="s">
        <v>949</v>
      </c>
    </row>
    <row r="976" spans="1:4" x14ac:dyDescent="0.4">
      <c r="A976">
        <v>1356037</v>
      </c>
      <c r="B976" t="s">
        <v>815</v>
      </c>
      <c r="C976" t="s">
        <v>882</v>
      </c>
      <c r="D976" t="s">
        <v>950</v>
      </c>
    </row>
    <row r="977" spans="1:4" x14ac:dyDescent="0.4">
      <c r="A977">
        <v>1360074</v>
      </c>
      <c r="B977" t="s">
        <v>815</v>
      </c>
      <c r="C977" t="s">
        <v>882</v>
      </c>
      <c r="D977" t="s">
        <v>951</v>
      </c>
    </row>
    <row r="978" spans="1:4" x14ac:dyDescent="0.4">
      <c r="A978">
        <v>1350023</v>
      </c>
      <c r="B978" t="s">
        <v>815</v>
      </c>
      <c r="C978" t="s">
        <v>882</v>
      </c>
      <c r="D978" t="s">
        <v>952</v>
      </c>
    </row>
    <row r="979" spans="1:4" x14ac:dyDescent="0.4">
      <c r="A979">
        <v>1350033</v>
      </c>
      <c r="B979" t="s">
        <v>815</v>
      </c>
      <c r="C979" t="s">
        <v>882</v>
      </c>
      <c r="D979" t="s">
        <v>953</v>
      </c>
    </row>
    <row r="980" spans="1:4" x14ac:dyDescent="0.4">
      <c r="A980">
        <v>1350032</v>
      </c>
      <c r="B980" t="s">
        <v>815</v>
      </c>
      <c r="C980" t="s">
        <v>882</v>
      </c>
      <c r="D980" t="s">
        <v>954</v>
      </c>
    </row>
    <row r="981" spans="1:4" x14ac:dyDescent="0.4">
      <c r="A981">
        <v>1350041</v>
      </c>
      <c r="B981" t="s">
        <v>815</v>
      </c>
      <c r="C981" t="s">
        <v>882</v>
      </c>
      <c r="D981" t="s">
        <v>955</v>
      </c>
    </row>
    <row r="982" spans="1:4" x14ac:dyDescent="0.4">
      <c r="A982">
        <v>1350045</v>
      </c>
      <c r="B982" t="s">
        <v>815</v>
      </c>
      <c r="C982" t="s">
        <v>882</v>
      </c>
      <c r="D982" t="s">
        <v>956</v>
      </c>
    </row>
    <row r="983" spans="1:4" x14ac:dyDescent="0.4">
      <c r="A983">
        <v>1350046</v>
      </c>
      <c r="B983" t="s">
        <v>815</v>
      </c>
      <c r="C983" t="s">
        <v>882</v>
      </c>
      <c r="D983" t="s">
        <v>957</v>
      </c>
    </row>
    <row r="984" spans="1:4" x14ac:dyDescent="0.4">
      <c r="A984">
        <v>1360076</v>
      </c>
      <c r="B984" t="s">
        <v>815</v>
      </c>
      <c r="C984" t="s">
        <v>882</v>
      </c>
      <c r="D984" t="s">
        <v>958</v>
      </c>
    </row>
    <row r="985" spans="1:4" x14ac:dyDescent="0.4">
      <c r="A985">
        <v>1350022</v>
      </c>
      <c r="B985" t="s">
        <v>815</v>
      </c>
      <c r="C985" t="s">
        <v>882</v>
      </c>
      <c r="D985" t="s">
        <v>959</v>
      </c>
    </row>
    <row r="986" spans="1:4" x14ac:dyDescent="0.4">
      <c r="A986">
        <v>1350001</v>
      </c>
      <c r="B986" t="s">
        <v>815</v>
      </c>
      <c r="C986" t="s">
        <v>882</v>
      </c>
      <c r="D986" t="s">
        <v>960</v>
      </c>
    </row>
    <row r="987" spans="1:4" x14ac:dyDescent="0.4">
      <c r="A987">
        <v>1350004</v>
      </c>
      <c r="B987" t="s">
        <v>815</v>
      </c>
      <c r="C987" t="s">
        <v>882</v>
      </c>
      <c r="D987" t="s">
        <v>961</v>
      </c>
    </row>
    <row r="988" spans="1:4" x14ac:dyDescent="0.4">
      <c r="A988">
        <v>1350048</v>
      </c>
      <c r="B988" t="s">
        <v>815</v>
      </c>
      <c r="C988" t="s">
        <v>882</v>
      </c>
      <c r="D988" t="s">
        <v>962</v>
      </c>
    </row>
    <row r="989" spans="1:4" x14ac:dyDescent="0.4">
      <c r="A989">
        <v>1360081</v>
      </c>
      <c r="B989" t="s">
        <v>815</v>
      </c>
      <c r="C989" t="s">
        <v>882</v>
      </c>
      <c r="D989" t="s">
        <v>963</v>
      </c>
    </row>
    <row r="990" spans="1:4" x14ac:dyDescent="0.4">
      <c r="A990">
        <v>1360083</v>
      </c>
      <c r="B990" t="s">
        <v>815</v>
      </c>
      <c r="C990" t="s">
        <v>882</v>
      </c>
      <c r="D990" t="s">
        <v>964</v>
      </c>
    </row>
    <row r="991" spans="1:4" x14ac:dyDescent="0.4">
      <c r="A991">
        <v>1400000</v>
      </c>
      <c r="B991" t="s">
        <v>815</v>
      </c>
      <c r="C991" t="s">
        <v>965</v>
      </c>
    </row>
    <row r="992" spans="1:4" x14ac:dyDescent="0.4">
      <c r="A992">
        <v>2992400</v>
      </c>
      <c r="B992" t="s">
        <v>0</v>
      </c>
      <c r="C992" t="s">
        <v>966</v>
      </c>
    </row>
    <row r="993" spans="1:4" x14ac:dyDescent="0.4">
      <c r="A993">
        <v>1630648</v>
      </c>
      <c r="B993" t="s">
        <v>815</v>
      </c>
      <c r="C993" t="s">
        <v>820</v>
      </c>
      <c r="D993" t="s">
        <v>967</v>
      </c>
    </row>
    <row r="994" spans="1:4" x14ac:dyDescent="0.4">
      <c r="A994">
        <v>1630649</v>
      </c>
      <c r="B994" t="s">
        <v>815</v>
      </c>
      <c r="C994" t="s">
        <v>820</v>
      </c>
      <c r="D994" t="s">
        <v>968</v>
      </c>
    </row>
    <row r="995" spans="1:4" x14ac:dyDescent="0.4">
      <c r="A995">
        <v>1630650</v>
      </c>
      <c r="B995" t="s">
        <v>815</v>
      </c>
      <c r="C995" t="s">
        <v>820</v>
      </c>
      <c r="D995" t="s">
        <v>969</v>
      </c>
    </row>
    <row r="996" spans="1:4" x14ac:dyDescent="0.4">
      <c r="A996">
        <v>1630651</v>
      </c>
      <c r="B996" t="s">
        <v>815</v>
      </c>
      <c r="C996" t="s">
        <v>820</v>
      </c>
      <c r="D996" t="s">
        <v>970</v>
      </c>
    </row>
    <row r="997" spans="1:4" x14ac:dyDescent="0.4">
      <c r="A997">
        <v>1630652</v>
      </c>
      <c r="B997" t="s">
        <v>815</v>
      </c>
      <c r="C997" t="s">
        <v>820</v>
      </c>
      <c r="D997" t="s">
        <v>971</v>
      </c>
    </row>
    <row r="998" spans="1:4" x14ac:dyDescent="0.4">
      <c r="A998">
        <v>1630653</v>
      </c>
      <c r="B998" t="s">
        <v>815</v>
      </c>
      <c r="C998" t="s">
        <v>820</v>
      </c>
      <c r="D998" t="s">
        <v>972</v>
      </c>
    </row>
    <row r="999" spans="1:4" x14ac:dyDescent="0.4">
      <c r="A999">
        <v>1630654</v>
      </c>
      <c r="B999" t="s">
        <v>815</v>
      </c>
      <c r="C999" t="s">
        <v>820</v>
      </c>
      <c r="D999" t="s">
        <v>973</v>
      </c>
    </row>
    <row r="1000" spans="1:4" x14ac:dyDescent="0.4">
      <c r="A1000">
        <v>1630790</v>
      </c>
      <c r="B1000" t="s">
        <v>815</v>
      </c>
      <c r="C1000" t="s">
        <v>820</v>
      </c>
      <c r="D1000" t="s">
        <v>974</v>
      </c>
    </row>
    <row r="1001" spans="1:4" x14ac:dyDescent="0.4">
      <c r="A1001">
        <v>1630701</v>
      </c>
      <c r="B1001" t="s">
        <v>815</v>
      </c>
      <c r="C1001" t="s">
        <v>820</v>
      </c>
      <c r="D1001" t="s">
        <v>975</v>
      </c>
    </row>
    <row r="1002" spans="1:4" x14ac:dyDescent="0.4">
      <c r="A1002">
        <v>1630702</v>
      </c>
      <c r="B1002" t="s">
        <v>815</v>
      </c>
      <c r="C1002" t="s">
        <v>820</v>
      </c>
      <c r="D1002" t="s">
        <v>976</v>
      </c>
    </row>
    <row r="1003" spans="1:4" x14ac:dyDescent="0.4">
      <c r="A1003">
        <v>1630703</v>
      </c>
      <c r="B1003" t="s">
        <v>815</v>
      </c>
      <c r="C1003" t="s">
        <v>820</v>
      </c>
      <c r="D1003" t="s">
        <v>977</v>
      </c>
    </row>
    <row r="1004" spans="1:4" x14ac:dyDescent="0.4">
      <c r="A1004">
        <v>1630704</v>
      </c>
      <c r="B1004" t="s">
        <v>815</v>
      </c>
      <c r="C1004" t="s">
        <v>820</v>
      </c>
      <c r="D1004" t="s">
        <v>978</v>
      </c>
    </row>
    <row r="1005" spans="1:4" x14ac:dyDescent="0.4">
      <c r="A1005">
        <v>1630705</v>
      </c>
      <c r="B1005" t="s">
        <v>815</v>
      </c>
      <c r="C1005" t="s">
        <v>820</v>
      </c>
      <c r="D1005" t="s">
        <v>979</v>
      </c>
    </row>
    <row r="1006" spans="1:4" x14ac:dyDescent="0.4">
      <c r="A1006">
        <v>1630706</v>
      </c>
      <c r="B1006" t="s">
        <v>815</v>
      </c>
      <c r="C1006" t="s">
        <v>820</v>
      </c>
      <c r="D1006" t="s">
        <v>980</v>
      </c>
    </row>
    <row r="1007" spans="1:4" x14ac:dyDescent="0.4">
      <c r="A1007">
        <v>1630707</v>
      </c>
      <c r="B1007" t="s">
        <v>815</v>
      </c>
      <c r="C1007" t="s">
        <v>820</v>
      </c>
      <c r="D1007" t="s">
        <v>981</v>
      </c>
    </row>
    <row r="1008" spans="1:4" x14ac:dyDescent="0.4">
      <c r="A1008">
        <v>1630708</v>
      </c>
      <c r="B1008" t="s">
        <v>815</v>
      </c>
      <c r="C1008" t="s">
        <v>820</v>
      </c>
      <c r="D1008" t="s">
        <v>982</v>
      </c>
    </row>
    <row r="1009" spans="1:4" x14ac:dyDescent="0.4">
      <c r="A1009">
        <v>1630709</v>
      </c>
      <c r="B1009" t="s">
        <v>815</v>
      </c>
      <c r="C1009" t="s">
        <v>820</v>
      </c>
      <c r="D1009" t="s">
        <v>983</v>
      </c>
    </row>
    <row r="1010" spans="1:4" x14ac:dyDescent="0.4">
      <c r="A1010">
        <v>1630710</v>
      </c>
      <c r="B1010" t="s">
        <v>815</v>
      </c>
      <c r="C1010" t="s">
        <v>820</v>
      </c>
      <c r="D1010" t="s">
        <v>984</v>
      </c>
    </row>
    <row r="1011" spans="1:4" x14ac:dyDescent="0.4">
      <c r="A1011">
        <v>1630711</v>
      </c>
      <c r="B1011" t="s">
        <v>815</v>
      </c>
      <c r="C1011" t="s">
        <v>820</v>
      </c>
      <c r="D1011" t="s">
        <v>985</v>
      </c>
    </row>
    <row r="1012" spans="1:4" x14ac:dyDescent="0.4">
      <c r="A1012">
        <v>1630712</v>
      </c>
      <c r="B1012" t="s">
        <v>815</v>
      </c>
      <c r="C1012" t="s">
        <v>820</v>
      </c>
      <c r="D1012" t="s">
        <v>986</v>
      </c>
    </row>
    <row r="1013" spans="1:4" x14ac:dyDescent="0.4">
      <c r="A1013">
        <v>1630713</v>
      </c>
      <c r="B1013" t="s">
        <v>815</v>
      </c>
      <c r="C1013" t="s">
        <v>820</v>
      </c>
      <c r="D1013" t="s">
        <v>987</v>
      </c>
    </row>
    <row r="1014" spans="1:4" x14ac:dyDescent="0.4">
      <c r="A1014">
        <v>1630714</v>
      </c>
      <c r="B1014" t="s">
        <v>815</v>
      </c>
      <c r="C1014" t="s">
        <v>820</v>
      </c>
      <c r="D1014" t="s">
        <v>988</v>
      </c>
    </row>
    <row r="1015" spans="1:4" x14ac:dyDescent="0.4">
      <c r="A1015">
        <v>1630715</v>
      </c>
      <c r="B1015" t="s">
        <v>815</v>
      </c>
      <c r="C1015" t="s">
        <v>820</v>
      </c>
      <c r="D1015" t="s">
        <v>989</v>
      </c>
    </row>
    <row r="1016" spans="1:4" x14ac:dyDescent="0.4">
      <c r="A1016">
        <v>1630716</v>
      </c>
      <c r="B1016" t="s">
        <v>815</v>
      </c>
      <c r="C1016" t="s">
        <v>820</v>
      </c>
      <c r="D1016" t="s">
        <v>990</v>
      </c>
    </row>
    <row r="1017" spans="1:4" x14ac:dyDescent="0.4">
      <c r="A1017">
        <v>1630717</v>
      </c>
      <c r="B1017" t="s">
        <v>815</v>
      </c>
      <c r="C1017" t="s">
        <v>820</v>
      </c>
      <c r="D1017" t="s">
        <v>991</v>
      </c>
    </row>
    <row r="1018" spans="1:4" x14ac:dyDescent="0.4">
      <c r="A1018">
        <v>1630718</v>
      </c>
      <c r="B1018" t="s">
        <v>815</v>
      </c>
      <c r="C1018" t="s">
        <v>820</v>
      </c>
      <c r="D1018" t="s">
        <v>992</v>
      </c>
    </row>
    <row r="1019" spans="1:4" x14ac:dyDescent="0.4">
      <c r="A1019">
        <v>1630719</v>
      </c>
      <c r="B1019" t="s">
        <v>815</v>
      </c>
      <c r="C1019" t="s">
        <v>820</v>
      </c>
      <c r="D1019" t="s">
        <v>993</v>
      </c>
    </row>
    <row r="1020" spans="1:4" x14ac:dyDescent="0.4">
      <c r="A1020">
        <v>1630720</v>
      </c>
      <c r="B1020" t="s">
        <v>815</v>
      </c>
      <c r="C1020" t="s">
        <v>820</v>
      </c>
      <c r="D1020" t="s">
        <v>994</v>
      </c>
    </row>
    <row r="1021" spans="1:4" x14ac:dyDescent="0.4">
      <c r="A1021">
        <v>1630721</v>
      </c>
      <c r="B1021" t="s">
        <v>815</v>
      </c>
      <c r="C1021" t="s">
        <v>820</v>
      </c>
      <c r="D1021" t="s">
        <v>995</v>
      </c>
    </row>
    <row r="1022" spans="1:4" x14ac:dyDescent="0.4">
      <c r="A1022">
        <v>1630722</v>
      </c>
      <c r="B1022" t="s">
        <v>815</v>
      </c>
      <c r="C1022" t="s">
        <v>820</v>
      </c>
      <c r="D1022" t="s">
        <v>996</v>
      </c>
    </row>
    <row r="1023" spans="1:4" x14ac:dyDescent="0.4">
      <c r="A1023">
        <v>1630723</v>
      </c>
      <c r="B1023" t="s">
        <v>815</v>
      </c>
      <c r="C1023" t="s">
        <v>820</v>
      </c>
      <c r="D1023" t="s">
        <v>997</v>
      </c>
    </row>
    <row r="1024" spans="1:4" x14ac:dyDescent="0.4">
      <c r="A1024">
        <v>1630724</v>
      </c>
      <c r="B1024" t="s">
        <v>815</v>
      </c>
      <c r="C1024" t="s">
        <v>820</v>
      </c>
      <c r="D1024" t="s">
        <v>998</v>
      </c>
    </row>
    <row r="1025" spans="1:4" x14ac:dyDescent="0.4">
      <c r="A1025">
        <v>1630725</v>
      </c>
      <c r="B1025" t="s">
        <v>815</v>
      </c>
      <c r="C1025" t="s">
        <v>820</v>
      </c>
      <c r="D1025" t="s">
        <v>999</v>
      </c>
    </row>
    <row r="1026" spans="1:4" x14ac:dyDescent="0.4">
      <c r="A1026">
        <v>1630726</v>
      </c>
      <c r="B1026" t="s">
        <v>815</v>
      </c>
      <c r="C1026" t="s">
        <v>820</v>
      </c>
      <c r="D1026" t="s">
        <v>1000</v>
      </c>
    </row>
    <row r="1027" spans="1:4" x14ac:dyDescent="0.4">
      <c r="A1027">
        <v>1630590</v>
      </c>
      <c r="B1027" t="s">
        <v>815</v>
      </c>
      <c r="C1027" t="s">
        <v>820</v>
      </c>
      <c r="D1027" t="s">
        <v>1001</v>
      </c>
    </row>
    <row r="1028" spans="1:4" x14ac:dyDescent="0.4">
      <c r="A1028">
        <v>1630501</v>
      </c>
      <c r="B1028" t="s">
        <v>815</v>
      </c>
      <c r="C1028" t="s">
        <v>820</v>
      </c>
      <c r="D1028" t="s">
        <v>1002</v>
      </c>
    </row>
    <row r="1029" spans="1:4" x14ac:dyDescent="0.4">
      <c r="A1029">
        <v>1630502</v>
      </c>
      <c r="B1029" t="s">
        <v>815</v>
      </c>
      <c r="C1029" t="s">
        <v>820</v>
      </c>
      <c r="D1029" t="s">
        <v>1003</v>
      </c>
    </row>
    <row r="1030" spans="1:4" x14ac:dyDescent="0.4">
      <c r="A1030">
        <v>1630503</v>
      </c>
      <c r="B1030" t="s">
        <v>815</v>
      </c>
      <c r="C1030" t="s">
        <v>820</v>
      </c>
      <c r="D1030" t="s">
        <v>1004</v>
      </c>
    </row>
    <row r="1031" spans="1:4" x14ac:dyDescent="0.4">
      <c r="A1031">
        <v>1630504</v>
      </c>
      <c r="B1031" t="s">
        <v>815</v>
      </c>
      <c r="C1031" t="s">
        <v>820</v>
      </c>
      <c r="D1031" t="s">
        <v>1005</v>
      </c>
    </row>
    <row r="1032" spans="1:4" x14ac:dyDescent="0.4">
      <c r="A1032">
        <v>1630505</v>
      </c>
      <c r="B1032" t="s">
        <v>815</v>
      </c>
      <c r="C1032" t="s">
        <v>820</v>
      </c>
      <c r="D1032" t="s">
        <v>1006</v>
      </c>
    </row>
    <row r="1033" spans="1:4" x14ac:dyDescent="0.4">
      <c r="A1033">
        <v>1630506</v>
      </c>
      <c r="B1033" t="s">
        <v>815</v>
      </c>
      <c r="C1033" t="s">
        <v>820</v>
      </c>
      <c r="D1033" t="s">
        <v>1007</v>
      </c>
    </row>
    <row r="1034" spans="1:4" x14ac:dyDescent="0.4">
      <c r="A1034">
        <v>1630507</v>
      </c>
      <c r="B1034" t="s">
        <v>815</v>
      </c>
      <c r="C1034" t="s">
        <v>820</v>
      </c>
      <c r="D1034" t="s">
        <v>1008</v>
      </c>
    </row>
    <row r="1035" spans="1:4" x14ac:dyDescent="0.4">
      <c r="A1035">
        <v>1630508</v>
      </c>
      <c r="B1035" t="s">
        <v>815</v>
      </c>
      <c r="C1035" t="s">
        <v>820</v>
      </c>
      <c r="D1035" t="s">
        <v>1009</v>
      </c>
    </row>
    <row r="1036" spans="1:4" x14ac:dyDescent="0.4">
      <c r="A1036">
        <v>1630509</v>
      </c>
      <c r="B1036" t="s">
        <v>815</v>
      </c>
      <c r="C1036" t="s">
        <v>820</v>
      </c>
      <c r="D1036" t="s">
        <v>1010</v>
      </c>
    </row>
    <row r="1037" spans="1:4" x14ac:dyDescent="0.4">
      <c r="A1037">
        <v>1630510</v>
      </c>
      <c r="B1037" t="s">
        <v>815</v>
      </c>
      <c r="C1037" t="s">
        <v>820</v>
      </c>
      <c r="D1037" t="s">
        <v>1011</v>
      </c>
    </row>
    <row r="1038" spans="1:4" x14ac:dyDescent="0.4">
      <c r="A1038">
        <v>1630511</v>
      </c>
      <c r="B1038" t="s">
        <v>815</v>
      </c>
      <c r="C1038" t="s">
        <v>820</v>
      </c>
      <c r="D1038" t="s">
        <v>1012</v>
      </c>
    </row>
    <row r="1039" spans="1:4" x14ac:dyDescent="0.4">
      <c r="A1039">
        <v>1630512</v>
      </c>
      <c r="B1039" t="s">
        <v>815</v>
      </c>
      <c r="C1039" t="s">
        <v>820</v>
      </c>
      <c r="D1039" t="s">
        <v>1013</v>
      </c>
    </row>
    <row r="1040" spans="1:4" x14ac:dyDescent="0.4">
      <c r="A1040">
        <v>1630513</v>
      </c>
      <c r="B1040" t="s">
        <v>815</v>
      </c>
      <c r="C1040" t="s">
        <v>820</v>
      </c>
      <c r="D1040" t="s">
        <v>1014</v>
      </c>
    </row>
    <row r="1041" spans="1:4" x14ac:dyDescent="0.4">
      <c r="A1041">
        <v>1630514</v>
      </c>
      <c r="B1041" t="s">
        <v>815</v>
      </c>
      <c r="C1041" t="s">
        <v>820</v>
      </c>
      <c r="D1041" t="s">
        <v>1015</v>
      </c>
    </row>
    <row r="1042" spans="1:4" x14ac:dyDescent="0.4">
      <c r="A1042">
        <v>1630515</v>
      </c>
      <c r="B1042" t="s">
        <v>815</v>
      </c>
      <c r="C1042" t="s">
        <v>820</v>
      </c>
      <c r="D1042" t="s">
        <v>1016</v>
      </c>
    </row>
    <row r="1043" spans="1:4" x14ac:dyDescent="0.4">
      <c r="A1043">
        <v>1630516</v>
      </c>
      <c r="B1043" t="s">
        <v>815</v>
      </c>
      <c r="C1043" t="s">
        <v>820</v>
      </c>
      <c r="D1043" t="s">
        <v>1017</v>
      </c>
    </row>
    <row r="1044" spans="1:4" x14ac:dyDescent="0.4">
      <c r="A1044">
        <v>1630517</v>
      </c>
      <c r="B1044" t="s">
        <v>815</v>
      </c>
      <c r="C1044" t="s">
        <v>820</v>
      </c>
      <c r="D1044" t="s">
        <v>1018</v>
      </c>
    </row>
    <row r="1045" spans="1:4" x14ac:dyDescent="0.4">
      <c r="A1045">
        <v>1630518</v>
      </c>
      <c r="B1045" t="s">
        <v>815</v>
      </c>
      <c r="C1045" t="s">
        <v>820</v>
      </c>
      <c r="D1045" t="s">
        <v>1019</v>
      </c>
    </row>
    <row r="1046" spans="1:4" x14ac:dyDescent="0.4">
      <c r="A1046">
        <v>1630519</v>
      </c>
      <c r="B1046" t="s">
        <v>815</v>
      </c>
      <c r="C1046" t="s">
        <v>820</v>
      </c>
      <c r="D1046" t="s">
        <v>1020</v>
      </c>
    </row>
    <row r="1047" spans="1:4" x14ac:dyDescent="0.4">
      <c r="A1047">
        <v>1630520</v>
      </c>
      <c r="B1047" t="s">
        <v>815</v>
      </c>
      <c r="C1047" t="s">
        <v>820</v>
      </c>
      <c r="D1047" t="s">
        <v>1021</v>
      </c>
    </row>
    <row r="1048" spans="1:4" x14ac:dyDescent="0.4">
      <c r="A1048">
        <v>1630521</v>
      </c>
      <c r="B1048" t="s">
        <v>815</v>
      </c>
      <c r="C1048" t="s">
        <v>820</v>
      </c>
      <c r="D1048" t="s">
        <v>1022</v>
      </c>
    </row>
    <row r="1049" spans="1:4" x14ac:dyDescent="0.4">
      <c r="A1049">
        <v>1630522</v>
      </c>
      <c r="B1049" t="s">
        <v>815</v>
      </c>
      <c r="C1049" t="s">
        <v>820</v>
      </c>
      <c r="D1049" t="s">
        <v>1023</v>
      </c>
    </row>
    <row r="1050" spans="1:4" x14ac:dyDescent="0.4">
      <c r="A1050">
        <v>1630523</v>
      </c>
      <c r="B1050" t="s">
        <v>815</v>
      </c>
      <c r="C1050" t="s">
        <v>820</v>
      </c>
      <c r="D1050" t="s">
        <v>1024</v>
      </c>
    </row>
    <row r="1051" spans="1:4" x14ac:dyDescent="0.4">
      <c r="A1051">
        <v>1630524</v>
      </c>
      <c r="B1051" t="s">
        <v>815</v>
      </c>
      <c r="C1051" t="s">
        <v>820</v>
      </c>
      <c r="D1051" t="s">
        <v>1025</v>
      </c>
    </row>
    <row r="1052" spans="1:4" x14ac:dyDescent="0.4">
      <c r="A1052">
        <v>1630525</v>
      </c>
      <c r="B1052" t="s">
        <v>815</v>
      </c>
      <c r="C1052" t="s">
        <v>820</v>
      </c>
      <c r="D1052" t="s">
        <v>1026</v>
      </c>
    </row>
    <row r="1053" spans="1:4" x14ac:dyDescent="0.4">
      <c r="A1053">
        <v>1630526</v>
      </c>
      <c r="B1053" t="s">
        <v>815</v>
      </c>
      <c r="C1053" t="s">
        <v>820</v>
      </c>
      <c r="D1053" t="s">
        <v>1027</v>
      </c>
    </row>
    <row r="1054" spans="1:4" x14ac:dyDescent="0.4">
      <c r="A1054">
        <v>1630527</v>
      </c>
      <c r="B1054" t="s">
        <v>815</v>
      </c>
      <c r="C1054" t="s">
        <v>820</v>
      </c>
      <c r="D1054" t="s">
        <v>1028</v>
      </c>
    </row>
    <row r="1055" spans="1:4" x14ac:dyDescent="0.4">
      <c r="A1055">
        <v>1630528</v>
      </c>
      <c r="B1055" t="s">
        <v>815</v>
      </c>
      <c r="C1055" t="s">
        <v>820</v>
      </c>
      <c r="D1055" t="s">
        <v>1029</v>
      </c>
    </row>
    <row r="1056" spans="1:4" x14ac:dyDescent="0.4">
      <c r="A1056">
        <v>1630529</v>
      </c>
      <c r="B1056" t="s">
        <v>815</v>
      </c>
      <c r="C1056" t="s">
        <v>820</v>
      </c>
      <c r="D1056" t="s">
        <v>1030</v>
      </c>
    </row>
    <row r="1057" spans="1:4" x14ac:dyDescent="0.4">
      <c r="A1057">
        <v>1630530</v>
      </c>
      <c r="B1057" t="s">
        <v>815</v>
      </c>
      <c r="C1057" t="s">
        <v>820</v>
      </c>
      <c r="D1057" t="s">
        <v>1031</v>
      </c>
    </row>
    <row r="1058" spans="1:4" x14ac:dyDescent="0.4">
      <c r="A1058">
        <v>1630531</v>
      </c>
      <c r="B1058" t="s">
        <v>815</v>
      </c>
      <c r="C1058" t="s">
        <v>820</v>
      </c>
      <c r="D1058" t="s">
        <v>1032</v>
      </c>
    </row>
    <row r="1059" spans="1:4" x14ac:dyDescent="0.4">
      <c r="A1059">
        <v>1630532</v>
      </c>
      <c r="B1059" t="s">
        <v>815</v>
      </c>
      <c r="C1059" t="s">
        <v>820</v>
      </c>
      <c r="D1059" t="s">
        <v>1033</v>
      </c>
    </row>
    <row r="1060" spans="1:4" x14ac:dyDescent="0.4">
      <c r="A1060">
        <v>1630533</v>
      </c>
      <c r="B1060" t="s">
        <v>815</v>
      </c>
      <c r="C1060" t="s">
        <v>820</v>
      </c>
      <c r="D1060" t="s">
        <v>1034</v>
      </c>
    </row>
    <row r="1061" spans="1:4" x14ac:dyDescent="0.4">
      <c r="A1061">
        <v>1630534</v>
      </c>
      <c r="B1061" t="s">
        <v>815</v>
      </c>
      <c r="C1061" t="s">
        <v>820</v>
      </c>
      <c r="D1061" t="s">
        <v>1035</v>
      </c>
    </row>
    <row r="1062" spans="1:4" x14ac:dyDescent="0.4">
      <c r="A1062">
        <v>1630535</v>
      </c>
      <c r="B1062" t="s">
        <v>815</v>
      </c>
      <c r="C1062" t="s">
        <v>820</v>
      </c>
      <c r="D1062" t="s">
        <v>1036</v>
      </c>
    </row>
    <row r="1063" spans="1:4" x14ac:dyDescent="0.4">
      <c r="A1063">
        <v>1630536</v>
      </c>
      <c r="B1063" t="s">
        <v>815</v>
      </c>
      <c r="C1063" t="s">
        <v>820</v>
      </c>
      <c r="D1063" t="s">
        <v>1037</v>
      </c>
    </row>
    <row r="1064" spans="1:4" x14ac:dyDescent="0.4">
      <c r="A1064">
        <v>1630537</v>
      </c>
      <c r="B1064" t="s">
        <v>815</v>
      </c>
      <c r="C1064" t="s">
        <v>820</v>
      </c>
      <c r="D1064" t="s">
        <v>1038</v>
      </c>
    </row>
    <row r="1065" spans="1:4" x14ac:dyDescent="0.4">
      <c r="A1065">
        <v>1630538</v>
      </c>
      <c r="B1065" t="s">
        <v>815</v>
      </c>
      <c r="C1065" t="s">
        <v>820</v>
      </c>
      <c r="D1065" t="s">
        <v>1039</v>
      </c>
    </row>
    <row r="1066" spans="1:4" x14ac:dyDescent="0.4">
      <c r="A1066">
        <v>1630539</v>
      </c>
      <c r="B1066" t="s">
        <v>815</v>
      </c>
      <c r="C1066" t="s">
        <v>820</v>
      </c>
      <c r="D1066" t="s">
        <v>1040</v>
      </c>
    </row>
    <row r="1067" spans="1:4" x14ac:dyDescent="0.4">
      <c r="A1067">
        <v>1630540</v>
      </c>
      <c r="B1067" t="s">
        <v>815</v>
      </c>
      <c r="C1067" t="s">
        <v>820</v>
      </c>
      <c r="D1067" t="s">
        <v>1041</v>
      </c>
    </row>
    <row r="1068" spans="1:4" x14ac:dyDescent="0.4">
      <c r="A1068">
        <v>1630541</v>
      </c>
      <c r="B1068" t="s">
        <v>815</v>
      </c>
      <c r="C1068" t="s">
        <v>820</v>
      </c>
      <c r="D1068" t="s">
        <v>1042</v>
      </c>
    </row>
    <row r="1069" spans="1:4" x14ac:dyDescent="0.4">
      <c r="A1069">
        <v>1630542</v>
      </c>
      <c r="B1069" t="s">
        <v>815</v>
      </c>
      <c r="C1069" t="s">
        <v>820</v>
      </c>
      <c r="D1069" t="s">
        <v>1043</v>
      </c>
    </row>
    <row r="1070" spans="1:4" x14ac:dyDescent="0.4">
      <c r="A1070">
        <v>1630543</v>
      </c>
      <c r="B1070" t="s">
        <v>815</v>
      </c>
      <c r="C1070" t="s">
        <v>820</v>
      </c>
      <c r="D1070" t="s">
        <v>1044</v>
      </c>
    </row>
    <row r="1071" spans="1:4" x14ac:dyDescent="0.4">
      <c r="A1071">
        <v>1630544</v>
      </c>
      <c r="B1071" t="s">
        <v>815</v>
      </c>
      <c r="C1071" t="s">
        <v>820</v>
      </c>
      <c r="D1071" t="s">
        <v>1045</v>
      </c>
    </row>
    <row r="1072" spans="1:4" x14ac:dyDescent="0.4">
      <c r="A1072">
        <v>1630545</v>
      </c>
      <c r="B1072" t="s">
        <v>815</v>
      </c>
      <c r="C1072" t="s">
        <v>820</v>
      </c>
      <c r="D1072" t="s">
        <v>1046</v>
      </c>
    </row>
    <row r="1073" spans="1:4" x14ac:dyDescent="0.4">
      <c r="A1073">
        <v>1630546</v>
      </c>
      <c r="B1073" t="s">
        <v>815</v>
      </c>
      <c r="C1073" t="s">
        <v>820</v>
      </c>
      <c r="D1073" t="s">
        <v>1047</v>
      </c>
    </row>
    <row r="1074" spans="1:4" x14ac:dyDescent="0.4">
      <c r="A1074">
        <v>1630547</v>
      </c>
      <c r="B1074" t="s">
        <v>815</v>
      </c>
      <c r="C1074" t="s">
        <v>820</v>
      </c>
      <c r="D1074" t="s">
        <v>1048</v>
      </c>
    </row>
    <row r="1075" spans="1:4" x14ac:dyDescent="0.4">
      <c r="A1075">
        <v>1630548</v>
      </c>
      <c r="B1075" t="s">
        <v>815</v>
      </c>
      <c r="C1075" t="s">
        <v>820</v>
      </c>
      <c r="D1075" t="s">
        <v>1049</v>
      </c>
    </row>
    <row r="1076" spans="1:4" x14ac:dyDescent="0.4">
      <c r="A1076">
        <v>1630549</v>
      </c>
      <c r="B1076" t="s">
        <v>815</v>
      </c>
      <c r="C1076" t="s">
        <v>820</v>
      </c>
      <c r="D1076" t="s">
        <v>1050</v>
      </c>
    </row>
    <row r="1077" spans="1:4" x14ac:dyDescent="0.4">
      <c r="A1077">
        <v>1630550</v>
      </c>
      <c r="B1077" t="s">
        <v>815</v>
      </c>
      <c r="C1077" t="s">
        <v>820</v>
      </c>
      <c r="D1077" t="s">
        <v>1051</v>
      </c>
    </row>
    <row r="1078" spans="1:4" x14ac:dyDescent="0.4">
      <c r="A1078">
        <v>1631090</v>
      </c>
      <c r="B1078" t="s">
        <v>815</v>
      </c>
      <c r="C1078" t="s">
        <v>820</v>
      </c>
      <c r="D1078" t="s">
        <v>1052</v>
      </c>
    </row>
    <row r="1079" spans="1:4" x14ac:dyDescent="0.4">
      <c r="A1079">
        <v>1631001</v>
      </c>
      <c r="B1079" t="s">
        <v>815</v>
      </c>
      <c r="C1079" t="s">
        <v>820</v>
      </c>
      <c r="D1079" t="s">
        <v>1053</v>
      </c>
    </row>
    <row r="1080" spans="1:4" x14ac:dyDescent="0.4">
      <c r="A1080">
        <v>1631002</v>
      </c>
      <c r="B1080" t="s">
        <v>815</v>
      </c>
      <c r="C1080" t="s">
        <v>820</v>
      </c>
      <c r="D1080" t="s">
        <v>1054</v>
      </c>
    </row>
    <row r="1081" spans="1:4" x14ac:dyDescent="0.4">
      <c r="A1081">
        <v>1631003</v>
      </c>
      <c r="B1081" t="s">
        <v>815</v>
      </c>
      <c r="C1081" t="s">
        <v>820</v>
      </c>
      <c r="D1081" t="s">
        <v>1055</v>
      </c>
    </row>
    <row r="1082" spans="1:4" x14ac:dyDescent="0.4">
      <c r="A1082">
        <v>1631004</v>
      </c>
      <c r="B1082" t="s">
        <v>815</v>
      </c>
      <c r="C1082" t="s">
        <v>820</v>
      </c>
      <c r="D1082" t="s">
        <v>1056</v>
      </c>
    </row>
    <row r="1083" spans="1:4" x14ac:dyDescent="0.4">
      <c r="A1083">
        <v>1631005</v>
      </c>
      <c r="B1083" t="s">
        <v>815</v>
      </c>
      <c r="C1083" t="s">
        <v>820</v>
      </c>
      <c r="D1083" t="s">
        <v>1057</v>
      </c>
    </row>
    <row r="1084" spans="1:4" x14ac:dyDescent="0.4">
      <c r="A1084">
        <v>1631006</v>
      </c>
      <c r="B1084" t="s">
        <v>815</v>
      </c>
      <c r="C1084" t="s">
        <v>820</v>
      </c>
      <c r="D1084" t="s">
        <v>1058</v>
      </c>
    </row>
    <row r="1085" spans="1:4" x14ac:dyDescent="0.4">
      <c r="A1085">
        <v>1631007</v>
      </c>
      <c r="B1085" t="s">
        <v>815</v>
      </c>
      <c r="C1085" t="s">
        <v>820</v>
      </c>
      <c r="D1085" t="s">
        <v>1059</v>
      </c>
    </row>
    <row r="1086" spans="1:4" x14ac:dyDescent="0.4">
      <c r="A1086">
        <v>1631008</v>
      </c>
      <c r="B1086" t="s">
        <v>815</v>
      </c>
      <c r="C1086" t="s">
        <v>820</v>
      </c>
      <c r="D1086" t="s">
        <v>1060</v>
      </c>
    </row>
    <row r="1087" spans="1:4" x14ac:dyDescent="0.4">
      <c r="A1087">
        <v>1631009</v>
      </c>
      <c r="B1087" t="s">
        <v>815</v>
      </c>
      <c r="C1087" t="s">
        <v>820</v>
      </c>
      <c r="D1087" t="s">
        <v>1061</v>
      </c>
    </row>
    <row r="1088" spans="1:4" x14ac:dyDescent="0.4">
      <c r="A1088">
        <v>1631010</v>
      </c>
      <c r="B1088" t="s">
        <v>815</v>
      </c>
      <c r="C1088" t="s">
        <v>820</v>
      </c>
      <c r="D1088" t="s">
        <v>1062</v>
      </c>
    </row>
    <row r="1089" spans="1:4" x14ac:dyDescent="0.4">
      <c r="A1089">
        <v>1631011</v>
      </c>
      <c r="B1089" t="s">
        <v>815</v>
      </c>
      <c r="C1089" t="s">
        <v>820</v>
      </c>
      <c r="D1089" t="s">
        <v>1063</v>
      </c>
    </row>
    <row r="1090" spans="1:4" x14ac:dyDescent="0.4">
      <c r="A1090">
        <v>1631012</v>
      </c>
      <c r="B1090" t="s">
        <v>815</v>
      </c>
      <c r="C1090" t="s">
        <v>820</v>
      </c>
      <c r="D1090" t="s">
        <v>1064</v>
      </c>
    </row>
    <row r="1091" spans="1:4" x14ac:dyDescent="0.4">
      <c r="A1091">
        <v>1631013</v>
      </c>
      <c r="B1091" t="s">
        <v>815</v>
      </c>
      <c r="C1091" t="s">
        <v>820</v>
      </c>
      <c r="D1091" t="s">
        <v>1065</v>
      </c>
    </row>
    <row r="1092" spans="1:4" x14ac:dyDescent="0.4">
      <c r="A1092">
        <v>1631014</v>
      </c>
      <c r="B1092" t="s">
        <v>815</v>
      </c>
      <c r="C1092" t="s">
        <v>820</v>
      </c>
      <c r="D1092" t="s">
        <v>1066</v>
      </c>
    </row>
    <row r="1093" spans="1:4" x14ac:dyDescent="0.4">
      <c r="A1093">
        <v>1631015</v>
      </c>
      <c r="B1093" t="s">
        <v>815</v>
      </c>
      <c r="C1093" t="s">
        <v>820</v>
      </c>
      <c r="D1093" t="s">
        <v>1067</v>
      </c>
    </row>
    <row r="1094" spans="1:4" x14ac:dyDescent="0.4">
      <c r="A1094">
        <v>1631016</v>
      </c>
      <c r="B1094" t="s">
        <v>815</v>
      </c>
      <c r="C1094" t="s">
        <v>820</v>
      </c>
      <c r="D1094" t="s">
        <v>1068</v>
      </c>
    </row>
    <row r="1095" spans="1:4" x14ac:dyDescent="0.4">
      <c r="A1095">
        <v>1631017</v>
      </c>
      <c r="B1095" t="s">
        <v>815</v>
      </c>
      <c r="C1095" t="s">
        <v>820</v>
      </c>
      <c r="D1095" t="s">
        <v>1069</v>
      </c>
    </row>
    <row r="1096" spans="1:4" x14ac:dyDescent="0.4">
      <c r="A1096">
        <v>1631018</v>
      </c>
      <c r="B1096" t="s">
        <v>815</v>
      </c>
      <c r="C1096" t="s">
        <v>820</v>
      </c>
      <c r="D1096" t="s">
        <v>1070</v>
      </c>
    </row>
    <row r="1097" spans="1:4" x14ac:dyDescent="0.4">
      <c r="A1097">
        <v>1631019</v>
      </c>
      <c r="B1097" t="s">
        <v>815</v>
      </c>
      <c r="C1097" t="s">
        <v>820</v>
      </c>
      <c r="D1097" t="s">
        <v>1071</v>
      </c>
    </row>
    <row r="1098" spans="1:4" x14ac:dyDescent="0.4">
      <c r="A1098">
        <v>1631020</v>
      </c>
      <c r="B1098" t="s">
        <v>815</v>
      </c>
      <c r="C1098" t="s">
        <v>820</v>
      </c>
      <c r="D1098" t="s">
        <v>1072</v>
      </c>
    </row>
    <row r="1099" spans="1:4" x14ac:dyDescent="0.4">
      <c r="A1099">
        <v>1631021</v>
      </c>
      <c r="B1099" t="s">
        <v>815</v>
      </c>
      <c r="C1099" t="s">
        <v>820</v>
      </c>
      <c r="D1099" t="s">
        <v>1073</v>
      </c>
    </row>
    <row r="1100" spans="1:4" x14ac:dyDescent="0.4">
      <c r="A1100">
        <v>1631022</v>
      </c>
      <c r="B1100" t="s">
        <v>815</v>
      </c>
      <c r="C1100" t="s">
        <v>820</v>
      </c>
      <c r="D1100" t="s">
        <v>1074</v>
      </c>
    </row>
    <row r="1101" spans="1:4" x14ac:dyDescent="0.4">
      <c r="A1101">
        <v>1631023</v>
      </c>
      <c r="B1101" t="s">
        <v>815</v>
      </c>
      <c r="C1101" t="s">
        <v>820</v>
      </c>
      <c r="D1101" t="s">
        <v>1075</v>
      </c>
    </row>
    <row r="1102" spans="1:4" x14ac:dyDescent="0.4">
      <c r="A1102">
        <v>1631024</v>
      </c>
      <c r="B1102" t="s">
        <v>815</v>
      </c>
      <c r="C1102" t="s">
        <v>820</v>
      </c>
      <c r="D1102" t="s">
        <v>1076</v>
      </c>
    </row>
    <row r="1103" spans="1:4" x14ac:dyDescent="0.4">
      <c r="A1103">
        <v>1631025</v>
      </c>
      <c r="B1103" t="s">
        <v>815</v>
      </c>
      <c r="C1103" t="s">
        <v>820</v>
      </c>
      <c r="D1103" t="s">
        <v>1077</v>
      </c>
    </row>
    <row r="1104" spans="1:4" x14ac:dyDescent="0.4">
      <c r="A1104">
        <v>1631026</v>
      </c>
      <c r="B1104" t="s">
        <v>815</v>
      </c>
      <c r="C1104" t="s">
        <v>820</v>
      </c>
      <c r="D1104" t="s">
        <v>1078</v>
      </c>
    </row>
    <row r="1105" spans="1:4" x14ac:dyDescent="0.4">
      <c r="A1105">
        <v>1631027</v>
      </c>
      <c r="B1105" t="s">
        <v>815</v>
      </c>
      <c r="C1105" t="s">
        <v>820</v>
      </c>
      <c r="D1105" t="s">
        <v>1079</v>
      </c>
    </row>
    <row r="1106" spans="1:4" x14ac:dyDescent="0.4">
      <c r="A1106">
        <v>1006327</v>
      </c>
      <c r="B1106" t="s">
        <v>815</v>
      </c>
      <c r="C1106" t="s">
        <v>816</v>
      </c>
      <c r="D1106" t="s">
        <v>1080</v>
      </c>
    </row>
    <row r="1107" spans="1:4" x14ac:dyDescent="0.4">
      <c r="A1107">
        <v>1006328</v>
      </c>
      <c r="B1107" t="s">
        <v>815</v>
      </c>
      <c r="C1107" t="s">
        <v>816</v>
      </c>
      <c r="D1107" t="s">
        <v>1081</v>
      </c>
    </row>
    <row r="1108" spans="1:4" x14ac:dyDescent="0.4">
      <c r="A1108">
        <v>1006329</v>
      </c>
      <c r="B1108" t="s">
        <v>815</v>
      </c>
      <c r="C1108" t="s">
        <v>816</v>
      </c>
      <c r="D1108" t="s">
        <v>1082</v>
      </c>
    </row>
    <row r="1109" spans="1:4" x14ac:dyDescent="0.4">
      <c r="A1109">
        <v>1006330</v>
      </c>
      <c r="B1109" t="s">
        <v>815</v>
      </c>
      <c r="C1109" t="s">
        <v>816</v>
      </c>
      <c r="D1109" t="s">
        <v>1083</v>
      </c>
    </row>
    <row r="1110" spans="1:4" x14ac:dyDescent="0.4">
      <c r="A1110">
        <v>1006331</v>
      </c>
      <c r="B1110" t="s">
        <v>815</v>
      </c>
      <c r="C1110" t="s">
        <v>816</v>
      </c>
      <c r="D1110" t="s">
        <v>1084</v>
      </c>
    </row>
    <row r="1111" spans="1:4" x14ac:dyDescent="0.4">
      <c r="A1111">
        <v>1006332</v>
      </c>
      <c r="B1111" t="s">
        <v>815</v>
      </c>
      <c r="C1111" t="s">
        <v>816</v>
      </c>
      <c r="D1111" t="s">
        <v>1085</v>
      </c>
    </row>
    <row r="1112" spans="1:4" x14ac:dyDescent="0.4">
      <c r="A1112">
        <v>1006333</v>
      </c>
      <c r="B1112" t="s">
        <v>815</v>
      </c>
      <c r="C1112" t="s">
        <v>816</v>
      </c>
      <c r="D1112" t="s">
        <v>1086</v>
      </c>
    </row>
    <row r="1113" spans="1:4" x14ac:dyDescent="0.4">
      <c r="A1113">
        <v>1006334</v>
      </c>
      <c r="B1113" t="s">
        <v>815</v>
      </c>
      <c r="C1113" t="s">
        <v>816</v>
      </c>
      <c r="D1113" t="s">
        <v>1087</v>
      </c>
    </row>
    <row r="1114" spans="1:4" x14ac:dyDescent="0.4">
      <c r="A1114">
        <v>1006335</v>
      </c>
      <c r="B1114" t="s">
        <v>815</v>
      </c>
      <c r="C1114" t="s">
        <v>816</v>
      </c>
      <c r="D1114" t="s">
        <v>1088</v>
      </c>
    </row>
    <row r="1115" spans="1:4" x14ac:dyDescent="0.4">
      <c r="A1115">
        <v>1006336</v>
      </c>
      <c r="B1115" t="s">
        <v>815</v>
      </c>
      <c r="C1115" t="s">
        <v>816</v>
      </c>
      <c r="D1115" t="s">
        <v>1089</v>
      </c>
    </row>
    <row r="1116" spans="1:4" x14ac:dyDescent="0.4">
      <c r="A1116">
        <v>1006337</v>
      </c>
      <c r="B1116" t="s">
        <v>815</v>
      </c>
      <c r="C1116" t="s">
        <v>816</v>
      </c>
      <c r="D1116" t="s">
        <v>1090</v>
      </c>
    </row>
    <row r="1117" spans="1:4" x14ac:dyDescent="0.4">
      <c r="A1117">
        <v>1010061</v>
      </c>
      <c r="B1117" t="s">
        <v>815</v>
      </c>
      <c r="C1117" t="s">
        <v>816</v>
      </c>
      <c r="D1117" t="s">
        <v>1091</v>
      </c>
    </row>
    <row r="1118" spans="1:4" x14ac:dyDescent="0.4">
      <c r="A1118">
        <v>1000006</v>
      </c>
      <c r="B1118" t="s">
        <v>815</v>
      </c>
      <c r="C1118" t="s">
        <v>816</v>
      </c>
      <c r="D1118" t="s">
        <v>1092</v>
      </c>
    </row>
    <row r="1119" spans="1:4" x14ac:dyDescent="0.4">
      <c r="A1119">
        <v>1020081</v>
      </c>
      <c r="B1119" t="s">
        <v>815</v>
      </c>
      <c r="C1119" t="s">
        <v>816</v>
      </c>
      <c r="D1119" t="s">
        <v>1093</v>
      </c>
    </row>
    <row r="1120" spans="1:4" x14ac:dyDescent="0.4">
      <c r="A1120">
        <v>1020085</v>
      </c>
      <c r="B1120" t="s">
        <v>815</v>
      </c>
      <c r="C1120" t="s">
        <v>816</v>
      </c>
      <c r="D1120" t="s">
        <v>1094</v>
      </c>
    </row>
    <row r="1121" spans="1:4" x14ac:dyDescent="0.4">
      <c r="A1121">
        <v>1030000</v>
      </c>
      <c r="B1121" t="s">
        <v>815</v>
      </c>
      <c r="C1121" t="s">
        <v>1095</v>
      </c>
    </row>
    <row r="1122" spans="1:4" x14ac:dyDescent="0.4">
      <c r="A1122">
        <v>1040044</v>
      </c>
      <c r="B1122" t="s">
        <v>815</v>
      </c>
      <c r="C1122" t="s">
        <v>1095</v>
      </c>
      <c r="D1122" t="s">
        <v>1096</v>
      </c>
    </row>
    <row r="1123" spans="1:4" x14ac:dyDescent="0.4">
      <c r="A1123">
        <v>1040042</v>
      </c>
      <c r="B1123" t="s">
        <v>815</v>
      </c>
      <c r="C1123" t="s">
        <v>1095</v>
      </c>
      <c r="D1123" t="s">
        <v>1097</v>
      </c>
    </row>
    <row r="1124" spans="1:4" x14ac:dyDescent="0.4">
      <c r="A1124">
        <v>1040054</v>
      </c>
      <c r="B1124" t="s">
        <v>815</v>
      </c>
      <c r="C1124" t="s">
        <v>1095</v>
      </c>
      <c r="D1124" t="s">
        <v>1098</v>
      </c>
    </row>
    <row r="1125" spans="1:4" x14ac:dyDescent="0.4">
      <c r="A1125">
        <v>1040031</v>
      </c>
      <c r="B1125" t="s">
        <v>815</v>
      </c>
      <c r="C1125" t="s">
        <v>1095</v>
      </c>
      <c r="D1125" t="s">
        <v>1099</v>
      </c>
    </row>
    <row r="1126" spans="1:4" x14ac:dyDescent="0.4">
      <c r="A1126">
        <v>1040061</v>
      </c>
      <c r="B1126" t="s">
        <v>815</v>
      </c>
      <c r="C1126" t="s">
        <v>1095</v>
      </c>
      <c r="D1126" t="s">
        <v>1100</v>
      </c>
    </row>
    <row r="1127" spans="1:4" x14ac:dyDescent="0.4">
      <c r="A1127">
        <v>1040033</v>
      </c>
      <c r="B1127" t="s">
        <v>815</v>
      </c>
      <c r="C1127" t="s">
        <v>1095</v>
      </c>
      <c r="D1127" t="s">
        <v>1101</v>
      </c>
    </row>
    <row r="1128" spans="1:4" x14ac:dyDescent="0.4">
      <c r="A1128">
        <v>1040041</v>
      </c>
      <c r="B1128" t="s">
        <v>815</v>
      </c>
      <c r="C1128" t="s">
        <v>1095</v>
      </c>
      <c r="D1128" t="s">
        <v>1102</v>
      </c>
    </row>
    <row r="1129" spans="1:4" x14ac:dyDescent="0.4">
      <c r="A1129">
        <v>1040052</v>
      </c>
      <c r="B1129" t="s">
        <v>815</v>
      </c>
      <c r="C1129" t="s">
        <v>1095</v>
      </c>
      <c r="D1129" t="s">
        <v>1103</v>
      </c>
    </row>
    <row r="1130" spans="1:4" x14ac:dyDescent="0.4">
      <c r="A1130">
        <v>1040045</v>
      </c>
      <c r="B1130" t="s">
        <v>815</v>
      </c>
      <c r="C1130" t="s">
        <v>1095</v>
      </c>
      <c r="D1130" t="s">
        <v>185</v>
      </c>
    </row>
    <row r="1131" spans="1:4" x14ac:dyDescent="0.4">
      <c r="A1131">
        <v>1040051</v>
      </c>
      <c r="B1131" t="s">
        <v>815</v>
      </c>
      <c r="C1131" t="s">
        <v>1095</v>
      </c>
      <c r="D1131" t="s">
        <v>1104</v>
      </c>
    </row>
    <row r="1132" spans="1:4" x14ac:dyDescent="0.4">
      <c r="A1132">
        <v>1040055</v>
      </c>
      <c r="B1132" t="s">
        <v>815</v>
      </c>
      <c r="C1132" t="s">
        <v>1095</v>
      </c>
      <c r="D1132" t="s">
        <v>1105</v>
      </c>
    </row>
    <row r="1133" spans="1:4" x14ac:dyDescent="0.4">
      <c r="A1133">
        <v>1030027</v>
      </c>
      <c r="B1133" t="s">
        <v>815</v>
      </c>
      <c r="C1133" t="s">
        <v>1095</v>
      </c>
      <c r="D1133" t="s">
        <v>1106</v>
      </c>
    </row>
    <row r="1134" spans="1:4" x14ac:dyDescent="0.4">
      <c r="A1134">
        <v>1030011</v>
      </c>
      <c r="B1134" t="s">
        <v>815</v>
      </c>
      <c r="C1134" t="s">
        <v>1095</v>
      </c>
      <c r="D1134" t="s">
        <v>1107</v>
      </c>
    </row>
    <row r="1135" spans="1:4" x14ac:dyDescent="0.4">
      <c r="A1135">
        <v>1030014</v>
      </c>
      <c r="B1135" t="s">
        <v>815</v>
      </c>
      <c r="C1135" t="s">
        <v>1095</v>
      </c>
      <c r="D1135" t="s">
        <v>1108</v>
      </c>
    </row>
    <row r="1136" spans="1:4" x14ac:dyDescent="0.4">
      <c r="A1136">
        <v>1030026</v>
      </c>
      <c r="B1136" t="s">
        <v>815</v>
      </c>
      <c r="C1136" t="s">
        <v>1095</v>
      </c>
      <c r="D1136" t="s">
        <v>1109</v>
      </c>
    </row>
    <row r="1137" spans="1:4" x14ac:dyDescent="0.4">
      <c r="A1137">
        <v>1030025</v>
      </c>
      <c r="B1137" t="s">
        <v>815</v>
      </c>
      <c r="C1137" t="s">
        <v>1095</v>
      </c>
      <c r="D1137" t="s">
        <v>1110</v>
      </c>
    </row>
    <row r="1138" spans="1:4" x14ac:dyDescent="0.4">
      <c r="A1138">
        <v>1030016</v>
      </c>
      <c r="B1138" t="s">
        <v>815</v>
      </c>
      <c r="C1138" t="s">
        <v>1095</v>
      </c>
      <c r="D1138" t="s">
        <v>1111</v>
      </c>
    </row>
    <row r="1139" spans="1:4" x14ac:dyDescent="0.4">
      <c r="A1139">
        <v>1030001</v>
      </c>
      <c r="B1139" t="s">
        <v>815</v>
      </c>
      <c r="C1139" t="s">
        <v>1095</v>
      </c>
      <c r="D1139" t="s">
        <v>1112</v>
      </c>
    </row>
    <row r="1140" spans="1:4" x14ac:dyDescent="0.4">
      <c r="A1140">
        <v>1030024</v>
      </c>
      <c r="B1140" t="s">
        <v>815</v>
      </c>
      <c r="C1140" t="s">
        <v>1095</v>
      </c>
      <c r="D1140" t="s">
        <v>1113</v>
      </c>
    </row>
    <row r="1141" spans="1:4" x14ac:dyDescent="0.4">
      <c r="A1141">
        <v>1030006</v>
      </c>
      <c r="B1141" t="s">
        <v>815</v>
      </c>
      <c r="C1141" t="s">
        <v>1095</v>
      </c>
      <c r="D1141" t="s">
        <v>1114</v>
      </c>
    </row>
    <row r="1142" spans="1:4" x14ac:dyDescent="0.4">
      <c r="A1142">
        <v>1030008</v>
      </c>
      <c r="B1142" t="s">
        <v>815</v>
      </c>
      <c r="C1142" t="s">
        <v>1095</v>
      </c>
      <c r="D1142" t="s">
        <v>1115</v>
      </c>
    </row>
    <row r="1143" spans="1:4" x14ac:dyDescent="0.4">
      <c r="A1143">
        <v>1030013</v>
      </c>
      <c r="B1143" t="s">
        <v>815</v>
      </c>
      <c r="C1143" t="s">
        <v>1095</v>
      </c>
      <c r="D1143" t="s">
        <v>1116</v>
      </c>
    </row>
    <row r="1144" spans="1:4" x14ac:dyDescent="0.4">
      <c r="A1144">
        <v>1030015</v>
      </c>
      <c r="B1144" t="s">
        <v>815</v>
      </c>
      <c r="C1144" t="s">
        <v>1095</v>
      </c>
      <c r="D1144" t="s">
        <v>1117</v>
      </c>
    </row>
    <row r="1145" spans="1:4" x14ac:dyDescent="0.4">
      <c r="A1145">
        <v>1030007</v>
      </c>
      <c r="B1145" t="s">
        <v>815</v>
      </c>
      <c r="C1145" t="s">
        <v>1095</v>
      </c>
      <c r="D1145" t="s">
        <v>1118</v>
      </c>
    </row>
    <row r="1146" spans="1:4" x14ac:dyDescent="0.4">
      <c r="A1146">
        <v>1030002</v>
      </c>
      <c r="B1146" t="s">
        <v>815</v>
      </c>
      <c r="C1146" t="s">
        <v>1095</v>
      </c>
      <c r="D1146" t="s">
        <v>1119</v>
      </c>
    </row>
    <row r="1147" spans="1:4" x14ac:dyDescent="0.4">
      <c r="A1147">
        <v>1030005</v>
      </c>
      <c r="B1147" t="s">
        <v>815</v>
      </c>
      <c r="C1147" t="s">
        <v>1095</v>
      </c>
      <c r="D1147" t="s">
        <v>1120</v>
      </c>
    </row>
    <row r="1148" spans="1:4" x14ac:dyDescent="0.4">
      <c r="A1148">
        <v>1030012</v>
      </c>
      <c r="B1148" t="s">
        <v>815</v>
      </c>
      <c r="C1148" t="s">
        <v>1095</v>
      </c>
      <c r="D1148" t="s">
        <v>1121</v>
      </c>
    </row>
    <row r="1149" spans="1:4" x14ac:dyDescent="0.4">
      <c r="A1149">
        <v>1030021</v>
      </c>
      <c r="B1149" t="s">
        <v>815</v>
      </c>
      <c r="C1149" t="s">
        <v>1095</v>
      </c>
      <c r="D1149" t="s">
        <v>1122</v>
      </c>
    </row>
    <row r="1150" spans="1:4" x14ac:dyDescent="0.4">
      <c r="A1150">
        <v>1030023</v>
      </c>
      <c r="B1150" t="s">
        <v>815</v>
      </c>
      <c r="C1150" t="s">
        <v>1095</v>
      </c>
      <c r="D1150" t="s">
        <v>1123</v>
      </c>
    </row>
    <row r="1151" spans="1:4" x14ac:dyDescent="0.4">
      <c r="A1151">
        <v>1030022</v>
      </c>
      <c r="B1151" t="s">
        <v>815</v>
      </c>
      <c r="C1151" t="s">
        <v>1095</v>
      </c>
      <c r="D1151" t="s">
        <v>1124</v>
      </c>
    </row>
    <row r="1152" spans="1:4" x14ac:dyDescent="0.4">
      <c r="A1152">
        <v>1030003</v>
      </c>
      <c r="B1152" t="s">
        <v>815</v>
      </c>
      <c r="C1152" t="s">
        <v>1095</v>
      </c>
      <c r="D1152" t="s">
        <v>1125</v>
      </c>
    </row>
    <row r="1153" spans="1:4" x14ac:dyDescent="0.4">
      <c r="A1153">
        <v>1040032</v>
      </c>
      <c r="B1153" t="s">
        <v>815</v>
      </c>
      <c r="C1153" t="s">
        <v>1095</v>
      </c>
      <c r="D1153" t="s">
        <v>1126</v>
      </c>
    </row>
    <row r="1154" spans="1:4" x14ac:dyDescent="0.4">
      <c r="A1154">
        <v>1040046</v>
      </c>
      <c r="B1154" t="s">
        <v>815</v>
      </c>
      <c r="C1154" t="s">
        <v>1095</v>
      </c>
      <c r="D1154" t="s">
        <v>1127</v>
      </c>
    </row>
    <row r="1155" spans="1:4" x14ac:dyDescent="0.4">
      <c r="A1155">
        <v>1040053</v>
      </c>
      <c r="B1155" t="s">
        <v>815</v>
      </c>
      <c r="C1155" t="s">
        <v>1095</v>
      </c>
      <c r="D1155" t="s">
        <v>1128</v>
      </c>
    </row>
    <row r="1156" spans="1:4" x14ac:dyDescent="0.4">
      <c r="A1156">
        <v>1046090</v>
      </c>
      <c r="B1156" t="s">
        <v>815</v>
      </c>
      <c r="C1156" t="s">
        <v>1095</v>
      </c>
      <c r="D1156" t="s">
        <v>1129</v>
      </c>
    </row>
    <row r="1157" spans="1:4" x14ac:dyDescent="0.4">
      <c r="A1157">
        <v>1046001</v>
      </c>
      <c r="B1157" t="s">
        <v>815</v>
      </c>
      <c r="C1157" t="s">
        <v>1095</v>
      </c>
      <c r="D1157" t="s">
        <v>1130</v>
      </c>
    </row>
    <row r="1158" spans="1:4" x14ac:dyDescent="0.4">
      <c r="A1158">
        <v>1046002</v>
      </c>
      <c r="B1158" t="s">
        <v>815</v>
      </c>
      <c r="C1158" t="s">
        <v>1095</v>
      </c>
      <c r="D1158" t="s">
        <v>1131</v>
      </c>
    </row>
    <row r="1159" spans="1:4" x14ac:dyDescent="0.4">
      <c r="A1159">
        <v>1046003</v>
      </c>
      <c r="B1159" t="s">
        <v>815</v>
      </c>
      <c r="C1159" t="s">
        <v>1095</v>
      </c>
      <c r="D1159" t="s">
        <v>1132</v>
      </c>
    </row>
    <row r="1160" spans="1:4" x14ac:dyDescent="0.4">
      <c r="A1160">
        <v>1046004</v>
      </c>
      <c r="B1160" t="s">
        <v>815</v>
      </c>
      <c r="C1160" t="s">
        <v>1095</v>
      </c>
      <c r="D1160" t="s">
        <v>1133</v>
      </c>
    </row>
    <row r="1161" spans="1:4" x14ac:dyDescent="0.4">
      <c r="A1161">
        <v>1046005</v>
      </c>
      <c r="B1161" t="s">
        <v>815</v>
      </c>
      <c r="C1161" t="s">
        <v>1095</v>
      </c>
      <c r="D1161" t="s">
        <v>1134</v>
      </c>
    </row>
    <row r="1162" spans="1:4" x14ac:dyDescent="0.4">
      <c r="A1162">
        <v>1046006</v>
      </c>
      <c r="B1162" t="s">
        <v>815</v>
      </c>
      <c r="C1162" t="s">
        <v>1095</v>
      </c>
      <c r="D1162" t="s">
        <v>1135</v>
      </c>
    </row>
    <row r="1163" spans="1:4" x14ac:dyDescent="0.4">
      <c r="A1163">
        <v>1046007</v>
      </c>
      <c r="B1163" t="s">
        <v>815</v>
      </c>
      <c r="C1163" t="s">
        <v>1095</v>
      </c>
      <c r="D1163" t="s">
        <v>1136</v>
      </c>
    </row>
    <row r="1164" spans="1:4" x14ac:dyDescent="0.4">
      <c r="A1164">
        <v>1046008</v>
      </c>
      <c r="B1164" t="s">
        <v>815</v>
      </c>
      <c r="C1164" t="s">
        <v>1095</v>
      </c>
      <c r="D1164" t="s">
        <v>1137</v>
      </c>
    </row>
    <row r="1165" spans="1:4" x14ac:dyDescent="0.4">
      <c r="A1165">
        <v>1046009</v>
      </c>
      <c r="B1165" t="s">
        <v>815</v>
      </c>
      <c r="C1165" t="s">
        <v>1095</v>
      </c>
      <c r="D1165" t="s">
        <v>1138</v>
      </c>
    </row>
    <row r="1166" spans="1:4" x14ac:dyDescent="0.4">
      <c r="A1166">
        <v>1046010</v>
      </c>
      <c r="B1166" t="s">
        <v>815</v>
      </c>
      <c r="C1166" t="s">
        <v>1095</v>
      </c>
      <c r="D1166" t="s">
        <v>1139</v>
      </c>
    </row>
    <row r="1167" spans="1:4" x14ac:dyDescent="0.4">
      <c r="A1167">
        <v>1046011</v>
      </c>
      <c r="B1167" t="s">
        <v>815</v>
      </c>
      <c r="C1167" t="s">
        <v>1095</v>
      </c>
      <c r="D1167" t="s">
        <v>1140</v>
      </c>
    </row>
    <row r="1168" spans="1:4" x14ac:dyDescent="0.4">
      <c r="A1168">
        <v>1046012</v>
      </c>
      <c r="B1168" t="s">
        <v>815</v>
      </c>
      <c r="C1168" t="s">
        <v>1095</v>
      </c>
      <c r="D1168" t="s">
        <v>1141</v>
      </c>
    </row>
    <row r="1169" spans="1:4" x14ac:dyDescent="0.4">
      <c r="A1169">
        <v>1046013</v>
      </c>
      <c r="B1169" t="s">
        <v>815</v>
      </c>
      <c r="C1169" t="s">
        <v>1095</v>
      </c>
      <c r="D1169" t="s">
        <v>1142</v>
      </c>
    </row>
    <row r="1170" spans="1:4" x14ac:dyDescent="0.4">
      <c r="A1170">
        <v>1046014</v>
      </c>
      <c r="B1170" t="s">
        <v>815</v>
      </c>
      <c r="C1170" t="s">
        <v>1095</v>
      </c>
      <c r="D1170" t="s">
        <v>1143</v>
      </c>
    </row>
    <row r="1171" spans="1:4" x14ac:dyDescent="0.4">
      <c r="A1171">
        <v>1046015</v>
      </c>
      <c r="B1171" t="s">
        <v>815</v>
      </c>
      <c r="C1171" t="s">
        <v>1095</v>
      </c>
      <c r="D1171" t="s">
        <v>1144</v>
      </c>
    </row>
    <row r="1172" spans="1:4" x14ac:dyDescent="0.4">
      <c r="A1172">
        <v>1046016</v>
      </c>
      <c r="B1172" t="s">
        <v>815</v>
      </c>
      <c r="C1172" t="s">
        <v>1095</v>
      </c>
      <c r="D1172" t="s">
        <v>1145</v>
      </c>
    </row>
    <row r="1173" spans="1:4" x14ac:dyDescent="0.4">
      <c r="A1173">
        <v>1046017</v>
      </c>
      <c r="B1173" t="s">
        <v>815</v>
      </c>
      <c r="C1173" t="s">
        <v>1095</v>
      </c>
      <c r="D1173" t="s">
        <v>1146</v>
      </c>
    </row>
    <row r="1174" spans="1:4" x14ac:dyDescent="0.4">
      <c r="A1174">
        <v>1046018</v>
      </c>
      <c r="B1174" t="s">
        <v>815</v>
      </c>
      <c r="C1174" t="s">
        <v>1095</v>
      </c>
      <c r="D1174" t="s">
        <v>1147</v>
      </c>
    </row>
    <row r="1175" spans="1:4" x14ac:dyDescent="0.4">
      <c r="A1175">
        <v>1046019</v>
      </c>
      <c r="B1175" t="s">
        <v>815</v>
      </c>
      <c r="C1175" t="s">
        <v>1095</v>
      </c>
      <c r="D1175" t="s">
        <v>1148</v>
      </c>
    </row>
    <row r="1176" spans="1:4" x14ac:dyDescent="0.4">
      <c r="A1176">
        <v>1046020</v>
      </c>
      <c r="B1176" t="s">
        <v>815</v>
      </c>
      <c r="C1176" t="s">
        <v>1095</v>
      </c>
      <c r="D1176" t="s">
        <v>1149</v>
      </c>
    </row>
    <row r="1177" spans="1:4" x14ac:dyDescent="0.4">
      <c r="A1177">
        <v>1046021</v>
      </c>
      <c r="B1177" t="s">
        <v>815</v>
      </c>
      <c r="C1177" t="s">
        <v>1095</v>
      </c>
      <c r="D1177" t="s">
        <v>1150</v>
      </c>
    </row>
    <row r="1178" spans="1:4" x14ac:dyDescent="0.4">
      <c r="A1178">
        <v>1046022</v>
      </c>
      <c r="B1178" t="s">
        <v>815</v>
      </c>
      <c r="C1178" t="s">
        <v>1095</v>
      </c>
      <c r="D1178" t="s">
        <v>1151</v>
      </c>
    </row>
    <row r="1179" spans="1:4" x14ac:dyDescent="0.4">
      <c r="A1179">
        <v>1046023</v>
      </c>
      <c r="B1179" t="s">
        <v>815</v>
      </c>
      <c r="C1179" t="s">
        <v>1095</v>
      </c>
      <c r="D1179" t="s">
        <v>1152</v>
      </c>
    </row>
    <row r="1180" spans="1:4" x14ac:dyDescent="0.4">
      <c r="A1180">
        <v>1046024</v>
      </c>
      <c r="B1180" t="s">
        <v>815</v>
      </c>
      <c r="C1180" t="s">
        <v>1095</v>
      </c>
      <c r="D1180" t="s">
        <v>1153</v>
      </c>
    </row>
    <row r="1181" spans="1:4" x14ac:dyDescent="0.4">
      <c r="A1181">
        <v>1046025</v>
      </c>
      <c r="B1181" t="s">
        <v>815</v>
      </c>
      <c r="C1181" t="s">
        <v>1095</v>
      </c>
      <c r="D1181" t="s">
        <v>1154</v>
      </c>
    </row>
    <row r="1182" spans="1:4" x14ac:dyDescent="0.4">
      <c r="A1182">
        <v>1046026</v>
      </c>
      <c r="B1182" t="s">
        <v>815</v>
      </c>
      <c r="C1182" t="s">
        <v>1095</v>
      </c>
      <c r="D1182" t="s">
        <v>1155</v>
      </c>
    </row>
    <row r="1183" spans="1:4" x14ac:dyDescent="0.4">
      <c r="A1183">
        <v>1046027</v>
      </c>
      <c r="B1183" t="s">
        <v>815</v>
      </c>
      <c r="C1183" t="s">
        <v>1095</v>
      </c>
      <c r="D1183" t="s">
        <v>1156</v>
      </c>
    </row>
    <row r="1184" spans="1:4" x14ac:dyDescent="0.4">
      <c r="A1184">
        <v>1046028</v>
      </c>
      <c r="B1184" t="s">
        <v>815</v>
      </c>
      <c r="C1184" t="s">
        <v>1095</v>
      </c>
      <c r="D1184" t="s">
        <v>1157</v>
      </c>
    </row>
    <row r="1185" spans="1:4" x14ac:dyDescent="0.4">
      <c r="A1185">
        <v>1046029</v>
      </c>
      <c r="B1185" t="s">
        <v>815</v>
      </c>
      <c r="C1185" t="s">
        <v>1095</v>
      </c>
      <c r="D1185" t="s">
        <v>1158</v>
      </c>
    </row>
    <row r="1186" spans="1:4" x14ac:dyDescent="0.4">
      <c r="A1186">
        <v>1046030</v>
      </c>
      <c r="B1186" t="s">
        <v>815</v>
      </c>
      <c r="C1186" t="s">
        <v>1095</v>
      </c>
      <c r="D1186" t="s">
        <v>1159</v>
      </c>
    </row>
    <row r="1187" spans="1:4" x14ac:dyDescent="0.4">
      <c r="A1187">
        <v>1046031</v>
      </c>
      <c r="B1187" t="s">
        <v>815</v>
      </c>
      <c r="C1187" t="s">
        <v>1095</v>
      </c>
      <c r="D1187" t="s">
        <v>1160</v>
      </c>
    </row>
    <row r="1188" spans="1:4" x14ac:dyDescent="0.4">
      <c r="A1188">
        <v>1046032</v>
      </c>
      <c r="B1188" t="s">
        <v>815</v>
      </c>
      <c r="C1188" t="s">
        <v>1095</v>
      </c>
      <c r="D1188" t="s">
        <v>1161</v>
      </c>
    </row>
    <row r="1189" spans="1:4" x14ac:dyDescent="0.4">
      <c r="A1189">
        <v>1046033</v>
      </c>
      <c r="B1189" t="s">
        <v>815</v>
      </c>
      <c r="C1189" t="s">
        <v>1095</v>
      </c>
      <c r="D1189" t="s">
        <v>1162</v>
      </c>
    </row>
    <row r="1190" spans="1:4" x14ac:dyDescent="0.4">
      <c r="A1190">
        <v>1046034</v>
      </c>
      <c r="B1190" t="s">
        <v>815</v>
      </c>
      <c r="C1190" t="s">
        <v>1095</v>
      </c>
      <c r="D1190" t="s">
        <v>1163</v>
      </c>
    </row>
    <row r="1191" spans="1:4" x14ac:dyDescent="0.4">
      <c r="A1191">
        <v>1046035</v>
      </c>
      <c r="B1191" t="s">
        <v>815</v>
      </c>
      <c r="C1191" t="s">
        <v>1095</v>
      </c>
      <c r="D1191" t="s">
        <v>1164</v>
      </c>
    </row>
    <row r="1192" spans="1:4" x14ac:dyDescent="0.4">
      <c r="A1192">
        <v>1046036</v>
      </c>
      <c r="B1192" t="s">
        <v>815</v>
      </c>
      <c r="C1192" t="s">
        <v>1095</v>
      </c>
      <c r="D1192" t="s">
        <v>1165</v>
      </c>
    </row>
    <row r="1193" spans="1:4" x14ac:dyDescent="0.4">
      <c r="A1193">
        <v>1046037</v>
      </c>
      <c r="B1193" t="s">
        <v>815</v>
      </c>
      <c r="C1193" t="s">
        <v>1095</v>
      </c>
      <c r="D1193" t="s">
        <v>1166</v>
      </c>
    </row>
    <row r="1194" spans="1:4" x14ac:dyDescent="0.4">
      <c r="A1194">
        <v>1046038</v>
      </c>
      <c r="B1194" t="s">
        <v>815</v>
      </c>
      <c r="C1194" t="s">
        <v>1095</v>
      </c>
      <c r="D1194" t="s">
        <v>1167</v>
      </c>
    </row>
    <row r="1195" spans="1:4" x14ac:dyDescent="0.4">
      <c r="A1195">
        <v>1046039</v>
      </c>
      <c r="B1195" t="s">
        <v>815</v>
      </c>
      <c r="C1195" t="s">
        <v>1095</v>
      </c>
      <c r="D1195" t="s">
        <v>1168</v>
      </c>
    </row>
    <row r="1196" spans="1:4" x14ac:dyDescent="0.4">
      <c r="A1196">
        <v>1046040</v>
      </c>
      <c r="B1196" t="s">
        <v>815</v>
      </c>
      <c r="C1196" t="s">
        <v>1095</v>
      </c>
      <c r="D1196" t="s">
        <v>1169</v>
      </c>
    </row>
    <row r="1197" spans="1:4" x14ac:dyDescent="0.4">
      <c r="A1197">
        <v>1046041</v>
      </c>
      <c r="B1197" t="s">
        <v>815</v>
      </c>
      <c r="C1197" t="s">
        <v>1095</v>
      </c>
      <c r="D1197" t="s">
        <v>1170</v>
      </c>
    </row>
    <row r="1198" spans="1:4" x14ac:dyDescent="0.4">
      <c r="A1198">
        <v>1046042</v>
      </c>
      <c r="B1198" t="s">
        <v>815</v>
      </c>
      <c r="C1198" t="s">
        <v>1095</v>
      </c>
      <c r="D1198" t="s">
        <v>1171</v>
      </c>
    </row>
    <row r="1199" spans="1:4" x14ac:dyDescent="0.4">
      <c r="A1199">
        <v>1046043</v>
      </c>
      <c r="B1199" t="s">
        <v>815</v>
      </c>
      <c r="C1199" t="s">
        <v>1095</v>
      </c>
      <c r="D1199" t="s">
        <v>1172</v>
      </c>
    </row>
    <row r="1200" spans="1:4" x14ac:dyDescent="0.4">
      <c r="A1200">
        <v>1046044</v>
      </c>
      <c r="B1200" t="s">
        <v>815</v>
      </c>
      <c r="C1200" t="s">
        <v>1095</v>
      </c>
      <c r="D1200" t="s">
        <v>1173</v>
      </c>
    </row>
    <row r="1201" spans="1:4" x14ac:dyDescent="0.4">
      <c r="A1201">
        <v>1046190</v>
      </c>
      <c r="B1201" t="s">
        <v>815</v>
      </c>
      <c r="C1201" t="s">
        <v>1095</v>
      </c>
      <c r="D1201" t="s">
        <v>1174</v>
      </c>
    </row>
    <row r="1202" spans="1:4" x14ac:dyDescent="0.4">
      <c r="A1202">
        <v>1046101</v>
      </c>
      <c r="B1202" t="s">
        <v>815</v>
      </c>
      <c r="C1202" t="s">
        <v>1095</v>
      </c>
      <c r="D1202" t="s">
        <v>1175</v>
      </c>
    </row>
    <row r="1203" spans="1:4" x14ac:dyDescent="0.4">
      <c r="A1203">
        <v>1046102</v>
      </c>
      <c r="B1203" t="s">
        <v>815</v>
      </c>
      <c r="C1203" t="s">
        <v>1095</v>
      </c>
      <c r="D1203" t="s">
        <v>1176</v>
      </c>
    </row>
    <row r="1204" spans="1:4" x14ac:dyDescent="0.4">
      <c r="A1204">
        <v>1046103</v>
      </c>
      <c r="B1204" t="s">
        <v>815</v>
      </c>
      <c r="C1204" t="s">
        <v>1095</v>
      </c>
      <c r="D1204" t="s">
        <v>1177</v>
      </c>
    </row>
    <row r="1205" spans="1:4" x14ac:dyDescent="0.4">
      <c r="A1205">
        <v>1046104</v>
      </c>
      <c r="B1205" t="s">
        <v>815</v>
      </c>
      <c r="C1205" t="s">
        <v>1095</v>
      </c>
      <c r="D1205" t="s">
        <v>1178</v>
      </c>
    </row>
    <row r="1206" spans="1:4" x14ac:dyDescent="0.4">
      <c r="A1206">
        <v>1046105</v>
      </c>
      <c r="B1206" t="s">
        <v>815</v>
      </c>
      <c r="C1206" t="s">
        <v>1095</v>
      </c>
      <c r="D1206" t="s">
        <v>1179</v>
      </c>
    </row>
    <row r="1207" spans="1:4" x14ac:dyDescent="0.4">
      <c r="A1207">
        <v>1046106</v>
      </c>
      <c r="B1207" t="s">
        <v>815</v>
      </c>
      <c r="C1207" t="s">
        <v>1095</v>
      </c>
      <c r="D1207" t="s">
        <v>1180</v>
      </c>
    </row>
    <row r="1208" spans="1:4" x14ac:dyDescent="0.4">
      <c r="A1208">
        <v>1046107</v>
      </c>
      <c r="B1208" t="s">
        <v>815</v>
      </c>
      <c r="C1208" t="s">
        <v>1095</v>
      </c>
      <c r="D1208" t="s">
        <v>1181</v>
      </c>
    </row>
    <row r="1209" spans="1:4" x14ac:dyDescent="0.4">
      <c r="A1209">
        <v>1046108</v>
      </c>
      <c r="B1209" t="s">
        <v>815</v>
      </c>
      <c r="C1209" t="s">
        <v>1095</v>
      </c>
      <c r="D1209" t="s">
        <v>1182</v>
      </c>
    </row>
    <row r="1210" spans="1:4" x14ac:dyDescent="0.4">
      <c r="A1210">
        <v>1046109</v>
      </c>
      <c r="B1210" t="s">
        <v>815</v>
      </c>
      <c r="C1210" t="s">
        <v>1095</v>
      </c>
      <c r="D1210" t="s">
        <v>1183</v>
      </c>
    </row>
    <row r="1211" spans="1:4" x14ac:dyDescent="0.4">
      <c r="A1211">
        <v>1046110</v>
      </c>
      <c r="B1211" t="s">
        <v>815</v>
      </c>
      <c r="C1211" t="s">
        <v>1095</v>
      </c>
      <c r="D1211" t="s">
        <v>1184</v>
      </c>
    </row>
    <row r="1212" spans="1:4" x14ac:dyDescent="0.4">
      <c r="A1212">
        <v>1046111</v>
      </c>
      <c r="B1212" t="s">
        <v>815</v>
      </c>
      <c r="C1212" t="s">
        <v>1095</v>
      </c>
      <c r="D1212" t="s">
        <v>1185</v>
      </c>
    </row>
    <row r="1213" spans="1:4" x14ac:dyDescent="0.4">
      <c r="A1213">
        <v>1046112</v>
      </c>
      <c r="B1213" t="s">
        <v>815</v>
      </c>
      <c r="C1213" t="s">
        <v>1095</v>
      </c>
      <c r="D1213" t="s">
        <v>1186</v>
      </c>
    </row>
    <row r="1214" spans="1:4" x14ac:dyDescent="0.4">
      <c r="A1214">
        <v>1046113</v>
      </c>
      <c r="B1214" t="s">
        <v>815</v>
      </c>
      <c r="C1214" t="s">
        <v>1095</v>
      </c>
      <c r="D1214" t="s">
        <v>1187</v>
      </c>
    </row>
    <row r="1215" spans="1:4" x14ac:dyDescent="0.4">
      <c r="A1215">
        <v>1046114</v>
      </c>
      <c r="B1215" t="s">
        <v>815</v>
      </c>
      <c r="C1215" t="s">
        <v>1095</v>
      </c>
      <c r="D1215" t="s">
        <v>1188</v>
      </c>
    </row>
    <row r="1216" spans="1:4" x14ac:dyDescent="0.4">
      <c r="A1216">
        <v>1046115</v>
      </c>
      <c r="B1216" t="s">
        <v>815</v>
      </c>
      <c r="C1216" t="s">
        <v>1095</v>
      </c>
      <c r="D1216" t="s">
        <v>1189</v>
      </c>
    </row>
    <row r="1217" spans="1:4" x14ac:dyDescent="0.4">
      <c r="A1217">
        <v>1046116</v>
      </c>
      <c r="B1217" t="s">
        <v>815</v>
      </c>
      <c r="C1217" t="s">
        <v>1095</v>
      </c>
      <c r="D1217" t="s">
        <v>1190</v>
      </c>
    </row>
    <row r="1218" spans="1:4" x14ac:dyDescent="0.4">
      <c r="A1218">
        <v>1046117</v>
      </c>
      <c r="B1218" t="s">
        <v>815</v>
      </c>
      <c r="C1218" t="s">
        <v>1095</v>
      </c>
      <c r="D1218" t="s">
        <v>1191</v>
      </c>
    </row>
    <row r="1219" spans="1:4" x14ac:dyDescent="0.4">
      <c r="A1219">
        <v>1046118</v>
      </c>
      <c r="B1219" t="s">
        <v>815</v>
      </c>
      <c r="C1219" t="s">
        <v>1095</v>
      </c>
      <c r="D1219" t="s">
        <v>1192</v>
      </c>
    </row>
    <row r="1220" spans="1:4" x14ac:dyDescent="0.4">
      <c r="A1220">
        <v>1046119</v>
      </c>
      <c r="B1220" t="s">
        <v>815</v>
      </c>
      <c r="C1220" t="s">
        <v>1095</v>
      </c>
      <c r="D1220" t="s">
        <v>1193</v>
      </c>
    </row>
    <row r="1221" spans="1:4" x14ac:dyDescent="0.4">
      <c r="A1221">
        <v>1046120</v>
      </c>
      <c r="B1221" t="s">
        <v>815</v>
      </c>
      <c r="C1221" t="s">
        <v>1095</v>
      </c>
      <c r="D1221" t="s">
        <v>1194</v>
      </c>
    </row>
    <row r="1222" spans="1:4" x14ac:dyDescent="0.4">
      <c r="A1222">
        <v>1046121</v>
      </c>
      <c r="B1222" t="s">
        <v>815</v>
      </c>
      <c r="C1222" t="s">
        <v>1095</v>
      </c>
      <c r="D1222" t="s">
        <v>1195</v>
      </c>
    </row>
    <row r="1223" spans="1:4" x14ac:dyDescent="0.4">
      <c r="A1223">
        <v>1046122</v>
      </c>
      <c r="B1223" t="s">
        <v>815</v>
      </c>
      <c r="C1223" t="s">
        <v>1095</v>
      </c>
      <c r="D1223" t="s">
        <v>1196</v>
      </c>
    </row>
    <row r="1224" spans="1:4" x14ac:dyDescent="0.4">
      <c r="A1224">
        <v>1046123</v>
      </c>
      <c r="B1224" t="s">
        <v>815</v>
      </c>
      <c r="C1224" t="s">
        <v>1095</v>
      </c>
      <c r="D1224" t="s">
        <v>1197</v>
      </c>
    </row>
    <row r="1225" spans="1:4" x14ac:dyDescent="0.4">
      <c r="A1225">
        <v>1046124</v>
      </c>
      <c r="B1225" t="s">
        <v>815</v>
      </c>
      <c r="C1225" t="s">
        <v>1095</v>
      </c>
      <c r="D1225" t="s">
        <v>1198</v>
      </c>
    </row>
    <row r="1226" spans="1:4" x14ac:dyDescent="0.4">
      <c r="A1226">
        <v>1046125</v>
      </c>
      <c r="B1226" t="s">
        <v>815</v>
      </c>
      <c r="C1226" t="s">
        <v>1095</v>
      </c>
      <c r="D1226" t="s">
        <v>1199</v>
      </c>
    </row>
    <row r="1227" spans="1:4" x14ac:dyDescent="0.4">
      <c r="A1227">
        <v>1046126</v>
      </c>
      <c r="B1227" t="s">
        <v>815</v>
      </c>
      <c r="C1227" t="s">
        <v>1095</v>
      </c>
      <c r="D1227" t="s">
        <v>1200</v>
      </c>
    </row>
    <row r="1228" spans="1:4" x14ac:dyDescent="0.4">
      <c r="A1228">
        <v>1046127</v>
      </c>
      <c r="B1228" t="s">
        <v>815</v>
      </c>
      <c r="C1228" t="s">
        <v>1095</v>
      </c>
      <c r="D1228" t="s">
        <v>1201</v>
      </c>
    </row>
    <row r="1229" spans="1:4" x14ac:dyDescent="0.4">
      <c r="A1229">
        <v>1046128</v>
      </c>
      <c r="B1229" t="s">
        <v>815</v>
      </c>
      <c r="C1229" t="s">
        <v>1095</v>
      </c>
      <c r="D1229" t="s">
        <v>1202</v>
      </c>
    </row>
    <row r="1230" spans="1:4" x14ac:dyDescent="0.4">
      <c r="A1230">
        <v>1046129</v>
      </c>
      <c r="B1230" t="s">
        <v>815</v>
      </c>
      <c r="C1230" t="s">
        <v>1095</v>
      </c>
      <c r="D1230" t="s">
        <v>1203</v>
      </c>
    </row>
    <row r="1231" spans="1:4" x14ac:dyDescent="0.4">
      <c r="A1231">
        <v>1057214</v>
      </c>
      <c r="B1231" t="s">
        <v>815</v>
      </c>
      <c r="C1231" t="s">
        <v>818</v>
      </c>
      <c r="D1231" t="s">
        <v>1204</v>
      </c>
    </row>
    <row r="1232" spans="1:4" x14ac:dyDescent="0.4">
      <c r="A1232">
        <v>1057215</v>
      </c>
      <c r="B1232" t="s">
        <v>815</v>
      </c>
      <c r="C1232" t="s">
        <v>818</v>
      </c>
      <c r="D1232" t="s">
        <v>1205</v>
      </c>
    </row>
    <row r="1233" spans="1:4" x14ac:dyDescent="0.4">
      <c r="A1233">
        <v>1057216</v>
      </c>
      <c r="B1233" t="s">
        <v>815</v>
      </c>
      <c r="C1233" t="s">
        <v>818</v>
      </c>
      <c r="D1233" t="s">
        <v>1206</v>
      </c>
    </row>
    <row r="1234" spans="1:4" x14ac:dyDescent="0.4">
      <c r="A1234">
        <v>1057217</v>
      </c>
      <c r="B1234" t="s">
        <v>815</v>
      </c>
      <c r="C1234" t="s">
        <v>818</v>
      </c>
      <c r="D1234" t="s">
        <v>1207</v>
      </c>
    </row>
    <row r="1235" spans="1:4" x14ac:dyDescent="0.4">
      <c r="A1235">
        <v>1057218</v>
      </c>
      <c r="B1235" t="s">
        <v>815</v>
      </c>
      <c r="C1235" t="s">
        <v>818</v>
      </c>
      <c r="D1235" t="s">
        <v>1208</v>
      </c>
    </row>
    <row r="1236" spans="1:4" x14ac:dyDescent="0.4">
      <c r="A1236">
        <v>1057219</v>
      </c>
      <c r="B1236" t="s">
        <v>815</v>
      </c>
      <c r="C1236" t="s">
        <v>818</v>
      </c>
      <c r="D1236" t="s">
        <v>1209</v>
      </c>
    </row>
    <row r="1237" spans="1:4" x14ac:dyDescent="0.4">
      <c r="A1237">
        <v>1057220</v>
      </c>
      <c r="B1237" t="s">
        <v>815</v>
      </c>
      <c r="C1237" t="s">
        <v>818</v>
      </c>
      <c r="D1237" t="s">
        <v>1210</v>
      </c>
    </row>
    <row r="1238" spans="1:4" x14ac:dyDescent="0.4">
      <c r="A1238">
        <v>1057221</v>
      </c>
      <c r="B1238" t="s">
        <v>815</v>
      </c>
      <c r="C1238" t="s">
        <v>818</v>
      </c>
      <c r="D1238" t="s">
        <v>1211</v>
      </c>
    </row>
    <row r="1239" spans="1:4" x14ac:dyDescent="0.4">
      <c r="A1239">
        <v>1057222</v>
      </c>
      <c r="B1239" t="s">
        <v>815</v>
      </c>
      <c r="C1239" t="s">
        <v>818</v>
      </c>
      <c r="D1239" t="s">
        <v>1212</v>
      </c>
    </row>
    <row r="1240" spans="1:4" x14ac:dyDescent="0.4">
      <c r="A1240">
        <v>1057223</v>
      </c>
      <c r="B1240" t="s">
        <v>815</v>
      </c>
      <c r="C1240" t="s">
        <v>818</v>
      </c>
      <c r="D1240" t="s">
        <v>1213</v>
      </c>
    </row>
    <row r="1241" spans="1:4" x14ac:dyDescent="0.4">
      <c r="A1241">
        <v>1057224</v>
      </c>
      <c r="B1241" t="s">
        <v>815</v>
      </c>
      <c r="C1241" t="s">
        <v>818</v>
      </c>
      <c r="D1241" t="s">
        <v>1214</v>
      </c>
    </row>
    <row r="1242" spans="1:4" x14ac:dyDescent="0.4">
      <c r="A1242">
        <v>1057225</v>
      </c>
      <c r="B1242" t="s">
        <v>815</v>
      </c>
      <c r="C1242" t="s">
        <v>818</v>
      </c>
      <c r="D1242" t="s">
        <v>1215</v>
      </c>
    </row>
    <row r="1243" spans="1:4" x14ac:dyDescent="0.4">
      <c r="A1243">
        <v>1057226</v>
      </c>
      <c r="B1243" t="s">
        <v>815</v>
      </c>
      <c r="C1243" t="s">
        <v>818</v>
      </c>
      <c r="D1243" t="s">
        <v>1216</v>
      </c>
    </row>
    <row r="1244" spans="1:4" x14ac:dyDescent="0.4">
      <c r="A1244">
        <v>1057227</v>
      </c>
      <c r="B1244" t="s">
        <v>815</v>
      </c>
      <c r="C1244" t="s">
        <v>818</v>
      </c>
      <c r="D1244" t="s">
        <v>1217</v>
      </c>
    </row>
    <row r="1245" spans="1:4" x14ac:dyDescent="0.4">
      <c r="A1245">
        <v>1057228</v>
      </c>
      <c r="B1245" t="s">
        <v>815</v>
      </c>
      <c r="C1245" t="s">
        <v>818</v>
      </c>
      <c r="D1245" t="s">
        <v>1218</v>
      </c>
    </row>
    <row r="1246" spans="1:4" x14ac:dyDescent="0.4">
      <c r="A1246">
        <v>1057229</v>
      </c>
      <c r="B1246" t="s">
        <v>815</v>
      </c>
      <c r="C1246" t="s">
        <v>818</v>
      </c>
      <c r="D1246" t="s">
        <v>1219</v>
      </c>
    </row>
    <row r="1247" spans="1:4" x14ac:dyDescent="0.4">
      <c r="A1247">
        <v>1057230</v>
      </c>
      <c r="B1247" t="s">
        <v>815</v>
      </c>
      <c r="C1247" t="s">
        <v>818</v>
      </c>
      <c r="D1247" t="s">
        <v>1220</v>
      </c>
    </row>
    <row r="1248" spans="1:4" x14ac:dyDescent="0.4">
      <c r="A1248">
        <v>1057231</v>
      </c>
      <c r="B1248" t="s">
        <v>815</v>
      </c>
      <c r="C1248" t="s">
        <v>818</v>
      </c>
      <c r="D1248" t="s">
        <v>1221</v>
      </c>
    </row>
    <row r="1249" spans="1:4" x14ac:dyDescent="0.4">
      <c r="A1249">
        <v>1057232</v>
      </c>
      <c r="B1249" t="s">
        <v>815</v>
      </c>
      <c r="C1249" t="s">
        <v>818</v>
      </c>
      <c r="D1249" t="s">
        <v>1222</v>
      </c>
    </row>
    <row r="1250" spans="1:4" x14ac:dyDescent="0.4">
      <c r="A1250">
        <v>1057233</v>
      </c>
      <c r="B1250" t="s">
        <v>815</v>
      </c>
      <c r="C1250" t="s">
        <v>818</v>
      </c>
      <c r="D1250" t="s">
        <v>1223</v>
      </c>
    </row>
    <row r="1251" spans="1:4" x14ac:dyDescent="0.4">
      <c r="A1251">
        <v>1057234</v>
      </c>
      <c r="B1251" t="s">
        <v>815</v>
      </c>
      <c r="C1251" t="s">
        <v>818</v>
      </c>
      <c r="D1251" t="s">
        <v>1224</v>
      </c>
    </row>
    <row r="1252" spans="1:4" x14ac:dyDescent="0.4">
      <c r="A1252">
        <v>1057090</v>
      </c>
      <c r="B1252" t="s">
        <v>815</v>
      </c>
      <c r="C1252" t="s">
        <v>818</v>
      </c>
      <c r="D1252" t="s">
        <v>1225</v>
      </c>
    </row>
    <row r="1253" spans="1:4" x14ac:dyDescent="0.4">
      <c r="A1253">
        <v>1057001</v>
      </c>
      <c r="B1253" t="s">
        <v>815</v>
      </c>
      <c r="C1253" t="s">
        <v>818</v>
      </c>
      <c r="D1253" t="s">
        <v>1226</v>
      </c>
    </row>
    <row r="1254" spans="1:4" x14ac:dyDescent="0.4">
      <c r="A1254">
        <v>1057002</v>
      </c>
      <c r="B1254" t="s">
        <v>815</v>
      </c>
      <c r="C1254" t="s">
        <v>818</v>
      </c>
      <c r="D1254" t="s">
        <v>1227</v>
      </c>
    </row>
    <row r="1255" spans="1:4" x14ac:dyDescent="0.4">
      <c r="A1255">
        <v>1057003</v>
      </c>
      <c r="B1255" t="s">
        <v>815</v>
      </c>
      <c r="C1255" t="s">
        <v>818</v>
      </c>
      <c r="D1255" t="s">
        <v>1228</v>
      </c>
    </row>
    <row r="1256" spans="1:4" x14ac:dyDescent="0.4">
      <c r="A1256">
        <v>1057004</v>
      </c>
      <c r="B1256" t="s">
        <v>815</v>
      </c>
      <c r="C1256" t="s">
        <v>818</v>
      </c>
      <c r="D1256" t="s">
        <v>1229</v>
      </c>
    </row>
    <row r="1257" spans="1:4" x14ac:dyDescent="0.4">
      <c r="A1257">
        <v>1057005</v>
      </c>
      <c r="B1257" t="s">
        <v>815</v>
      </c>
      <c r="C1257" t="s">
        <v>818</v>
      </c>
      <c r="D1257" t="s">
        <v>1230</v>
      </c>
    </row>
    <row r="1258" spans="1:4" x14ac:dyDescent="0.4">
      <c r="A1258">
        <v>1057006</v>
      </c>
      <c r="B1258" t="s">
        <v>815</v>
      </c>
      <c r="C1258" t="s">
        <v>818</v>
      </c>
      <c r="D1258" t="s">
        <v>1231</v>
      </c>
    </row>
    <row r="1259" spans="1:4" x14ac:dyDescent="0.4">
      <c r="A1259">
        <v>1057007</v>
      </c>
      <c r="B1259" t="s">
        <v>815</v>
      </c>
      <c r="C1259" t="s">
        <v>818</v>
      </c>
      <c r="D1259" t="s">
        <v>1232</v>
      </c>
    </row>
    <row r="1260" spans="1:4" x14ac:dyDescent="0.4">
      <c r="A1260">
        <v>1057008</v>
      </c>
      <c r="B1260" t="s">
        <v>815</v>
      </c>
      <c r="C1260" t="s">
        <v>818</v>
      </c>
      <c r="D1260" t="s">
        <v>1233</v>
      </c>
    </row>
    <row r="1261" spans="1:4" x14ac:dyDescent="0.4">
      <c r="A1261">
        <v>1057009</v>
      </c>
      <c r="B1261" t="s">
        <v>815</v>
      </c>
      <c r="C1261" t="s">
        <v>818</v>
      </c>
      <c r="D1261" t="s">
        <v>1234</v>
      </c>
    </row>
    <row r="1262" spans="1:4" x14ac:dyDescent="0.4">
      <c r="A1262">
        <v>1057010</v>
      </c>
      <c r="B1262" t="s">
        <v>815</v>
      </c>
      <c r="C1262" t="s">
        <v>818</v>
      </c>
      <c r="D1262" t="s">
        <v>1235</v>
      </c>
    </row>
    <row r="1263" spans="1:4" x14ac:dyDescent="0.4">
      <c r="A1263">
        <v>1057011</v>
      </c>
      <c r="B1263" t="s">
        <v>815</v>
      </c>
      <c r="C1263" t="s">
        <v>818</v>
      </c>
      <c r="D1263" t="s">
        <v>1236</v>
      </c>
    </row>
    <row r="1264" spans="1:4" x14ac:dyDescent="0.4">
      <c r="A1264">
        <v>1057012</v>
      </c>
      <c r="B1264" t="s">
        <v>815</v>
      </c>
      <c r="C1264" t="s">
        <v>818</v>
      </c>
      <c r="D1264" t="s">
        <v>1237</v>
      </c>
    </row>
    <row r="1265" spans="1:4" x14ac:dyDescent="0.4">
      <c r="A1265">
        <v>1057013</v>
      </c>
      <c r="B1265" t="s">
        <v>815</v>
      </c>
      <c r="C1265" t="s">
        <v>818</v>
      </c>
      <c r="D1265" t="s">
        <v>1238</v>
      </c>
    </row>
    <row r="1266" spans="1:4" x14ac:dyDescent="0.4">
      <c r="A1266">
        <v>1057014</v>
      </c>
      <c r="B1266" t="s">
        <v>815</v>
      </c>
      <c r="C1266" t="s">
        <v>818</v>
      </c>
      <c r="D1266" t="s">
        <v>1239</v>
      </c>
    </row>
    <row r="1267" spans="1:4" x14ac:dyDescent="0.4">
      <c r="A1267">
        <v>1057015</v>
      </c>
      <c r="B1267" t="s">
        <v>815</v>
      </c>
      <c r="C1267" t="s">
        <v>818</v>
      </c>
      <c r="D1267" t="s">
        <v>1240</v>
      </c>
    </row>
    <row r="1268" spans="1:4" x14ac:dyDescent="0.4">
      <c r="A1268">
        <v>1057016</v>
      </c>
      <c r="B1268" t="s">
        <v>815</v>
      </c>
      <c r="C1268" t="s">
        <v>818</v>
      </c>
      <c r="D1268" t="s">
        <v>1241</v>
      </c>
    </row>
    <row r="1269" spans="1:4" x14ac:dyDescent="0.4">
      <c r="A1269">
        <v>1057017</v>
      </c>
      <c r="B1269" t="s">
        <v>815</v>
      </c>
      <c r="C1269" t="s">
        <v>818</v>
      </c>
      <c r="D1269" t="s">
        <v>1242</v>
      </c>
    </row>
    <row r="1270" spans="1:4" x14ac:dyDescent="0.4">
      <c r="A1270">
        <v>1057018</v>
      </c>
      <c r="B1270" t="s">
        <v>815</v>
      </c>
      <c r="C1270" t="s">
        <v>818</v>
      </c>
      <c r="D1270" t="s">
        <v>1243</v>
      </c>
    </row>
    <row r="1271" spans="1:4" x14ac:dyDescent="0.4">
      <c r="A1271">
        <v>1057019</v>
      </c>
      <c r="B1271" t="s">
        <v>815</v>
      </c>
      <c r="C1271" t="s">
        <v>818</v>
      </c>
      <c r="D1271" t="s">
        <v>1244</v>
      </c>
    </row>
    <row r="1272" spans="1:4" x14ac:dyDescent="0.4">
      <c r="A1272">
        <v>1057020</v>
      </c>
      <c r="B1272" t="s">
        <v>815</v>
      </c>
      <c r="C1272" t="s">
        <v>818</v>
      </c>
      <c r="D1272" t="s">
        <v>1245</v>
      </c>
    </row>
    <row r="1273" spans="1:4" x14ac:dyDescent="0.4">
      <c r="A1273">
        <v>1057021</v>
      </c>
      <c r="B1273" t="s">
        <v>815</v>
      </c>
      <c r="C1273" t="s">
        <v>818</v>
      </c>
      <c r="D1273" t="s">
        <v>1246</v>
      </c>
    </row>
    <row r="1274" spans="1:4" x14ac:dyDescent="0.4">
      <c r="A1274">
        <v>1057022</v>
      </c>
      <c r="B1274" t="s">
        <v>815</v>
      </c>
      <c r="C1274" t="s">
        <v>818</v>
      </c>
      <c r="D1274" t="s">
        <v>1247</v>
      </c>
    </row>
    <row r="1275" spans="1:4" x14ac:dyDescent="0.4">
      <c r="A1275">
        <v>1057023</v>
      </c>
      <c r="B1275" t="s">
        <v>815</v>
      </c>
      <c r="C1275" t="s">
        <v>818</v>
      </c>
      <c r="D1275" t="s">
        <v>1248</v>
      </c>
    </row>
    <row r="1276" spans="1:4" x14ac:dyDescent="0.4">
      <c r="A1276">
        <v>1057024</v>
      </c>
      <c r="B1276" t="s">
        <v>815</v>
      </c>
      <c r="C1276" t="s">
        <v>818</v>
      </c>
      <c r="D1276" t="s">
        <v>1249</v>
      </c>
    </row>
    <row r="1277" spans="1:4" x14ac:dyDescent="0.4">
      <c r="A1277">
        <v>1057025</v>
      </c>
      <c r="B1277" t="s">
        <v>815</v>
      </c>
      <c r="C1277" t="s">
        <v>818</v>
      </c>
      <c r="D1277" t="s">
        <v>1250</v>
      </c>
    </row>
    <row r="1278" spans="1:4" x14ac:dyDescent="0.4">
      <c r="A1278">
        <v>1057026</v>
      </c>
      <c r="B1278" t="s">
        <v>815</v>
      </c>
      <c r="C1278" t="s">
        <v>818</v>
      </c>
      <c r="D1278" t="s">
        <v>1251</v>
      </c>
    </row>
    <row r="1279" spans="1:4" x14ac:dyDescent="0.4">
      <c r="A1279">
        <v>1057027</v>
      </c>
      <c r="B1279" t="s">
        <v>815</v>
      </c>
      <c r="C1279" t="s">
        <v>818</v>
      </c>
      <c r="D1279" t="s">
        <v>1252</v>
      </c>
    </row>
    <row r="1280" spans="1:4" x14ac:dyDescent="0.4">
      <c r="A1280">
        <v>1057028</v>
      </c>
      <c r="B1280" t="s">
        <v>815</v>
      </c>
      <c r="C1280" t="s">
        <v>818</v>
      </c>
      <c r="D1280" t="s">
        <v>1253</v>
      </c>
    </row>
    <row r="1281" spans="1:4" x14ac:dyDescent="0.4">
      <c r="A1281">
        <v>1057029</v>
      </c>
      <c r="B1281" t="s">
        <v>815</v>
      </c>
      <c r="C1281" t="s">
        <v>818</v>
      </c>
      <c r="D1281" t="s">
        <v>1254</v>
      </c>
    </row>
    <row r="1282" spans="1:4" x14ac:dyDescent="0.4">
      <c r="A1282">
        <v>1057030</v>
      </c>
      <c r="B1282" t="s">
        <v>815</v>
      </c>
      <c r="C1282" t="s">
        <v>818</v>
      </c>
      <c r="D1282" t="s">
        <v>1255</v>
      </c>
    </row>
    <row r="1283" spans="1:4" x14ac:dyDescent="0.4">
      <c r="A1283">
        <v>1057031</v>
      </c>
      <c r="B1283" t="s">
        <v>815</v>
      </c>
      <c r="C1283" t="s">
        <v>818</v>
      </c>
      <c r="D1283" t="s">
        <v>1256</v>
      </c>
    </row>
    <row r="1284" spans="1:4" x14ac:dyDescent="0.4">
      <c r="A1284">
        <v>1057032</v>
      </c>
      <c r="B1284" t="s">
        <v>815</v>
      </c>
      <c r="C1284" t="s">
        <v>818</v>
      </c>
      <c r="D1284" t="s">
        <v>1257</v>
      </c>
    </row>
    <row r="1285" spans="1:4" x14ac:dyDescent="0.4">
      <c r="A1285">
        <v>1057033</v>
      </c>
      <c r="B1285" t="s">
        <v>815</v>
      </c>
      <c r="C1285" t="s">
        <v>818</v>
      </c>
      <c r="D1285" t="s">
        <v>1258</v>
      </c>
    </row>
    <row r="1286" spans="1:4" x14ac:dyDescent="0.4">
      <c r="A1286">
        <v>1057034</v>
      </c>
      <c r="B1286" t="s">
        <v>815</v>
      </c>
      <c r="C1286" t="s">
        <v>818</v>
      </c>
      <c r="D1286" t="s">
        <v>1259</v>
      </c>
    </row>
    <row r="1287" spans="1:4" x14ac:dyDescent="0.4">
      <c r="A1287">
        <v>1057035</v>
      </c>
      <c r="B1287" t="s">
        <v>815</v>
      </c>
      <c r="C1287" t="s">
        <v>818</v>
      </c>
      <c r="D1287" t="s">
        <v>1260</v>
      </c>
    </row>
    <row r="1288" spans="1:4" x14ac:dyDescent="0.4">
      <c r="A1288">
        <v>1057036</v>
      </c>
      <c r="B1288" t="s">
        <v>815</v>
      </c>
      <c r="C1288" t="s">
        <v>818</v>
      </c>
      <c r="D1288" t="s">
        <v>1261</v>
      </c>
    </row>
    <row r="1289" spans="1:4" x14ac:dyDescent="0.4">
      <c r="A1289">
        <v>1057037</v>
      </c>
      <c r="B1289" t="s">
        <v>815</v>
      </c>
      <c r="C1289" t="s">
        <v>818</v>
      </c>
      <c r="D1289" t="s">
        <v>1262</v>
      </c>
    </row>
    <row r="1290" spans="1:4" x14ac:dyDescent="0.4">
      <c r="A1290">
        <v>1057038</v>
      </c>
      <c r="B1290" t="s">
        <v>815</v>
      </c>
      <c r="C1290" t="s">
        <v>818</v>
      </c>
      <c r="D1290" t="s">
        <v>1263</v>
      </c>
    </row>
    <row r="1291" spans="1:4" x14ac:dyDescent="0.4">
      <c r="A1291">
        <v>1057039</v>
      </c>
      <c r="B1291" t="s">
        <v>815</v>
      </c>
      <c r="C1291" t="s">
        <v>818</v>
      </c>
      <c r="D1291" t="s">
        <v>1264</v>
      </c>
    </row>
    <row r="1292" spans="1:4" x14ac:dyDescent="0.4">
      <c r="A1292">
        <v>1057040</v>
      </c>
      <c r="B1292" t="s">
        <v>815</v>
      </c>
      <c r="C1292" t="s">
        <v>818</v>
      </c>
      <c r="D1292" t="s">
        <v>1265</v>
      </c>
    </row>
    <row r="1293" spans="1:4" x14ac:dyDescent="0.4">
      <c r="A1293">
        <v>1057041</v>
      </c>
      <c r="B1293" t="s">
        <v>815</v>
      </c>
      <c r="C1293" t="s">
        <v>818</v>
      </c>
      <c r="D1293" t="s">
        <v>1266</v>
      </c>
    </row>
    <row r="1294" spans="1:4" x14ac:dyDescent="0.4">
      <c r="A1294">
        <v>1057042</v>
      </c>
      <c r="B1294" t="s">
        <v>815</v>
      </c>
      <c r="C1294" t="s">
        <v>818</v>
      </c>
      <c r="D1294" t="s">
        <v>1267</v>
      </c>
    </row>
    <row r="1295" spans="1:4" x14ac:dyDescent="0.4">
      <c r="A1295">
        <v>1057043</v>
      </c>
      <c r="B1295" t="s">
        <v>815</v>
      </c>
      <c r="C1295" t="s">
        <v>818</v>
      </c>
      <c r="D1295" t="s">
        <v>1268</v>
      </c>
    </row>
    <row r="1296" spans="1:4" x14ac:dyDescent="0.4">
      <c r="A1296">
        <v>1057044</v>
      </c>
      <c r="B1296" t="s">
        <v>815</v>
      </c>
      <c r="C1296" t="s">
        <v>818</v>
      </c>
      <c r="D1296" t="s">
        <v>1269</v>
      </c>
    </row>
    <row r="1297" spans="1:4" x14ac:dyDescent="0.4">
      <c r="A1297">
        <v>1057045</v>
      </c>
      <c r="B1297" t="s">
        <v>815</v>
      </c>
      <c r="C1297" t="s">
        <v>818</v>
      </c>
      <c r="D1297" t="s">
        <v>1270</v>
      </c>
    </row>
    <row r="1298" spans="1:4" x14ac:dyDescent="0.4">
      <c r="A1298">
        <v>1057046</v>
      </c>
      <c r="B1298" t="s">
        <v>815</v>
      </c>
      <c r="C1298" t="s">
        <v>818</v>
      </c>
      <c r="D1298" t="s">
        <v>1271</v>
      </c>
    </row>
    <row r="1299" spans="1:4" x14ac:dyDescent="0.4">
      <c r="A1299">
        <v>1057047</v>
      </c>
      <c r="B1299" t="s">
        <v>815</v>
      </c>
      <c r="C1299" t="s">
        <v>818</v>
      </c>
      <c r="D1299" t="s">
        <v>1272</v>
      </c>
    </row>
    <row r="1300" spans="1:4" x14ac:dyDescent="0.4">
      <c r="A1300">
        <v>1057390</v>
      </c>
      <c r="B1300" t="s">
        <v>815</v>
      </c>
      <c r="C1300" t="s">
        <v>818</v>
      </c>
      <c r="D1300" t="s">
        <v>1273</v>
      </c>
    </row>
    <row r="1301" spans="1:4" x14ac:dyDescent="0.4">
      <c r="A1301">
        <v>1057301</v>
      </c>
      <c r="B1301" t="s">
        <v>815</v>
      </c>
      <c r="C1301" t="s">
        <v>818</v>
      </c>
      <c r="D1301" t="s">
        <v>1274</v>
      </c>
    </row>
    <row r="1302" spans="1:4" x14ac:dyDescent="0.4">
      <c r="A1302">
        <v>1057302</v>
      </c>
      <c r="B1302" t="s">
        <v>815</v>
      </c>
      <c r="C1302" t="s">
        <v>818</v>
      </c>
      <c r="D1302" t="s">
        <v>1275</v>
      </c>
    </row>
    <row r="1303" spans="1:4" x14ac:dyDescent="0.4">
      <c r="A1303">
        <v>1057303</v>
      </c>
      <c r="B1303" t="s">
        <v>815</v>
      </c>
      <c r="C1303" t="s">
        <v>818</v>
      </c>
      <c r="D1303" t="s">
        <v>1276</v>
      </c>
    </row>
    <row r="1304" spans="1:4" x14ac:dyDescent="0.4">
      <c r="A1304">
        <v>1057304</v>
      </c>
      <c r="B1304" t="s">
        <v>815</v>
      </c>
      <c r="C1304" t="s">
        <v>818</v>
      </c>
      <c r="D1304" t="s">
        <v>1277</v>
      </c>
    </row>
    <row r="1305" spans="1:4" x14ac:dyDescent="0.4">
      <c r="A1305">
        <v>1057305</v>
      </c>
      <c r="B1305" t="s">
        <v>815</v>
      </c>
      <c r="C1305" t="s">
        <v>818</v>
      </c>
      <c r="D1305" t="s">
        <v>1278</v>
      </c>
    </row>
    <row r="1306" spans="1:4" x14ac:dyDescent="0.4">
      <c r="A1306">
        <v>1057306</v>
      </c>
      <c r="B1306" t="s">
        <v>815</v>
      </c>
      <c r="C1306" t="s">
        <v>818</v>
      </c>
      <c r="D1306" t="s">
        <v>1279</v>
      </c>
    </row>
    <row r="1307" spans="1:4" x14ac:dyDescent="0.4">
      <c r="A1307">
        <v>1057307</v>
      </c>
      <c r="B1307" t="s">
        <v>815</v>
      </c>
      <c r="C1307" t="s">
        <v>818</v>
      </c>
      <c r="D1307" t="s">
        <v>1280</v>
      </c>
    </row>
    <row r="1308" spans="1:4" x14ac:dyDescent="0.4">
      <c r="A1308">
        <v>1057308</v>
      </c>
      <c r="B1308" t="s">
        <v>815</v>
      </c>
      <c r="C1308" t="s">
        <v>818</v>
      </c>
      <c r="D1308" t="s">
        <v>1281</v>
      </c>
    </row>
    <row r="1309" spans="1:4" x14ac:dyDescent="0.4">
      <c r="A1309">
        <v>1057309</v>
      </c>
      <c r="B1309" t="s">
        <v>815</v>
      </c>
      <c r="C1309" t="s">
        <v>818</v>
      </c>
      <c r="D1309" t="s">
        <v>1282</v>
      </c>
    </row>
    <row r="1310" spans="1:4" x14ac:dyDescent="0.4">
      <c r="A1310">
        <v>1057310</v>
      </c>
      <c r="B1310" t="s">
        <v>815</v>
      </c>
      <c r="C1310" t="s">
        <v>818</v>
      </c>
      <c r="D1310" t="s">
        <v>1283</v>
      </c>
    </row>
    <row r="1311" spans="1:4" x14ac:dyDescent="0.4">
      <c r="A1311">
        <v>1057311</v>
      </c>
      <c r="B1311" t="s">
        <v>815</v>
      </c>
      <c r="C1311" t="s">
        <v>818</v>
      </c>
      <c r="D1311" t="s">
        <v>1284</v>
      </c>
    </row>
    <row r="1312" spans="1:4" x14ac:dyDescent="0.4">
      <c r="A1312">
        <v>1057312</v>
      </c>
      <c r="B1312" t="s">
        <v>815</v>
      </c>
      <c r="C1312" t="s">
        <v>818</v>
      </c>
      <c r="D1312" t="s">
        <v>1285</v>
      </c>
    </row>
    <row r="1313" spans="1:4" x14ac:dyDescent="0.4">
      <c r="A1313">
        <v>1057313</v>
      </c>
      <c r="B1313" t="s">
        <v>815</v>
      </c>
      <c r="C1313" t="s">
        <v>818</v>
      </c>
      <c r="D1313" t="s">
        <v>1286</v>
      </c>
    </row>
    <row r="1314" spans="1:4" x14ac:dyDescent="0.4">
      <c r="A1314">
        <v>1057314</v>
      </c>
      <c r="B1314" t="s">
        <v>815</v>
      </c>
      <c r="C1314" t="s">
        <v>818</v>
      </c>
      <c r="D1314" t="s">
        <v>1287</v>
      </c>
    </row>
    <row r="1315" spans="1:4" x14ac:dyDescent="0.4">
      <c r="A1315">
        <v>1057315</v>
      </c>
      <c r="B1315" t="s">
        <v>815</v>
      </c>
      <c r="C1315" t="s">
        <v>818</v>
      </c>
      <c r="D1315" t="s">
        <v>1288</v>
      </c>
    </row>
    <row r="1316" spans="1:4" x14ac:dyDescent="0.4">
      <c r="A1316">
        <v>1057316</v>
      </c>
      <c r="B1316" t="s">
        <v>815</v>
      </c>
      <c r="C1316" t="s">
        <v>818</v>
      </c>
      <c r="D1316" t="s">
        <v>1289</v>
      </c>
    </row>
    <row r="1317" spans="1:4" x14ac:dyDescent="0.4">
      <c r="A1317">
        <v>1057317</v>
      </c>
      <c r="B1317" t="s">
        <v>815</v>
      </c>
      <c r="C1317" t="s">
        <v>818</v>
      </c>
      <c r="D1317" t="s">
        <v>1290</v>
      </c>
    </row>
    <row r="1318" spans="1:4" x14ac:dyDescent="0.4">
      <c r="A1318">
        <v>1057318</v>
      </c>
      <c r="B1318" t="s">
        <v>815</v>
      </c>
      <c r="C1318" t="s">
        <v>818</v>
      </c>
      <c r="D1318" t="s">
        <v>1291</v>
      </c>
    </row>
    <row r="1319" spans="1:4" x14ac:dyDescent="0.4">
      <c r="A1319">
        <v>1057319</v>
      </c>
      <c r="B1319" t="s">
        <v>815</v>
      </c>
      <c r="C1319" t="s">
        <v>818</v>
      </c>
      <c r="D1319" t="s">
        <v>1292</v>
      </c>
    </row>
    <row r="1320" spans="1:4" x14ac:dyDescent="0.4">
      <c r="A1320">
        <v>1057320</v>
      </c>
      <c r="B1320" t="s">
        <v>815</v>
      </c>
      <c r="C1320" t="s">
        <v>818</v>
      </c>
      <c r="D1320" t="s">
        <v>1293</v>
      </c>
    </row>
    <row r="1321" spans="1:4" x14ac:dyDescent="0.4">
      <c r="A1321">
        <v>1057321</v>
      </c>
      <c r="B1321" t="s">
        <v>815</v>
      </c>
      <c r="C1321" t="s">
        <v>818</v>
      </c>
      <c r="D1321" t="s">
        <v>1294</v>
      </c>
    </row>
    <row r="1322" spans="1:4" x14ac:dyDescent="0.4">
      <c r="A1322">
        <v>1057322</v>
      </c>
      <c r="B1322" t="s">
        <v>815</v>
      </c>
      <c r="C1322" t="s">
        <v>818</v>
      </c>
      <c r="D1322" t="s">
        <v>1295</v>
      </c>
    </row>
    <row r="1323" spans="1:4" x14ac:dyDescent="0.4">
      <c r="A1323">
        <v>1057323</v>
      </c>
      <c r="B1323" t="s">
        <v>815</v>
      </c>
      <c r="C1323" t="s">
        <v>818</v>
      </c>
      <c r="D1323" t="s">
        <v>1296</v>
      </c>
    </row>
    <row r="1324" spans="1:4" x14ac:dyDescent="0.4">
      <c r="A1324">
        <v>1057324</v>
      </c>
      <c r="B1324" t="s">
        <v>815</v>
      </c>
      <c r="C1324" t="s">
        <v>818</v>
      </c>
      <c r="D1324" t="s">
        <v>1297</v>
      </c>
    </row>
    <row r="1325" spans="1:4" x14ac:dyDescent="0.4">
      <c r="A1325">
        <v>1057325</v>
      </c>
      <c r="B1325" t="s">
        <v>815</v>
      </c>
      <c r="C1325" t="s">
        <v>818</v>
      </c>
      <c r="D1325" t="s">
        <v>1298</v>
      </c>
    </row>
    <row r="1326" spans="1:4" x14ac:dyDescent="0.4">
      <c r="A1326">
        <v>1057326</v>
      </c>
      <c r="B1326" t="s">
        <v>815</v>
      </c>
      <c r="C1326" t="s">
        <v>818</v>
      </c>
      <c r="D1326" t="s">
        <v>1299</v>
      </c>
    </row>
    <row r="1327" spans="1:4" x14ac:dyDescent="0.4">
      <c r="A1327">
        <v>1057327</v>
      </c>
      <c r="B1327" t="s">
        <v>815</v>
      </c>
      <c r="C1327" t="s">
        <v>818</v>
      </c>
      <c r="D1327" t="s">
        <v>1300</v>
      </c>
    </row>
    <row r="1328" spans="1:4" x14ac:dyDescent="0.4">
      <c r="A1328">
        <v>1057328</v>
      </c>
      <c r="B1328" t="s">
        <v>815</v>
      </c>
      <c r="C1328" t="s">
        <v>818</v>
      </c>
      <c r="D1328" t="s">
        <v>1301</v>
      </c>
    </row>
    <row r="1329" spans="1:4" x14ac:dyDescent="0.4">
      <c r="A1329">
        <v>1057329</v>
      </c>
      <c r="B1329" t="s">
        <v>815</v>
      </c>
      <c r="C1329" t="s">
        <v>818</v>
      </c>
      <c r="D1329" t="s">
        <v>1302</v>
      </c>
    </row>
    <row r="1330" spans="1:4" x14ac:dyDescent="0.4">
      <c r="A1330">
        <v>1057330</v>
      </c>
      <c r="B1330" t="s">
        <v>815</v>
      </c>
      <c r="C1330" t="s">
        <v>818</v>
      </c>
      <c r="D1330" t="s">
        <v>1303</v>
      </c>
    </row>
    <row r="1331" spans="1:4" x14ac:dyDescent="0.4">
      <c r="A1331">
        <v>1057331</v>
      </c>
      <c r="B1331" t="s">
        <v>815</v>
      </c>
      <c r="C1331" t="s">
        <v>818</v>
      </c>
      <c r="D1331" t="s">
        <v>1304</v>
      </c>
    </row>
    <row r="1332" spans="1:4" x14ac:dyDescent="0.4">
      <c r="A1332">
        <v>1057332</v>
      </c>
      <c r="B1332" t="s">
        <v>815</v>
      </c>
      <c r="C1332" t="s">
        <v>818</v>
      </c>
      <c r="D1332" t="s">
        <v>1305</v>
      </c>
    </row>
    <row r="1333" spans="1:4" x14ac:dyDescent="0.4">
      <c r="A1333">
        <v>1057333</v>
      </c>
      <c r="B1333" t="s">
        <v>815</v>
      </c>
      <c r="C1333" t="s">
        <v>818</v>
      </c>
      <c r="D1333" t="s">
        <v>1306</v>
      </c>
    </row>
    <row r="1334" spans="1:4" x14ac:dyDescent="0.4">
      <c r="A1334">
        <v>1057334</v>
      </c>
      <c r="B1334" t="s">
        <v>815</v>
      </c>
      <c r="C1334" t="s">
        <v>818</v>
      </c>
      <c r="D1334" t="s">
        <v>1307</v>
      </c>
    </row>
    <row r="1335" spans="1:4" x14ac:dyDescent="0.4">
      <c r="A1335">
        <v>1057335</v>
      </c>
      <c r="B1335" t="s">
        <v>815</v>
      </c>
      <c r="C1335" t="s">
        <v>818</v>
      </c>
      <c r="D1335" t="s">
        <v>1308</v>
      </c>
    </row>
    <row r="1336" spans="1:4" x14ac:dyDescent="0.4">
      <c r="A1336">
        <v>1057336</v>
      </c>
      <c r="B1336" t="s">
        <v>815</v>
      </c>
      <c r="C1336" t="s">
        <v>818</v>
      </c>
      <c r="D1336" t="s">
        <v>1309</v>
      </c>
    </row>
    <row r="1337" spans="1:4" x14ac:dyDescent="0.4">
      <c r="A1337">
        <v>1057337</v>
      </c>
      <c r="B1337" t="s">
        <v>815</v>
      </c>
      <c r="C1337" t="s">
        <v>818</v>
      </c>
      <c r="D1337" t="s">
        <v>1310</v>
      </c>
    </row>
    <row r="1338" spans="1:4" x14ac:dyDescent="0.4">
      <c r="A1338">
        <v>1057490</v>
      </c>
      <c r="B1338" t="s">
        <v>815</v>
      </c>
      <c r="C1338" t="s">
        <v>818</v>
      </c>
      <c r="D1338" t="s">
        <v>1311</v>
      </c>
    </row>
    <row r="1339" spans="1:4" x14ac:dyDescent="0.4">
      <c r="A1339">
        <v>1057401</v>
      </c>
      <c r="B1339" t="s">
        <v>815</v>
      </c>
      <c r="C1339" t="s">
        <v>818</v>
      </c>
      <c r="D1339" t="s">
        <v>1312</v>
      </c>
    </row>
    <row r="1340" spans="1:4" x14ac:dyDescent="0.4">
      <c r="A1340">
        <v>1057402</v>
      </c>
      <c r="B1340" t="s">
        <v>815</v>
      </c>
      <c r="C1340" t="s">
        <v>818</v>
      </c>
      <c r="D1340" t="s">
        <v>1313</v>
      </c>
    </row>
    <row r="1341" spans="1:4" x14ac:dyDescent="0.4">
      <c r="A1341">
        <v>1057403</v>
      </c>
      <c r="B1341" t="s">
        <v>815</v>
      </c>
      <c r="C1341" t="s">
        <v>818</v>
      </c>
      <c r="D1341" t="s">
        <v>1314</v>
      </c>
    </row>
    <row r="1342" spans="1:4" x14ac:dyDescent="0.4">
      <c r="A1342">
        <v>1057404</v>
      </c>
      <c r="B1342" t="s">
        <v>815</v>
      </c>
      <c r="C1342" t="s">
        <v>818</v>
      </c>
      <c r="D1342" t="s">
        <v>1315</v>
      </c>
    </row>
    <row r="1343" spans="1:4" x14ac:dyDescent="0.4">
      <c r="A1343">
        <v>1057405</v>
      </c>
      <c r="B1343" t="s">
        <v>815</v>
      </c>
      <c r="C1343" t="s">
        <v>818</v>
      </c>
      <c r="D1343" t="s">
        <v>1316</v>
      </c>
    </row>
    <row r="1344" spans="1:4" x14ac:dyDescent="0.4">
      <c r="A1344">
        <v>1057406</v>
      </c>
      <c r="B1344" t="s">
        <v>815</v>
      </c>
      <c r="C1344" t="s">
        <v>818</v>
      </c>
      <c r="D1344" t="s">
        <v>1317</v>
      </c>
    </row>
    <row r="1345" spans="1:4" x14ac:dyDescent="0.4">
      <c r="A1345">
        <v>1640011</v>
      </c>
      <c r="B1345" t="s">
        <v>815</v>
      </c>
      <c r="C1345" t="s">
        <v>1318</v>
      </c>
      <c r="D1345" t="s">
        <v>184</v>
      </c>
    </row>
    <row r="1346" spans="1:4" x14ac:dyDescent="0.4">
      <c r="A1346">
        <v>1710021</v>
      </c>
      <c r="B1346" t="s">
        <v>815</v>
      </c>
      <c r="C1346" t="s">
        <v>1319</v>
      </c>
      <c r="D1346" t="s">
        <v>1320</v>
      </c>
    </row>
    <row r="1347" spans="1:4" x14ac:dyDescent="0.4">
      <c r="A1347">
        <v>1700013</v>
      </c>
      <c r="B1347" t="s">
        <v>815</v>
      </c>
      <c r="C1347" t="s">
        <v>1319</v>
      </c>
      <c r="D1347" t="s">
        <v>1321</v>
      </c>
    </row>
    <row r="1348" spans="1:4" x14ac:dyDescent="0.4">
      <c r="A1348">
        <v>1706015</v>
      </c>
      <c r="B1348" t="s">
        <v>815</v>
      </c>
      <c r="C1348" t="s">
        <v>1319</v>
      </c>
      <c r="D1348" t="s">
        <v>1322</v>
      </c>
    </row>
    <row r="1349" spans="1:4" x14ac:dyDescent="0.4">
      <c r="A1349">
        <v>1706017</v>
      </c>
      <c r="B1349" t="s">
        <v>815</v>
      </c>
      <c r="C1349" t="s">
        <v>1319</v>
      </c>
      <c r="D1349" t="s">
        <v>1323</v>
      </c>
    </row>
    <row r="1350" spans="1:4" x14ac:dyDescent="0.4">
      <c r="A1350">
        <v>1706019</v>
      </c>
      <c r="B1350" t="s">
        <v>815</v>
      </c>
      <c r="C1350" t="s">
        <v>1319</v>
      </c>
      <c r="D1350" t="s">
        <v>1324</v>
      </c>
    </row>
    <row r="1351" spans="1:4" x14ac:dyDescent="0.4">
      <c r="A1351">
        <v>1706020</v>
      </c>
      <c r="B1351" t="s">
        <v>815</v>
      </c>
      <c r="C1351" t="s">
        <v>1319</v>
      </c>
      <c r="D1351" t="s">
        <v>1325</v>
      </c>
    </row>
    <row r="1352" spans="1:4" x14ac:dyDescent="0.4">
      <c r="A1352">
        <v>1770045</v>
      </c>
      <c r="B1352" t="s">
        <v>815</v>
      </c>
      <c r="C1352" t="s">
        <v>1326</v>
      </c>
      <c r="D1352" t="s">
        <v>1327</v>
      </c>
    </row>
    <row r="1353" spans="1:4" x14ac:dyDescent="0.4">
      <c r="A1353">
        <v>1770041</v>
      </c>
      <c r="B1353" t="s">
        <v>815</v>
      </c>
      <c r="C1353" t="s">
        <v>1326</v>
      </c>
      <c r="D1353" t="s">
        <v>1328</v>
      </c>
    </row>
    <row r="1354" spans="1:4" x14ac:dyDescent="0.4">
      <c r="A1354">
        <v>1770052</v>
      </c>
      <c r="B1354" t="s">
        <v>815</v>
      </c>
      <c r="C1354" t="s">
        <v>1326</v>
      </c>
      <c r="D1354" t="s">
        <v>1329</v>
      </c>
    </row>
    <row r="1355" spans="1:4" x14ac:dyDescent="0.4">
      <c r="A1355">
        <v>1770053</v>
      </c>
      <c r="B1355" t="s">
        <v>815</v>
      </c>
      <c r="C1355" t="s">
        <v>1326</v>
      </c>
      <c r="D1355" t="s">
        <v>1330</v>
      </c>
    </row>
    <row r="1356" spans="1:4" x14ac:dyDescent="0.4">
      <c r="A1356">
        <v>1770051</v>
      </c>
      <c r="B1356" t="s">
        <v>815</v>
      </c>
      <c r="C1356" t="s">
        <v>1326</v>
      </c>
      <c r="D1356" t="s">
        <v>1331</v>
      </c>
    </row>
    <row r="1357" spans="1:4" x14ac:dyDescent="0.4">
      <c r="A1357">
        <v>1770033</v>
      </c>
      <c r="B1357" t="s">
        <v>815</v>
      </c>
      <c r="C1357" t="s">
        <v>1326</v>
      </c>
      <c r="D1357" t="s">
        <v>1332</v>
      </c>
    </row>
    <row r="1358" spans="1:4" x14ac:dyDescent="0.4">
      <c r="A1358">
        <v>1790075</v>
      </c>
      <c r="B1358" t="s">
        <v>815</v>
      </c>
      <c r="C1358" t="s">
        <v>1326</v>
      </c>
      <c r="D1358" t="s">
        <v>1333</v>
      </c>
    </row>
    <row r="1359" spans="1:4" x14ac:dyDescent="0.4">
      <c r="A1359">
        <v>1790073</v>
      </c>
      <c r="B1359" t="s">
        <v>815</v>
      </c>
      <c r="C1359" t="s">
        <v>1326</v>
      </c>
      <c r="D1359" t="s">
        <v>1334</v>
      </c>
    </row>
    <row r="1360" spans="1:4" x14ac:dyDescent="0.4">
      <c r="A1360">
        <v>1770054</v>
      </c>
      <c r="B1360" t="s">
        <v>815</v>
      </c>
      <c r="C1360" t="s">
        <v>1326</v>
      </c>
      <c r="D1360" t="s">
        <v>1335</v>
      </c>
    </row>
    <row r="1361" spans="1:4" x14ac:dyDescent="0.4">
      <c r="A1361">
        <v>1790076</v>
      </c>
      <c r="B1361" t="s">
        <v>815</v>
      </c>
      <c r="C1361" t="s">
        <v>1326</v>
      </c>
      <c r="D1361" t="s">
        <v>1336</v>
      </c>
    </row>
    <row r="1362" spans="1:4" x14ac:dyDescent="0.4">
      <c r="A1362">
        <v>1760011</v>
      </c>
      <c r="B1362" t="s">
        <v>815</v>
      </c>
      <c r="C1362" t="s">
        <v>1326</v>
      </c>
      <c r="D1362" t="s">
        <v>1337</v>
      </c>
    </row>
    <row r="1363" spans="1:4" x14ac:dyDescent="0.4">
      <c r="A1363">
        <v>1760013</v>
      </c>
      <c r="B1363" t="s">
        <v>815</v>
      </c>
      <c r="C1363" t="s">
        <v>1326</v>
      </c>
      <c r="D1363" t="s">
        <v>1338</v>
      </c>
    </row>
    <row r="1364" spans="1:4" x14ac:dyDescent="0.4">
      <c r="A1364">
        <v>1760014</v>
      </c>
      <c r="B1364" t="s">
        <v>815</v>
      </c>
      <c r="C1364" t="s">
        <v>1326</v>
      </c>
      <c r="D1364" t="s">
        <v>1339</v>
      </c>
    </row>
    <row r="1365" spans="1:4" x14ac:dyDescent="0.4">
      <c r="A1365">
        <v>1760012</v>
      </c>
      <c r="B1365" t="s">
        <v>815</v>
      </c>
      <c r="C1365" t="s">
        <v>1326</v>
      </c>
      <c r="D1365" t="s">
        <v>1340</v>
      </c>
    </row>
    <row r="1366" spans="1:4" x14ac:dyDescent="0.4">
      <c r="A1366">
        <v>1760024</v>
      </c>
      <c r="B1366" t="s">
        <v>815</v>
      </c>
      <c r="C1366" t="s">
        <v>1326</v>
      </c>
      <c r="D1366" t="s">
        <v>1341</v>
      </c>
    </row>
    <row r="1367" spans="1:4" x14ac:dyDescent="0.4">
      <c r="A1367">
        <v>1760025</v>
      </c>
      <c r="B1367" t="s">
        <v>815</v>
      </c>
      <c r="C1367" t="s">
        <v>1326</v>
      </c>
      <c r="D1367" t="s">
        <v>1342</v>
      </c>
    </row>
    <row r="1368" spans="1:4" x14ac:dyDescent="0.4">
      <c r="A1368">
        <v>1760023</v>
      </c>
      <c r="B1368" t="s">
        <v>815</v>
      </c>
      <c r="C1368" t="s">
        <v>1326</v>
      </c>
      <c r="D1368" t="s">
        <v>1343</v>
      </c>
    </row>
    <row r="1369" spans="1:4" x14ac:dyDescent="0.4">
      <c r="A1369">
        <v>1780065</v>
      </c>
      <c r="B1369" t="s">
        <v>815</v>
      </c>
      <c r="C1369" t="s">
        <v>1326</v>
      </c>
      <c r="D1369" t="s">
        <v>1344</v>
      </c>
    </row>
    <row r="1370" spans="1:4" x14ac:dyDescent="0.4">
      <c r="A1370">
        <v>1780066</v>
      </c>
      <c r="B1370" t="s">
        <v>815</v>
      </c>
      <c r="C1370" t="s">
        <v>1326</v>
      </c>
      <c r="D1370" t="s">
        <v>1345</v>
      </c>
    </row>
    <row r="1371" spans="1:4" x14ac:dyDescent="0.4">
      <c r="A1371">
        <v>1790082</v>
      </c>
      <c r="B1371" t="s">
        <v>815</v>
      </c>
      <c r="C1371" t="s">
        <v>1326</v>
      </c>
      <c r="D1371" t="s">
        <v>1346</v>
      </c>
    </row>
    <row r="1372" spans="1:4" x14ac:dyDescent="0.4">
      <c r="A1372">
        <v>1760021</v>
      </c>
      <c r="B1372" t="s">
        <v>815</v>
      </c>
      <c r="C1372" t="s">
        <v>1326</v>
      </c>
      <c r="D1372" t="s">
        <v>1347</v>
      </c>
    </row>
    <row r="1373" spans="1:4" x14ac:dyDescent="0.4">
      <c r="A1373">
        <v>1760001</v>
      </c>
      <c r="B1373" t="s">
        <v>815</v>
      </c>
      <c r="C1373" t="s">
        <v>1326</v>
      </c>
      <c r="D1373" t="s">
        <v>1348</v>
      </c>
    </row>
    <row r="1374" spans="1:4" x14ac:dyDescent="0.4">
      <c r="A1374">
        <v>1760003</v>
      </c>
      <c r="B1374" t="s">
        <v>815</v>
      </c>
      <c r="C1374" t="s">
        <v>1326</v>
      </c>
      <c r="D1374" t="s">
        <v>1349</v>
      </c>
    </row>
    <row r="1375" spans="1:4" x14ac:dyDescent="0.4">
      <c r="A1375">
        <v>1790085</v>
      </c>
      <c r="B1375" t="s">
        <v>815</v>
      </c>
      <c r="C1375" t="s">
        <v>1326</v>
      </c>
      <c r="D1375" t="s">
        <v>1350</v>
      </c>
    </row>
    <row r="1376" spans="1:4" x14ac:dyDescent="0.4">
      <c r="A1376">
        <v>1790072</v>
      </c>
      <c r="B1376" t="s">
        <v>815</v>
      </c>
      <c r="C1376" t="s">
        <v>1326</v>
      </c>
      <c r="D1376" t="s">
        <v>1351</v>
      </c>
    </row>
    <row r="1377" spans="1:4" x14ac:dyDescent="0.4">
      <c r="A1377">
        <v>1790084</v>
      </c>
      <c r="B1377" t="s">
        <v>815</v>
      </c>
      <c r="C1377" t="s">
        <v>1326</v>
      </c>
      <c r="D1377" t="s">
        <v>1352</v>
      </c>
    </row>
    <row r="1378" spans="1:4" x14ac:dyDescent="0.4">
      <c r="A1378">
        <v>1780063</v>
      </c>
      <c r="B1378" t="s">
        <v>815</v>
      </c>
      <c r="C1378" t="s">
        <v>1326</v>
      </c>
      <c r="D1378" t="s">
        <v>1353</v>
      </c>
    </row>
    <row r="1379" spans="1:4" x14ac:dyDescent="0.4">
      <c r="A1379">
        <v>1770034</v>
      </c>
      <c r="B1379" t="s">
        <v>815</v>
      </c>
      <c r="C1379" t="s">
        <v>1326</v>
      </c>
      <c r="D1379" t="s">
        <v>652</v>
      </c>
    </row>
    <row r="1380" spans="1:4" x14ac:dyDescent="0.4">
      <c r="A1380">
        <v>1790083</v>
      </c>
      <c r="B1380" t="s">
        <v>815</v>
      </c>
      <c r="C1380" t="s">
        <v>1326</v>
      </c>
      <c r="D1380" t="s">
        <v>654</v>
      </c>
    </row>
    <row r="1381" spans="1:4" x14ac:dyDescent="0.4">
      <c r="A1381">
        <v>1780064</v>
      </c>
      <c r="B1381" t="s">
        <v>815</v>
      </c>
      <c r="C1381" t="s">
        <v>1326</v>
      </c>
      <c r="D1381" t="s">
        <v>1354</v>
      </c>
    </row>
    <row r="1382" spans="1:4" x14ac:dyDescent="0.4">
      <c r="A1382">
        <v>1770035</v>
      </c>
      <c r="B1382" t="s">
        <v>815</v>
      </c>
      <c r="C1382" t="s">
        <v>1326</v>
      </c>
      <c r="D1382" t="s">
        <v>1355</v>
      </c>
    </row>
    <row r="1383" spans="1:4" x14ac:dyDescent="0.4">
      <c r="A1383">
        <v>1770031</v>
      </c>
      <c r="B1383" t="s">
        <v>815</v>
      </c>
      <c r="C1383" t="s">
        <v>1326</v>
      </c>
      <c r="D1383" t="s">
        <v>1356</v>
      </c>
    </row>
    <row r="1384" spans="1:4" x14ac:dyDescent="0.4">
      <c r="A1384">
        <v>1770032</v>
      </c>
      <c r="B1384" t="s">
        <v>815</v>
      </c>
      <c r="C1384" t="s">
        <v>1326</v>
      </c>
      <c r="D1384" t="s">
        <v>1357</v>
      </c>
    </row>
    <row r="1385" spans="1:4" x14ac:dyDescent="0.4">
      <c r="A1385">
        <v>1200000</v>
      </c>
      <c r="B1385" t="s">
        <v>815</v>
      </c>
      <c r="C1385" t="s">
        <v>1358</v>
      </c>
    </row>
    <row r="1386" spans="1:4" x14ac:dyDescent="0.4">
      <c r="A1386">
        <v>1200012</v>
      </c>
      <c r="B1386" t="s">
        <v>815</v>
      </c>
      <c r="C1386" t="s">
        <v>1358</v>
      </c>
      <c r="D1386" t="s">
        <v>1359</v>
      </c>
    </row>
    <row r="1387" spans="1:4" x14ac:dyDescent="0.4">
      <c r="A1387">
        <v>1210012</v>
      </c>
      <c r="B1387" t="s">
        <v>815</v>
      </c>
      <c r="C1387" t="s">
        <v>1358</v>
      </c>
      <c r="D1387" t="s">
        <v>1360</v>
      </c>
    </row>
    <row r="1388" spans="1:4" x14ac:dyDescent="0.4">
      <c r="A1388">
        <v>1200015</v>
      </c>
      <c r="B1388" t="s">
        <v>815</v>
      </c>
      <c r="C1388" t="s">
        <v>1358</v>
      </c>
      <c r="D1388" t="s">
        <v>1361</v>
      </c>
    </row>
    <row r="1389" spans="1:4" x14ac:dyDescent="0.4">
      <c r="A1389">
        <v>1200005</v>
      </c>
      <c r="B1389" t="s">
        <v>815</v>
      </c>
      <c r="C1389" t="s">
        <v>1358</v>
      </c>
      <c r="D1389" t="s">
        <v>1362</v>
      </c>
    </row>
    <row r="1390" spans="1:4" x14ac:dyDescent="0.4">
      <c r="A1390">
        <v>1210823</v>
      </c>
      <c r="B1390" t="s">
        <v>815</v>
      </c>
      <c r="C1390" t="s">
        <v>1358</v>
      </c>
      <c r="D1390" t="s">
        <v>1363</v>
      </c>
    </row>
    <row r="1391" spans="1:4" x14ac:dyDescent="0.4">
      <c r="A1391">
        <v>1210807</v>
      </c>
      <c r="B1391" t="s">
        <v>815</v>
      </c>
      <c r="C1391" t="s">
        <v>1358</v>
      </c>
      <c r="D1391" t="s">
        <v>1364</v>
      </c>
    </row>
    <row r="1392" spans="1:4" x14ac:dyDescent="0.4">
      <c r="A1392">
        <v>1210836</v>
      </c>
      <c r="B1392" t="s">
        <v>815</v>
      </c>
      <c r="C1392" t="s">
        <v>1358</v>
      </c>
      <c r="D1392" t="s">
        <v>832</v>
      </c>
    </row>
    <row r="1393" spans="1:4" x14ac:dyDescent="0.4">
      <c r="A1393">
        <v>1210834</v>
      </c>
      <c r="B1393" t="s">
        <v>815</v>
      </c>
      <c r="C1393" t="s">
        <v>1358</v>
      </c>
      <c r="D1393" t="s">
        <v>1365</v>
      </c>
    </row>
    <row r="1394" spans="1:4" x14ac:dyDescent="0.4">
      <c r="A1394">
        <v>1210816</v>
      </c>
      <c r="B1394" t="s">
        <v>815</v>
      </c>
      <c r="C1394" t="s">
        <v>1358</v>
      </c>
      <c r="D1394" t="s">
        <v>1366</v>
      </c>
    </row>
    <row r="1395" spans="1:4" x14ac:dyDescent="0.4">
      <c r="A1395">
        <v>1230851</v>
      </c>
      <c r="B1395" t="s">
        <v>815</v>
      </c>
      <c r="C1395" t="s">
        <v>1358</v>
      </c>
      <c r="D1395" t="s">
        <v>1367</v>
      </c>
    </row>
    <row r="1396" spans="1:4" x14ac:dyDescent="0.4">
      <c r="A1396">
        <v>1230873</v>
      </c>
      <c r="B1396" t="s">
        <v>815</v>
      </c>
      <c r="C1396" t="s">
        <v>1358</v>
      </c>
      <c r="D1396" t="s">
        <v>1368</v>
      </c>
    </row>
    <row r="1397" spans="1:4" x14ac:dyDescent="0.4">
      <c r="A1397">
        <v>1200001</v>
      </c>
      <c r="B1397" t="s">
        <v>815</v>
      </c>
      <c r="C1397" t="s">
        <v>1358</v>
      </c>
      <c r="D1397" t="s">
        <v>1369</v>
      </c>
    </row>
    <row r="1398" spans="1:4" x14ac:dyDescent="0.4">
      <c r="A1398">
        <v>1230844</v>
      </c>
      <c r="B1398" t="s">
        <v>815</v>
      </c>
      <c r="C1398" t="s">
        <v>1358</v>
      </c>
      <c r="D1398" t="s">
        <v>1370</v>
      </c>
    </row>
    <row r="1399" spans="1:4" x14ac:dyDescent="0.4">
      <c r="A1399">
        <v>1200046</v>
      </c>
      <c r="B1399" t="s">
        <v>815</v>
      </c>
      <c r="C1399" t="s">
        <v>1358</v>
      </c>
      <c r="D1399" t="s">
        <v>1371</v>
      </c>
    </row>
    <row r="1400" spans="1:4" x14ac:dyDescent="0.4">
      <c r="A1400">
        <v>1230861</v>
      </c>
      <c r="B1400" t="s">
        <v>815</v>
      </c>
      <c r="C1400" t="s">
        <v>1358</v>
      </c>
      <c r="D1400" t="s">
        <v>1372</v>
      </c>
    </row>
    <row r="1401" spans="1:4" x14ac:dyDescent="0.4">
      <c r="A1401">
        <v>1210055</v>
      </c>
      <c r="B1401" t="s">
        <v>815</v>
      </c>
      <c r="C1401" t="s">
        <v>1358</v>
      </c>
      <c r="D1401" t="s">
        <v>1373</v>
      </c>
    </row>
    <row r="1402" spans="1:4" x14ac:dyDescent="0.4">
      <c r="A1402">
        <v>1210056</v>
      </c>
      <c r="B1402" t="s">
        <v>815</v>
      </c>
      <c r="C1402" t="s">
        <v>1358</v>
      </c>
      <c r="D1402" t="s">
        <v>1374</v>
      </c>
    </row>
    <row r="1403" spans="1:4" x14ac:dyDescent="0.4">
      <c r="A1403">
        <v>1230842</v>
      </c>
      <c r="B1403" t="s">
        <v>815</v>
      </c>
      <c r="C1403" t="s">
        <v>1358</v>
      </c>
      <c r="D1403" t="s">
        <v>1375</v>
      </c>
    </row>
    <row r="1404" spans="1:4" x14ac:dyDescent="0.4">
      <c r="A1404">
        <v>1200013</v>
      </c>
      <c r="B1404" t="s">
        <v>815</v>
      </c>
      <c r="C1404" t="s">
        <v>1358</v>
      </c>
      <c r="D1404" t="s">
        <v>1376</v>
      </c>
    </row>
    <row r="1405" spans="1:4" x14ac:dyDescent="0.4">
      <c r="A1405">
        <v>1230872</v>
      </c>
      <c r="B1405" t="s">
        <v>815</v>
      </c>
      <c r="C1405" t="s">
        <v>1358</v>
      </c>
      <c r="D1405" t="s">
        <v>1377</v>
      </c>
    </row>
    <row r="1406" spans="1:4" x14ac:dyDescent="0.4">
      <c r="A1406">
        <v>1210833</v>
      </c>
      <c r="B1406" t="s">
        <v>815</v>
      </c>
      <c r="C1406" t="s">
        <v>1358</v>
      </c>
      <c r="D1406" t="s">
        <v>1378</v>
      </c>
    </row>
    <row r="1407" spans="1:4" x14ac:dyDescent="0.4">
      <c r="A1407">
        <v>1210832</v>
      </c>
      <c r="B1407" t="s">
        <v>815</v>
      </c>
      <c r="C1407" t="s">
        <v>1358</v>
      </c>
      <c r="D1407" t="s">
        <v>1379</v>
      </c>
    </row>
    <row r="1408" spans="1:4" x14ac:dyDescent="0.4">
      <c r="A1408">
        <v>1210053</v>
      </c>
      <c r="B1408" t="s">
        <v>815</v>
      </c>
      <c r="C1408" t="s">
        <v>1358</v>
      </c>
      <c r="D1408" t="s">
        <v>167</v>
      </c>
    </row>
    <row r="1409" spans="1:4" x14ac:dyDescent="0.4">
      <c r="A1409">
        <v>1230862</v>
      </c>
      <c r="B1409" t="s">
        <v>815</v>
      </c>
      <c r="C1409" t="s">
        <v>1358</v>
      </c>
      <c r="D1409" t="s">
        <v>1380</v>
      </c>
    </row>
    <row r="1410" spans="1:4" x14ac:dyDescent="0.4">
      <c r="A1410">
        <v>1230864</v>
      </c>
      <c r="B1410" t="s">
        <v>815</v>
      </c>
      <c r="C1410" t="s">
        <v>1358</v>
      </c>
      <c r="D1410" t="s">
        <v>1381</v>
      </c>
    </row>
    <row r="1411" spans="1:4" x14ac:dyDescent="0.4">
      <c r="A1411">
        <v>1210815</v>
      </c>
      <c r="B1411" t="s">
        <v>815</v>
      </c>
      <c r="C1411" t="s">
        <v>1358</v>
      </c>
      <c r="D1411" t="s">
        <v>1382</v>
      </c>
    </row>
    <row r="1412" spans="1:4" x14ac:dyDescent="0.4">
      <c r="A1412">
        <v>1230865</v>
      </c>
      <c r="B1412" t="s">
        <v>815</v>
      </c>
      <c r="C1412" t="s">
        <v>1358</v>
      </c>
      <c r="D1412" t="s">
        <v>178</v>
      </c>
    </row>
    <row r="1413" spans="1:4" x14ac:dyDescent="0.4">
      <c r="A1413">
        <v>1210051</v>
      </c>
      <c r="B1413" t="s">
        <v>815</v>
      </c>
      <c r="C1413" t="s">
        <v>1358</v>
      </c>
      <c r="D1413" t="s">
        <v>1383</v>
      </c>
    </row>
    <row r="1414" spans="1:4" x14ac:dyDescent="0.4">
      <c r="A1414">
        <v>1210057</v>
      </c>
      <c r="B1414" t="s">
        <v>815</v>
      </c>
      <c r="C1414" t="s">
        <v>1358</v>
      </c>
      <c r="D1414" t="s">
        <v>1384</v>
      </c>
    </row>
    <row r="1415" spans="1:4" x14ac:dyDescent="0.4">
      <c r="A1415">
        <v>1230852</v>
      </c>
      <c r="B1415" t="s">
        <v>815</v>
      </c>
      <c r="C1415" t="s">
        <v>1358</v>
      </c>
      <c r="D1415" t="s">
        <v>1385</v>
      </c>
    </row>
    <row r="1416" spans="1:4" x14ac:dyDescent="0.4">
      <c r="A1416">
        <v>1200034</v>
      </c>
      <c r="B1416" t="s">
        <v>815</v>
      </c>
      <c r="C1416" t="s">
        <v>1358</v>
      </c>
      <c r="D1416" t="s">
        <v>1386</v>
      </c>
    </row>
    <row r="1417" spans="1:4" x14ac:dyDescent="0.4">
      <c r="A1417">
        <v>1200023</v>
      </c>
      <c r="B1417" t="s">
        <v>815</v>
      </c>
      <c r="C1417" t="s">
        <v>1358</v>
      </c>
      <c r="D1417" t="s">
        <v>1387</v>
      </c>
    </row>
    <row r="1418" spans="1:4" x14ac:dyDescent="0.4">
      <c r="A1418">
        <v>1200026</v>
      </c>
      <c r="B1418" t="s">
        <v>815</v>
      </c>
      <c r="C1418" t="s">
        <v>1358</v>
      </c>
      <c r="D1418" t="s">
        <v>1388</v>
      </c>
    </row>
    <row r="1419" spans="1:4" x14ac:dyDescent="0.4">
      <c r="A1419">
        <v>1200025</v>
      </c>
      <c r="B1419" t="s">
        <v>815</v>
      </c>
      <c r="C1419" t="s">
        <v>1358</v>
      </c>
      <c r="D1419" t="s">
        <v>1389</v>
      </c>
    </row>
    <row r="1420" spans="1:4" x14ac:dyDescent="0.4">
      <c r="A1420">
        <v>1200031</v>
      </c>
      <c r="B1420" t="s">
        <v>815</v>
      </c>
      <c r="C1420" t="s">
        <v>1358</v>
      </c>
      <c r="D1420" t="s">
        <v>1390</v>
      </c>
    </row>
    <row r="1421" spans="1:4" x14ac:dyDescent="0.4">
      <c r="A1421">
        <v>1200037</v>
      </c>
      <c r="B1421" t="s">
        <v>815</v>
      </c>
      <c r="C1421" t="s">
        <v>1358</v>
      </c>
      <c r="D1421" t="s">
        <v>1391</v>
      </c>
    </row>
    <row r="1422" spans="1:4" x14ac:dyDescent="0.4">
      <c r="A1422">
        <v>1200033</v>
      </c>
      <c r="B1422" t="s">
        <v>815</v>
      </c>
      <c r="C1422" t="s">
        <v>1358</v>
      </c>
      <c r="D1422" t="s">
        <v>1392</v>
      </c>
    </row>
    <row r="1423" spans="1:4" x14ac:dyDescent="0.4">
      <c r="A1423">
        <v>1200045</v>
      </c>
      <c r="B1423" t="s">
        <v>815</v>
      </c>
      <c r="C1423" t="s">
        <v>1358</v>
      </c>
      <c r="D1423" t="s">
        <v>1393</v>
      </c>
    </row>
    <row r="1424" spans="1:4" x14ac:dyDescent="0.4">
      <c r="A1424">
        <v>1200024</v>
      </c>
      <c r="B1424" t="s">
        <v>815</v>
      </c>
      <c r="C1424" t="s">
        <v>1358</v>
      </c>
      <c r="D1424" t="s">
        <v>1394</v>
      </c>
    </row>
    <row r="1425" spans="1:4" x14ac:dyDescent="0.4">
      <c r="A1425">
        <v>1200042</v>
      </c>
      <c r="B1425" t="s">
        <v>815</v>
      </c>
      <c r="C1425" t="s">
        <v>1358</v>
      </c>
      <c r="D1425" t="s">
        <v>1395</v>
      </c>
    </row>
    <row r="1426" spans="1:4" x14ac:dyDescent="0.4">
      <c r="A1426">
        <v>1200035</v>
      </c>
      <c r="B1426" t="s">
        <v>815</v>
      </c>
      <c r="C1426" t="s">
        <v>1358</v>
      </c>
      <c r="D1426" t="s">
        <v>1396</v>
      </c>
    </row>
    <row r="1427" spans="1:4" x14ac:dyDescent="0.4">
      <c r="A1427">
        <v>1200036</v>
      </c>
      <c r="B1427" t="s">
        <v>815</v>
      </c>
      <c r="C1427" t="s">
        <v>1358</v>
      </c>
      <c r="D1427" t="s">
        <v>1397</v>
      </c>
    </row>
    <row r="1428" spans="1:4" x14ac:dyDescent="0.4">
      <c r="A1428">
        <v>1200038</v>
      </c>
      <c r="B1428" t="s">
        <v>815</v>
      </c>
      <c r="C1428" t="s">
        <v>1358</v>
      </c>
      <c r="D1428" t="s">
        <v>1398</v>
      </c>
    </row>
    <row r="1429" spans="1:4" x14ac:dyDescent="0.4">
      <c r="A1429">
        <v>1200044</v>
      </c>
      <c r="B1429" t="s">
        <v>815</v>
      </c>
      <c r="C1429" t="s">
        <v>1358</v>
      </c>
      <c r="D1429" t="s">
        <v>1399</v>
      </c>
    </row>
    <row r="1430" spans="1:4" x14ac:dyDescent="0.4">
      <c r="A1430">
        <v>1200043</v>
      </c>
      <c r="B1430" t="s">
        <v>815</v>
      </c>
      <c r="C1430" t="s">
        <v>1358</v>
      </c>
      <c r="D1430" t="s">
        <v>1400</v>
      </c>
    </row>
    <row r="1431" spans="1:4" x14ac:dyDescent="0.4">
      <c r="A1431">
        <v>1200041</v>
      </c>
      <c r="B1431" t="s">
        <v>815</v>
      </c>
      <c r="C1431" t="s">
        <v>1358</v>
      </c>
      <c r="D1431" t="s">
        <v>1401</v>
      </c>
    </row>
    <row r="1432" spans="1:4" x14ac:dyDescent="0.4">
      <c r="A1432">
        <v>1200032</v>
      </c>
      <c r="B1432" t="s">
        <v>815</v>
      </c>
      <c r="C1432" t="s">
        <v>1358</v>
      </c>
      <c r="D1432" t="s">
        <v>1402</v>
      </c>
    </row>
    <row r="1433" spans="1:4" x14ac:dyDescent="0.4">
      <c r="A1433">
        <v>1210813</v>
      </c>
      <c r="B1433" t="s">
        <v>815</v>
      </c>
      <c r="C1433" t="s">
        <v>1358</v>
      </c>
      <c r="D1433" t="s">
        <v>1403</v>
      </c>
    </row>
    <row r="1434" spans="1:4" x14ac:dyDescent="0.4">
      <c r="A1434">
        <v>1210054</v>
      </c>
      <c r="B1434" t="s">
        <v>815</v>
      </c>
      <c r="C1434" t="s">
        <v>1358</v>
      </c>
      <c r="D1434" t="s">
        <v>1404</v>
      </c>
    </row>
    <row r="1435" spans="1:4" x14ac:dyDescent="0.4">
      <c r="A1435">
        <v>1200011</v>
      </c>
      <c r="B1435" t="s">
        <v>815</v>
      </c>
      <c r="C1435" t="s">
        <v>1358</v>
      </c>
      <c r="D1435" t="s">
        <v>1405</v>
      </c>
    </row>
    <row r="1436" spans="1:4" x14ac:dyDescent="0.4">
      <c r="A1436">
        <v>1210011</v>
      </c>
      <c r="B1436" t="s">
        <v>815</v>
      </c>
      <c r="C1436" t="s">
        <v>1358</v>
      </c>
      <c r="D1436" t="s">
        <v>1406</v>
      </c>
    </row>
    <row r="1437" spans="1:4" x14ac:dyDescent="0.4">
      <c r="A1437">
        <v>1230871</v>
      </c>
      <c r="B1437" t="s">
        <v>815</v>
      </c>
      <c r="C1437" t="s">
        <v>1358</v>
      </c>
      <c r="D1437" t="s">
        <v>186</v>
      </c>
    </row>
    <row r="1438" spans="1:4" x14ac:dyDescent="0.4">
      <c r="A1438">
        <v>1200003</v>
      </c>
      <c r="B1438" t="s">
        <v>815</v>
      </c>
      <c r="C1438" t="s">
        <v>1358</v>
      </c>
      <c r="D1438" t="s">
        <v>1407</v>
      </c>
    </row>
    <row r="1439" spans="1:4" x14ac:dyDescent="0.4">
      <c r="A1439">
        <v>1210831</v>
      </c>
      <c r="B1439" t="s">
        <v>815</v>
      </c>
      <c r="C1439" t="s">
        <v>1358</v>
      </c>
      <c r="D1439" t="s">
        <v>1408</v>
      </c>
    </row>
    <row r="1440" spans="1:4" x14ac:dyDescent="0.4">
      <c r="A1440">
        <v>1210837</v>
      </c>
      <c r="B1440" t="s">
        <v>815</v>
      </c>
      <c r="C1440" t="s">
        <v>1358</v>
      </c>
      <c r="D1440" t="s">
        <v>1409</v>
      </c>
    </row>
    <row r="1441" spans="1:4" x14ac:dyDescent="0.4">
      <c r="A1441">
        <v>1210835</v>
      </c>
      <c r="B1441" t="s">
        <v>815</v>
      </c>
      <c r="C1441" t="s">
        <v>1358</v>
      </c>
      <c r="D1441" t="s">
        <v>1410</v>
      </c>
    </row>
    <row r="1442" spans="1:4" x14ac:dyDescent="0.4">
      <c r="A1442">
        <v>1200002</v>
      </c>
      <c r="B1442" t="s">
        <v>815</v>
      </c>
      <c r="C1442" t="s">
        <v>1358</v>
      </c>
      <c r="D1442" t="s">
        <v>1411</v>
      </c>
    </row>
    <row r="1443" spans="1:4" x14ac:dyDescent="0.4">
      <c r="A1443">
        <v>1200014</v>
      </c>
      <c r="B1443" t="s">
        <v>815</v>
      </c>
      <c r="C1443" t="s">
        <v>1358</v>
      </c>
      <c r="D1443" t="s">
        <v>1412</v>
      </c>
    </row>
    <row r="1444" spans="1:4" x14ac:dyDescent="0.4">
      <c r="A1444">
        <v>1230841</v>
      </c>
      <c r="B1444" t="s">
        <v>815</v>
      </c>
      <c r="C1444" t="s">
        <v>1358</v>
      </c>
      <c r="D1444" t="s">
        <v>1413</v>
      </c>
    </row>
    <row r="1445" spans="1:4" x14ac:dyDescent="0.4">
      <c r="A1445">
        <v>1230843</v>
      </c>
      <c r="B1445" t="s">
        <v>815</v>
      </c>
      <c r="C1445" t="s">
        <v>1358</v>
      </c>
      <c r="D1445" t="s">
        <v>1414</v>
      </c>
    </row>
    <row r="1446" spans="1:4" x14ac:dyDescent="0.4">
      <c r="A1446">
        <v>1230845</v>
      </c>
      <c r="B1446" t="s">
        <v>815</v>
      </c>
      <c r="C1446" t="s">
        <v>1358</v>
      </c>
      <c r="D1446" t="s">
        <v>1415</v>
      </c>
    </row>
    <row r="1447" spans="1:4" x14ac:dyDescent="0.4">
      <c r="A1447">
        <v>1210824</v>
      </c>
      <c r="B1447" t="s">
        <v>815</v>
      </c>
      <c r="C1447" t="s">
        <v>1358</v>
      </c>
      <c r="D1447" t="s">
        <v>1416</v>
      </c>
    </row>
    <row r="1448" spans="1:4" x14ac:dyDescent="0.4">
      <c r="A1448">
        <v>1210825</v>
      </c>
      <c r="B1448" t="s">
        <v>815</v>
      </c>
      <c r="C1448" t="s">
        <v>1358</v>
      </c>
      <c r="D1448" t="s">
        <v>1417</v>
      </c>
    </row>
    <row r="1449" spans="1:4" x14ac:dyDescent="0.4">
      <c r="A1449">
        <v>1210074</v>
      </c>
      <c r="B1449" t="s">
        <v>815</v>
      </c>
      <c r="C1449" t="s">
        <v>1358</v>
      </c>
      <c r="D1449" t="s">
        <v>1418</v>
      </c>
    </row>
    <row r="1450" spans="1:4" x14ac:dyDescent="0.4">
      <c r="A1450">
        <v>1210822</v>
      </c>
      <c r="B1450" t="s">
        <v>815</v>
      </c>
      <c r="C1450" t="s">
        <v>1358</v>
      </c>
      <c r="D1450" t="s">
        <v>1419</v>
      </c>
    </row>
    <row r="1451" spans="1:4" x14ac:dyDescent="0.4">
      <c r="A1451">
        <v>1210812</v>
      </c>
      <c r="B1451" t="s">
        <v>815</v>
      </c>
      <c r="C1451" t="s">
        <v>1358</v>
      </c>
      <c r="D1451" t="s">
        <v>1420</v>
      </c>
    </row>
    <row r="1452" spans="1:4" x14ac:dyDescent="0.4">
      <c r="A1452">
        <v>1210061</v>
      </c>
      <c r="B1452" t="s">
        <v>815</v>
      </c>
      <c r="C1452" t="s">
        <v>1358</v>
      </c>
      <c r="D1452" t="s">
        <v>1421</v>
      </c>
    </row>
    <row r="1453" spans="1:4" x14ac:dyDescent="0.4">
      <c r="A1453">
        <v>1200004</v>
      </c>
      <c r="B1453" t="s">
        <v>815</v>
      </c>
      <c r="C1453" t="s">
        <v>1358</v>
      </c>
      <c r="D1453" t="s">
        <v>1422</v>
      </c>
    </row>
    <row r="1454" spans="1:4" x14ac:dyDescent="0.4">
      <c r="A1454">
        <v>1210801</v>
      </c>
      <c r="B1454" t="s">
        <v>815</v>
      </c>
      <c r="C1454" t="s">
        <v>1358</v>
      </c>
      <c r="D1454" t="s">
        <v>1423</v>
      </c>
    </row>
    <row r="1455" spans="1:4" x14ac:dyDescent="0.4">
      <c r="A1455">
        <v>1210063</v>
      </c>
      <c r="B1455" t="s">
        <v>815</v>
      </c>
      <c r="C1455" t="s">
        <v>1358</v>
      </c>
      <c r="D1455" t="s">
        <v>1424</v>
      </c>
    </row>
    <row r="1456" spans="1:4" x14ac:dyDescent="0.4">
      <c r="A1456">
        <v>1210071</v>
      </c>
      <c r="B1456" t="s">
        <v>815</v>
      </c>
      <c r="C1456" t="s">
        <v>1358</v>
      </c>
      <c r="D1456" t="s">
        <v>1425</v>
      </c>
    </row>
    <row r="1457" spans="1:4" x14ac:dyDescent="0.4">
      <c r="A1457">
        <v>1210075</v>
      </c>
      <c r="B1457" t="s">
        <v>815</v>
      </c>
      <c r="C1457" t="s">
        <v>1358</v>
      </c>
      <c r="D1457" t="s">
        <v>1426</v>
      </c>
    </row>
    <row r="1458" spans="1:4" x14ac:dyDescent="0.4">
      <c r="A1458">
        <v>1200021</v>
      </c>
      <c r="B1458" t="s">
        <v>815</v>
      </c>
      <c r="C1458" t="s">
        <v>1358</v>
      </c>
      <c r="D1458" t="s">
        <v>1427</v>
      </c>
    </row>
    <row r="1459" spans="1:4" x14ac:dyDescent="0.4">
      <c r="A1459">
        <v>1210076</v>
      </c>
      <c r="B1459" t="s">
        <v>815</v>
      </c>
      <c r="C1459" t="s">
        <v>1358</v>
      </c>
      <c r="D1459" t="s">
        <v>952</v>
      </c>
    </row>
    <row r="1460" spans="1:4" x14ac:dyDescent="0.4">
      <c r="A1460">
        <v>1210064</v>
      </c>
      <c r="B1460" t="s">
        <v>815</v>
      </c>
      <c r="C1460" t="s">
        <v>1358</v>
      </c>
      <c r="D1460" t="s">
        <v>1428</v>
      </c>
    </row>
    <row r="1461" spans="1:4" x14ac:dyDescent="0.4">
      <c r="A1461">
        <v>1210072</v>
      </c>
      <c r="B1461" t="s">
        <v>815</v>
      </c>
      <c r="C1461" t="s">
        <v>1358</v>
      </c>
      <c r="D1461" t="s">
        <v>1429</v>
      </c>
    </row>
    <row r="1462" spans="1:4" x14ac:dyDescent="0.4">
      <c r="A1462">
        <v>1230874</v>
      </c>
      <c r="B1462" t="s">
        <v>815</v>
      </c>
      <c r="C1462" t="s">
        <v>1358</v>
      </c>
      <c r="D1462" t="s">
        <v>467</v>
      </c>
    </row>
    <row r="1463" spans="1:4" x14ac:dyDescent="0.4">
      <c r="A1463">
        <v>1210062</v>
      </c>
      <c r="B1463" t="s">
        <v>815</v>
      </c>
      <c r="C1463" t="s">
        <v>1358</v>
      </c>
      <c r="D1463" t="s">
        <v>1430</v>
      </c>
    </row>
    <row r="1464" spans="1:4" x14ac:dyDescent="0.4">
      <c r="A1464">
        <v>1200047</v>
      </c>
      <c r="B1464" t="s">
        <v>815</v>
      </c>
      <c r="C1464" t="s">
        <v>1358</v>
      </c>
      <c r="D1464" t="s">
        <v>1431</v>
      </c>
    </row>
    <row r="1465" spans="1:4" x14ac:dyDescent="0.4">
      <c r="A1465">
        <v>1210052</v>
      </c>
      <c r="B1465" t="s">
        <v>815</v>
      </c>
      <c r="C1465" t="s">
        <v>1358</v>
      </c>
      <c r="D1465" t="s">
        <v>1432</v>
      </c>
    </row>
    <row r="1466" spans="1:4" x14ac:dyDescent="0.4">
      <c r="A1466">
        <v>1230853</v>
      </c>
      <c r="B1466" t="s">
        <v>815</v>
      </c>
      <c r="C1466" t="s">
        <v>1358</v>
      </c>
      <c r="D1466" t="s">
        <v>1433</v>
      </c>
    </row>
    <row r="1467" spans="1:4" x14ac:dyDescent="0.4">
      <c r="A1467">
        <v>1230854</v>
      </c>
      <c r="B1467" t="s">
        <v>815</v>
      </c>
      <c r="C1467" t="s">
        <v>1358</v>
      </c>
      <c r="D1467" t="s">
        <v>1434</v>
      </c>
    </row>
    <row r="1468" spans="1:4" x14ac:dyDescent="0.4">
      <c r="A1468">
        <v>1230856</v>
      </c>
      <c r="B1468" t="s">
        <v>815</v>
      </c>
      <c r="C1468" t="s">
        <v>1358</v>
      </c>
      <c r="D1468" t="s">
        <v>1435</v>
      </c>
    </row>
    <row r="1469" spans="1:4" x14ac:dyDescent="0.4">
      <c r="A1469">
        <v>1230855</v>
      </c>
      <c r="B1469" t="s">
        <v>815</v>
      </c>
      <c r="C1469" t="s">
        <v>1358</v>
      </c>
      <c r="D1469" t="s">
        <v>1436</v>
      </c>
    </row>
    <row r="1470" spans="1:4" x14ac:dyDescent="0.4">
      <c r="A1470">
        <v>1230857</v>
      </c>
      <c r="B1470" t="s">
        <v>815</v>
      </c>
      <c r="C1470" t="s">
        <v>1358</v>
      </c>
      <c r="D1470" t="s">
        <v>1437</v>
      </c>
    </row>
    <row r="1471" spans="1:4" x14ac:dyDescent="0.4">
      <c r="A1471">
        <v>1230863</v>
      </c>
      <c r="B1471" t="s">
        <v>815</v>
      </c>
      <c r="C1471" t="s">
        <v>1358</v>
      </c>
      <c r="D1471" t="s">
        <v>1438</v>
      </c>
    </row>
    <row r="1472" spans="1:4" x14ac:dyDescent="0.4">
      <c r="A1472">
        <v>1200006</v>
      </c>
      <c r="B1472" t="s">
        <v>815</v>
      </c>
      <c r="C1472" t="s">
        <v>1358</v>
      </c>
      <c r="D1472" t="s">
        <v>853</v>
      </c>
    </row>
    <row r="1473" spans="1:4" x14ac:dyDescent="0.4">
      <c r="A1473">
        <v>1200022</v>
      </c>
      <c r="B1473" t="s">
        <v>815</v>
      </c>
      <c r="C1473" t="s">
        <v>1358</v>
      </c>
      <c r="D1473" t="s">
        <v>1439</v>
      </c>
    </row>
    <row r="1474" spans="1:4" x14ac:dyDescent="0.4">
      <c r="A1474">
        <v>1210814</v>
      </c>
      <c r="B1474" t="s">
        <v>815</v>
      </c>
      <c r="C1474" t="s">
        <v>1358</v>
      </c>
      <c r="D1474" t="s">
        <v>1440</v>
      </c>
    </row>
    <row r="1475" spans="1:4" x14ac:dyDescent="0.4">
      <c r="A1475">
        <v>1210073</v>
      </c>
      <c r="B1475" t="s">
        <v>815</v>
      </c>
      <c r="C1475" t="s">
        <v>1358</v>
      </c>
      <c r="D1475" t="s">
        <v>1441</v>
      </c>
    </row>
    <row r="1476" spans="1:4" x14ac:dyDescent="0.4">
      <c r="A1476">
        <v>1240000</v>
      </c>
      <c r="B1476" t="s">
        <v>815</v>
      </c>
      <c r="C1476" t="s">
        <v>1442</v>
      </c>
    </row>
    <row r="1477" spans="1:4" x14ac:dyDescent="0.4">
      <c r="A1477">
        <v>1250062</v>
      </c>
      <c r="B1477" t="s">
        <v>815</v>
      </c>
      <c r="C1477" t="s">
        <v>1442</v>
      </c>
      <c r="D1477" t="s">
        <v>1443</v>
      </c>
    </row>
    <row r="1478" spans="1:4" x14ac:dyDescent="0.4">
      <c r="A1478">
        <v>1240022</v>
      </c>
      <c r="B1478" t="s">
        <v>815</v>
      </c>
      <c r="C1478" t="s">
        <v>1442</v>
      </c>
      <c r="D1478" t="s">
        <v>1444</v>
      </c>
    </row>
    <row r="1479" spans="1:4" x14ac:dyDescent="0.4">
      <c r="A1479">
        <v>1240003</v>
      </c>
      <c r="B1479" t="s">
        <v>815</v>
      </c>
      <c r="C1479" t="s">
        <v>1442</v>
      </c>
      <c r="D1479" t="s">
        <v>1445</v>
      </c>
    </row>
    <row r="1480" spans="1:4" x14ac:dyDescent="0.4">
      <c r="A1480">
        <v>1250042</v>
      </c>
      <c r="B1480" t="s">
        <v>815</v>
      </c>
      <c r="C1480" t="s">
        <v>1442</v>
      </c>
      <c r="D1480" t="s">
        <v>1446</v>
      </c>
    </row>
    <row r="1481" spans="1:4" x14ac:dyDescent="0.4">
      <c r="A1481">
        <v>1250043</v>
      </c>
      <c r="B1481" t="s">
        <v>815</v>
      </c>
      <c r="C1481" t="s">
        <v>1442</v>
      </c>
      <c r="D1481" t="s">
        <v>1447</v>
      </c>
    </row>
    <row r="1482" spans="1:4" x14ac:dyDescent="0.4">
      <c r="A1482">
        <v>1250053</v>
      </c>
      <c r="B1482" t="s">
        <v>815</v>
      </c>
      <c r="C1482" t="s">
        <v>1442</v>
      </c>
      <c r="D1482" t="s">
        <v>1448</v>
      </c>
    </row>
    <row r="1483" spans="1:4" x14ac:dyDescent="0.4">
      <c r="A1483">
        <v>1250061</v>
      </c>
      <c r="B1483" t="s">
        <v>815</v>
      </c>
      <c r="C1483" t="s">
        <v>1442</v>
      </c>
      <c r="D1483" t="s">
        <v>1449</v>
      </c>
    </row>
    <row r="1484" spans="1:4" x14ac:dyDescent="0.4">
      <c r="A1484">
        <v>1240001</v>
      </c>
      <c r="B1484" t="s">
        <v>815</v>
      </c>
      <c r="C1484" t="s">
        <v>1442</v>
      </c>
      <c r="D1484" t="s">
        <v>1450</v>
      </c>
    </row>
    <row r="1485" spans="1:4" x14ac:dyDescent="0.4">
      <c r="A1485">
        <v>1250052</v>
      </c>
      <c r="B1485" t="s">
        <v>815</v>
      </c>
      <c r="C1485" t="s">
        <v>1442</v>
      </c>
      <c r="D1485" t="s">
        <v>1451</v>
      </c>
    </row>
    <row r="1486" spans="1:4" x14ac:dyDescent="0.4">
      <c r="A1486">
        <v>1250063</v>
      </c>
      <c r="B1486" t="s">
        <v>815</v>
      </c>
      <c r="C1486" t="s">
        <v>1442</v>
      </c>
      <c r="D1486" t="s">
        <v>1452</v>
      </c>
    </row>
    <row r="1487" spans="1:4" x14ac:dyDescent="0.4">
      <c r="A1487">
        <v>1240024</v>
      </c>
      <c r="B1487" t="s">
        <v>815</v>
      </c>
      <c r="C1487" t="s">
        <v>1442</v>
      </c>
      <c r="D1487" t="s">
        <v>1453</v>
      </c>
    </row>
    <row r="1488" spans="1:4" x14ac:dyDescent="0.4">
      <c r="A1488">
        <v>1250054</v>
      </c>
      <c r="B1488" t="s">
        <v>815</v>
      </c>
      <c r="C1488" t="s">
        <v>1442</v>
      </c>
      <c r="D1488" t="s">
        <v>181</v>
      </c>
    </row>
    <row r="1489" spans="1:4" x14ac:dyDescent="0.4">
      <c r="A1489">
        <v>1240005</v>
      </c>
      <c r="B1489" t="s">
        <v>815</v>
      </c>
      <c r="C1489" t="s">
        <v>1442</v>
      </c>
      <c r="D1489" t="s">
        <v>1454</v>
      </c>
    </row>
    <row r="1490" spans="1:4" x14ac:dyDescent="0.4">
      <c r="A1490">
        <v>1240012</v>
      </c>
      <c r="B1490" t="s">
        <v>815</v>
      </c>
      <c r="C1490" t="s">
        <v>1442</v>
      </c>
      <c r="D1490" t="s">
        <v>1455</v>
      </c>
    </row>
    <row r="1491" spans="1:4" x14ac:dyDescent="0.4">
      <c r="A1491">
        <v>1250051</v>
      </c>
      <c r="B1491" t="s">
        <v>815</v>
      </c>
      <c r="C1491" t="s">
        <v>1442</v>
      </c>
      <c r="D1491" t="s">
        <v>177</v>
      </c>
    </row>
    <row r="1492" spans="1:4" x14ac:dyDescent="0.4">
      <c r="A1492">
        <v>1240002</v>
      </c>
      <c r="B1492" t="s">
        <v>815</v>
      </c>
      <c r="C1492" t="s">
        <v>1442</v>
      </c>
      <c r="D1492" t="s">
        <v>1456</v>
      </c>
    </row>
    <row r="1493" spans="1:4" x14ac:dyDescent="0.4">
      <c r="A1493">
        <v>1250002</v>
      </c>
      <c r="B1493" t="s">
        <v>815</v>
      </c>
      <c r="C1493" t="s">
        <v>1442</v>
      </c>
      <c r="D1493" t="s">
        <v>1457</v>
      </c>
    </row>
    <row r="1494" spans="1:4" x14ac:dyDescent="0.4">
      <c r="A1494">
        <v>1240025</v>
      </c>
      <c r="B1494" t="s">
        <v>815</v>
      </c>
      <c r="C1494" t="s">
        <v>1442</v>
      </c>
      <c r="D1494" t="s">
        <v>1458</v>
      </c>
    </row>
    <row r="1495" spans="1:4" x14ac:dyDescent="0.4">
      <c r="A1495">
        <v>1250031</v>
      </c>
      <c r="B1495" t="s">
        <v>815</v>
      </c>
      <c r="C1495" t="s">
        <v>1442</v>
      </c>
      <c r="D1495" t="s">
        <v>1459</v>
      </c>
    </row>
    <row r="1496" spans="1:4" x14ac:dyDescent="0.4">
      <c r="A1496">
        <v>1250041</v>
      </c>
      <c r="B1496" t="s">
        <v>815</v>
      </c>
      <c r="C1496" t="s">
        <v>1442</v>
      </c>
      <c r="D1496" t="s">
        <v>1460</v>
      </c>
    </row>
    <row r="1497" spans="1:4" x14ac:dyDescent="0.4">
      <c r="A1497">
        <v>1240023</v>
      </c>
      <c r="B1497" t="s">
        <v>815</v>
      </c>
      <c r="C1497" t="s">
        <v>1442</v>
      </c>
      <c r="D1497" t="s">
        <v>1461</v>
      </c>
    </row>
    <row r="1498" spans="1:4" x14ac:dyDescent="0.4">
      <c r="A1498">
        <v>1240013</v>
      </c>
      <c r="B1498" t="s">
        <v>815</v>
      </c>
      <c r="C1498" t="s">
        <v>1442</v>
      </c>
      <c r="D1498" t="s">
        <v>1462</v>
      </c>
    </row>
    <row r="1499" spans="1:4" x14ac:dyDescent="0.4">
      <c r="A1499">
        <v>1240004</v>
      </c>
      <c r="B1499" t="s">
        <v>815</v>
      </c>
      <c r="C1499" t="s">
        <v>1442</v>
      </c>
      <c r="D1499" t="s">
        <v>1463</v>
      </c>
    </row>
    <row r="1500" spans="1:4" x14ac:dyDescent="0.4">
      <c r="A1500">
        <v>1250033</v>
      </c>
      <c r="B1500" t="s">
        <v>815</v>
      </c>
      <c r="C1500" t="s">
        <v>1442</v>
      </c>
      <c r="D1500" t="s">
        <v>1464</v>
      </c>
    </row>
    <row r="1501" spans="1:4" x14ac:dyDescent="0.4">
      <c r="A1501">
        <v>1240014</v>
      </c>
      <c r="B1501" t="s">
        <v>815</v>
      </c>
      <c r="C1501" t="s">
        <v>1442</v>
      </c>
      <c r="D1501" t="s">
        <v>1465</v>
      </c>
    </row>
    <row r="1502" spans="1:4" x14ac:dyDescent="0.4">
      <c r="A1502">
        <v>1240021</v>
      </c>
      <c r="B1502" t="s">
        <v>815</v>
      </c>
      <c r="C1502" t="s">
        <v>1442</v>
      </c>
      <c r="D1502" t="s">
        <v>1466</v>
      </c>
    </row>
    <row r="1503" spans="1:4" x14ac:dyDescent="0.4">
      <c r="A1503">
        <v>1240006</v>
      </c>
      <c r="B1503" t="s">
        <v>815</v>
      </c>
      <c r="C1503" t="s">
        <v>1442</v>
      </c>
      <c r="D1503" t="s">
        <v>1467</v>
      </c>
    </row>
    <row r="1504" spans="1:4" x14ac:dyDescent="0.4">
      <c r="A1504">
        <v>1250032</v>
      </c>
      <c r="B1504" t="s">
        <v>815</v>
      </c>
      <c r="C1504" t="s">
        <v>1442</v>
      </c>
      <c r="D1504" t="s">
        <v>1468</v>
      </c>
    </row>
    <row r="1505" spans="1:4" x14ac:dyDescent="0.4">
      <c r="A1505">
        <v>1250034</v>
      </c>
      <c r="B1505" t="s">
        <v>815</v>
      </c>
      <c r="C1505" t="s">
        <v>1442</v>
      </c>
      <c r="D1505" t="s">
        <v>1469</v>
      </c>
    </row>
    <row r="1506" spans="1:4" x14ac:dyDescent="0.4">
      <c r="A1506">
        <v>1250035</v>
      </c>
      <c r="B1506" t="s">
        <v>815</v>
      </c>
      <c r="C1506" t="s">
        <v>1442</v>
      </c>
      <c r="D1506" t="s">
        <v>1470</v>
      </c>
    </row>
    <row r="1507" spans="1:4" x14ac:dyDescent="0.4">
      <c r="A1507">
        <v>1240011</v>
      </c>
      <c r="B1507" t="s">
        <v>815</v>
      </c>
      <c r="C1507" t="s">
        <v>1442</v>
      </c>
      <c r="D1507" t="s">
        <v>1471</v>
      </c>
    </row>
    <row r="1508" spans="1:4" x14ac:dyDescent="0.4">
      <c r="A1508">
        <v>1320000</v>
      </c>
      <c r="B1508" t="s">
        <v>815</v>
      </c>
      <c r="C1508" t="s">
        <v>1472</v>
      </c>
    </row>
    <row r="1509" spans="1:4" x14ac:dyDescent="0.4">
      <c r="A1509">
        <v>1320024</v>
      </c>
      <c r="B1509" t="s">
        <v>815</v>
      </c>
      <c r="C1509" t="s">
        <v>1472</v>
      </c>
      <c r="D1509" t="s">
        <v>1473</v>
      </c>
    </row>
    <row r="1510" spans="1:4" x14ac:dyDescent="0.4">
      <c r="A1510">
        <v>1340092</v>
      </c>
      <c r="B1510" t="s">
        <v>815</v>
      </c>
      <c r="C1510" t="s">
        <v>1472</v>
      </c>
      <c r="D1510" t="s">
        <v>1474</v>
      </c>
    </row>
    <row r="1511" spans="1:4" x14ac:dyDescent="0.4">
      <c r="A1511">
        <v>1340082</v>
      </c>
      <c r="B1511" t="s">
        <v>815</v>
      </c>
      <c r="C1511" t="s">
        <v>1472</v>
      </c>
      <c r="D1511" t="s">
        <v>1475</v>
      </c>
    </row>
    <row r="1512" spans="1:4" x14ac:dyDescent="0.4">
      <c r="A1512">
        <v>1320013</v>
      </c>
      <c r="B1512" t="s">
        <v>815</v>
      </c>
      <c r="C1512" t="s">
        <v>1472</v>
      </c>
      <c r="D1512" t="s">
        <v>1476</v>
      </c>
    </row>
    <row r="1513" spans="1:4" x14ac:dyDescent="0.4">
      <c r="A1513">
        <v>1340013</v>
      </c>
      <c r="B1513" t="s">
        <v>815</v>
      </c>
      <c r="C1513" t="s">
        <v>1472</v>
      </c>
      <c r="D1513" t="s">
        <v>1477</v>
      </c>
    </row>
    <row r="1514" spans="1:4" x14ac:dyDescent="0.4">
      <c r="A1514">
        <v>1320022</v>
      </c>
      <c r="B1514" t="s">
        <v>815</v>
      </c>
      <c r="C1514" t="s">
        <v>1472</v>
      </c>
      <c r="D1514" t="s">
        <v>1478</v>
      </c>
    </row>
    <row r="1515" spans="1:4" x14ac:dyDescent="0.4">
      <c r="A1515">
        <v>1706021</v>
      </c>
      <c r="B1515" t="s">
        <v>815</v>
      </c>
      <c r="C1515" t="s">
        <v>1319</v>
      </c>
      <c r="D1515" t="s">
        <v>1479</v>
      </c>
    </row>
    <row r="1516" spans="1:4" x14ac:dyDescent="0.4">
      <c r="A1516">
        <v>1330042</v>
      </c>
      <c r="B1516" t="s">
        <v>815</v>
      </c>
      <c r="C1516" t="s">
        <v>1472</v>
      </c>
      <c r="D1516" t="s">
        <v>1480</v>
      </c>
    </row>
    <row r="1517" spans="1:4" x14ac:dyDescent="0.4">
      <c r="A1517">
        <v>1330041</v>
      </c>
      <c r="B1517" t="s">
        <v>815</v>
      </c>
      <c r="C1517" t="s">
        <v>1472</v>
      </c>
      <c r="D1517" t="s">
        <v>1481</v>
      </c>
    </row>
    <row r="1518" spans="1:4" x14ac:dyDescent="0.4">
      <c r="A1518">
        <v>1330054</v>
      </c>
      <c r="B1518" t="s">
        <v>815</v>
      </c>
      <c r="C1518" t="s">
        <v>1472</v>
      </c>
      <c r="D1518" t="s">
        <v>1482</v>
      </c>
    </row>
    <row r="1519" spans="1:4" x14ac:dyDescent="0.4">
      <c r="A1519">
        <v>1340081</v>
      </c>
      <c r="B1519" t="s">
        <v>815</v>
      </c>
      <c r="C1519" t="s">
        <v>1472</v>
      </c>
      <c r="D1519" t="s">
        <v>1483</v>
      </c>
    </row>
    <row r="1520" spans="1:4" x14ac:dyDescent="0.4">
      <c r="A1520">
        <v>1330051</v>
      </c>
      <c r="B1520" t="s">
        <v>815</v>
      </c>
      <c r="C1520" t="s">
        <v>1472</v>
      </c>
      <c r="D1520" t="s">
        <v>1484</v>
      </c>
    </row>
    <row r="1521" spans="1:4" x14ac:dyDescent="0.4">
      <c r="A1521">
        <v>1330053</v>
      </c>
      <c r="B1521" t="s">
        <v>815</v>
      </c>
      <c r="C1521" t="s">
        <v>1472</v>
      </c>
      <c r="D1521" t="s">
        <v>1485</v>
      </c>
    </row>
    <row r="1522" spans="1:4" x14ac:dyDescent="0.4">
      <c r="A1522">
        <v>1320034</v>
      </c>
      <c r="B1522" t="s">
        <v>815</v>
      </c>
      <c r="C1522" t="s">
        <v>1472</v>
      </c>
      <c r="D1522" t="s">
        <v>1486</v>
      </c>
    </row>
    <row r="1523" spans="1:4" x14ac:dyDescent="0.4">
      <c r="A1523">
        <v>1330073</v>
      </c>
      <c r="B1523" t="s">
        <v>815</v>
      </c>
      <c r="C1523" t="s">
        <v>1472</v>
      </c>
      <c r="D1523" t="s">
        <v>1487</v>
      </c>
    </row>
    <row r="1524" spans="1:4" x14ac:dyDescent="0.4">
      <c r="A1524">
        <v>1330072</v>
      </c>
      <c r="B1524" t="s">
        <v>815</v>
      </c>
      <c r="C1524" t="s">
        <v>1472</v>
      </c>
      <c r="D1524" t="s">
        <v>1488</v>
      </c>
    </row>
    <row r="1525" spans="1:4" x14ac:dyDescent="0.4">
      <c r="A1525">
        <v>1330061</v>
      </c>
      <c r="B1525" t="s">
        <v>815</v>
      </c>
      <c r="C1525" t="s">
        <v>1472</v>
      </c>
      <c r="D1525" t="s">
        <v>1489</v>
      </c>
    </row>
    <row r="1526" spans="1:4" x14ac:dyDescent="0.4">
      <c r="A1526">
        <v>1330064</v>
      </c>
      <c r="B1526" t="s">
        <v>815</v>
      </c>
      <c r="C1526" t="s">
        <v>1472</v>
      </c>
      <c r="D1526" t="s">
        <v>1490</v>
      </c>
    </row>
    <row r="1527" spans="1:4" x14ac:dyDescent="0.4">
      <c r="A1527">
        <v>1340087</v>
      </c>
      <c r="B1527" t="s">
        <v>815</v>
      </c>
      <c r="C1527" t="s">
        <v>1472</v>
      </c>
      <c r="D1527" t="s">
        <v>1491</v>
      </c>
    </row>
    <row r="1528" spans="1:4" x14ac:dyDescent="0.4">
      <c r="A1528">
        <v>1320021</v>
      </c>
      <c r="B1528" t="s">
        <v>815</v>
      </c>
      <c r="C1528" t="s">
        <v>1472</v>
      </c>
      <c r="D1528" t="s">
        <v>184</v>
      </c>
    </row>
    <row r="1529" spans="1:4" x14ac:dyDescent="0.4">
      <c r="A1529">
        <v>1340083</v>
      </c>
      <c r="B1529" t="s">
        <v>815</v>
      </c>
      <c r="C1529" t="s">
        <v>1472</v>
      </c>
      <c r="D1529" t="s">
        <v>1492</v>
      </c>
    </row>
    <row r="1530" spans="1:4" x14ac:dyDescent="0.4">
      <c r="A1530">
        <v>1320001</v>
      </c>
      <c r="B1530" t="s">
        <v>815</v>
      </c>
      <c r="C1530" t="s">
        <v>1472</v>
      </c>
      <c r="D1530" t="s">
        <v>1493</v>
      </c>
    </row>
    <row r="1531" spans="1:4" x14ac:dyDescent="0.4">
      <c r="A1531">
        <v>1320023</v>
      </c>
      <c r="B1531" t="s">
        <v>815</v>
      </c>
      <c r="C1531" t="s">
        <v>1472</v>
      </c>
      <c r="D1531" t="s">
        <v>1494</v>
      </c>
    </row>
    <row r="1532" spans="1:4" x14ac:dyDescent="0.4">
      <c r="A1532">
        <v>1340088</v>
      </c>
      <c r="B1532" t="s">
        <v>815</v>
      </c>
      <c r="C1532" t="s">
        <v>1472</v>
      </c>
      <c r="D1532" t="s">
        <v>1495</v>
      </c>
    </row>
    <row r="1533" spans="1:4" x14ac:dyDescent="0.4">
      <c r="A1533">
        <v>1330057</v>
      </c>
      <c r="B1533" t="s">
        <v>815</v>
      </c>
      <c r="C1533" t="s">
        <v>1472</v>
      </c>
      <c r="D1533" t="s">
        <v>1496</v>
      </c>
    </row>
    <row r="1534" spans="1:4" x14ac:dyDescent="0.4">
      <c r="A1534">
        <v>1320032</v>
      </c>
      <c r="B1534" t="s">
        <v>815</v>
      </c>
      <c r="C1534" t="s">
        <v>1472</v>
      </c>
      <c r="D1534" t="s">
        <v>1497</v>
      </c>
    </row>
    <row r="1535" spans="1:4" x14ac:dyDescent="0.4">
      <c r="A1535">
        <v>1330055</v>
      </c>
      <c r="B1535" t="s">
        <v>815</v>
      </c>
      <c r="C1535" t="s">
        <v>1472</v>
      </c>
      <c r="D1535" t="s">
        <v>1498</v>
      </c>
    </row>
    <row r="1536" spans="1:4" x14ac:dyDescent="0.4">
      <c r="A1536">
        <v>1320015</v>
      </c>
      <c r="B1536" t="s">
        <v>815</v>
      </c>
      <c r="C1536" t="s">
        <v>1472</v>
      </c>
      <c r="D1536" t="s">
        <v>1499</v>
      </c>
    </row>
    <row r="1537" spans="1:4" x14ac:dyDescent="0.4">
      <c r="A1537">
        <v>1340015</v>
      </c>
      <c r="B1537" t="s">
        <v>815</v>
      </c>
      <c r="C1537" t="s">
        <v>1472</v>
      </c>
      <c r="D1537" t="s">
        <v>1500</v>
      </c>
    </row>
    <row r="1538" spans="1:4" x14ac:dyDescent="0.4">
      <c r="A1538">
        <v>1340093</v>
      </c>
      <c r="B1538" t="s">
        <v>815</v>
      </c>
      <c r="C1538" t="s">
        <v>1472</v>
      </c>
      <c r="D1538" t="s">
        <v>1501</v>
      </c>
    </row>
    <row r="1539" spans="1:4" x14ac:dyDescent="0.4">
      <c r="A1539">
        <v>1320003</v>
      </c>
      <c r="B1539" t="s">
        <v>815</v>
      </c>
      <c r="C1539" t="s">
        <v>1472</v>
      </c>
      <c r="D1539" t="s">
        <v>1502</v>
      </c>
    </row>
    <row r="1540" spans="1:4" x14ac:dyDescent="0.4">
      <c r="A1540">
        <v>1340003</v>
      </c>
      <c r="B1540" t="s">
        <v>815</v>
      </c>
      <c r="C1540" t="s">
        <v>1472</v>
      </c>
      <c r="D1540" t="s">
        <v>1503</v>
      </c>
    </row>
    <row r="1541" spans="1:4" x14ac:dyDescent="0.4">
      <c r="A1541">
        <v>1340084</v>
      </c>
      <c r="B1541" t="s">
        <v>815</v>
      </c>
      <c r="C1541" t="s">
        <v>1472</v>
      </c>
      <c r="D1541" t="s">
        <v>1504</v>
      </c>
    </row>
    <row r="1542" spans="1:4" x14ac:dyDescent="0.4">
      <c r="A1542">
        <v>1330052</v>
      </c>
      <c r="B1542" t="s">
        <v>815</v>
      </c>
      <c r="C1542" t="s">
        <v>1472</v>
      </c>
      <c r="D1542" t="s">
        <v>1505</v>
      </c>
    </row>
    <row r="1543" spans="1:4" x14ac:dyDescent="0.4">
      <c r="A1543">
        <v>1320033</v>
      </c>
      <c r="B1543" t="s">
        <v>815</v>
      </c>
      <c r="C1543" t="s">
        <v>1472</v>
      </c>
      <c r="D1543" t="s">
        <v>1506</v>
      </c>
    </row>
    <row r="1544" spans="1:4" x14ac:dyDescent="0.4">
      <c r="A1544">
        <v>1330063</v>
      </c>
      <c r="B1544" t="s">
        <v>815</v>
      </c>
      <c r="C1544" t="s">
        <v>1472</v>
      </c>
      <c r="D1544" t="s">
        <v>1507</v>
      </c>
    </row>
    <row r="1545" spans="1:4" x14ac:dyDescent="0.4">
      <c r="A1545">
        <v>1330062</v>
      </c>
      <c r="B1545" t="s">
        <v>815</v>
      </c>
      <c r="C1545" t="s">
        <v>1472</v>
      </c>
      <c r="D1545" t="s">
        <v>1508</v>
      </c>
    </row>
    <row r="1546" spans="1:4" x14ac:dyDescent="0.4">
      <c r="A1546">
        <v>1330071</v>
      </c>
      <c r="B1546" t="s">
        <v>815</v>
      </c>
      <c r="C1546" t="s">
        <v>1472</v>
      </c>
      <c r="D1546" t="s">
        <v>1509</v>
      </c>
    </row>
    <row r="1547" spans="1:4" x14ac:dyDescent="0.4">
      <c r="A1547">
        <v>1320014</v>
      </c>
      <c r="B1547" t="s">
        <v>815</v>
      </c>
      <c r="C1547" t="s">
        <v>1472</v>
      </c>
      <c r="D1547" t="s">
        <v>1510</v>
      </c>
    </row>
    <row r="1548" spans="1:4" x14ac:dyDescent="0.4">
      <c r="A1548">
        <v>1320035</v>
      </c>
      <c r="B1548" t="s">
        <v>815</v>
      </c>
      <c r="C1548" t="s">
        <v>1472</v>
      </c>
      <c r="D1548" t="s">
        <v>1511</v>
      </c>
    </row>
    <row r="1549" spans="1:4" x14ac:dyDescent="0.4">
      <c r="A1549">
        <v>1340091</v>
      </c>
      <c r="B1549" t="s">
        <v>815</v>
      </c>
      <c r="C1549" t="s">
        <v>1472</v>
      </c>
      <c r="D1549" t="s">
        <v>1512</v>
      </c>
    </row>
    <row r="1550" spans="1:4" x14ac:dyDescent="0.4">
      <c r="A1550">
        <v>1330044</v>
      </c>
      <c r="B1550" t="s">
        <v>815</v>
      </c>
      <c r="C1550" t="s">
        <v>1472</v>
      </c>
      <c r="D1550" t="s">
        <v>1513</v>
      </c>
    </row>
    <row r="1551" spans="1:4" x14ac:dyDescent="0.4">
      <c r="A1551">
        <v>1320025</v>
      </c>
      <c r="B1551" t="s">
        <v>815</v>
      </c>
      <c r="C1551" t="s">
        <v>1472</v>
      </c>
      <c r="D1551" t="s">
        <v>1514</v>
      </c>
    </row>
    <row r="1552" spans="1:4" x14ac:dyDescent="0.4">
      <c r="A1552">
        <v>1320031</v>
      </c>
      <c r="B1552" t="s">
        <v>815</v>
      </c>
      <c r="C1552" t="s">
        <v>1472</v>
      </c>
      <c r="D1552" t="s">
        <v>1515</v>
      </c>
    </row>
    <row r="1553" spans="1:4" x14ac:dyDescent="0.4">
      <c r="A1553">
        <v>1330043</v>
      </c>
      <c r="B1553" t="s">
        <v>815</v>
      </c>
      <c r="C1553" t="s">
        <v>1472</v>
      </c>
      <c r="D1553" t="s">
        <v>1516</v>
      </c>
    </row>
    <row r="1554" spans="1:4" x14ac:dyDescent="0.4">
      <c r="A1554">
        <v>1320011</v>
      </c>
      <c r="B1554" t="s">
        <v>815</v>
      </c>
      <c r="C1554" t="s">
        <v>1472</v>
      </c>
      <c r="D1554" t="s">
        <v>1517</v>
      </c>
    </row>
    <row r="1555" spans="1:4" x14ac:dyDescent="0.4">
      <c r="A1555">
        <v>1340085</v>
      </c>
      <c r="B1555" t="s">
        <v>815</v>
      </c>
      <c r="C1555" t="s">
        <v>1472</v>
      </c>
      <c r="D1555" t="s">
        <v>1518</v>
      </c>
    </row>
    <row r="1556" spans="1:4" x14ac:dyDescent="0.4">
      <c r="A1556">
        <v>1330056</v>
      </c>
      <c r="B1556" t="s">
        <v>815</v>
      </c>
      <c r="C1556" t="s">
        <v>1472</v>
      </c>
      <c r="D1556" t="s">
        <v>1519</v>
      </c>
    </row>
    <row r="1557" spans="1:4" x14ac:dyDescent="0.4">
      <c r="A1557">
        <v>1330065</v>
      </c>
      <c r="B1557" t="s">
        <v>815</v>
      </c>
      <c r="C1557" t="s">
        <v>1472</v>
      </c>
      <c r="D1557" t="s">
        <v>1520</v>
      </c>
    </row>
    <row r="1558" spans="1:4" x14ac:dyDescent="0.4">
      <c r="A1558">
        <v>1320002</v>
      </c>
      <c r="B1558" t="s">
        <v>815</v>
      </c>
      <c r="C1558" t="s">
        <v>1472</v>
      </c>
      <c r="D1558" t="s">
        <v>1521</v>
      </c>
    </row>
    <row r="1559" spans="1:4" x14ac:dyDescent="0.4">
      <c r="A1559">
        <v>1330002</v>
      </c>
      <c r="B1559" t="s">
        <v>815</v>
      </c>
      <c r="C1559" t="s">
        <v>1472</v>
      </c>
      <c r="D1559" t="s">
        <v>1522</v>
      </c>
    </row>
    <row r="1560" spans="1:4" x14ac:dyDescent="0.4">
      <c r="A1560">
        <v>1340086</v>
      </c>
      <c r="B1560" t="s">
        <v>815</v>
      </c>
      <c r="C1560" t="s">
        <v>1472</v>
      </c>
      <c r="D1560" t="s">
        <v>1523</v>
      </c>
    </row>
    <row r="1561" spans="1:4" x14ac:dyDescent="0.4">
      <c r="A1561">
        <v>1920000</v>
      </c>
      <c r="B1561" t="s">
        <v>815</v>
      </c>
      <c r="C1561" t="s">
        <v>1524</v>
      </c>
    </row>
    <row r="1562" spans="1:4" x14ac:dyDescent="0.4">
      <c r="A1562">
        <v>1920043</v>
      </c>
      <c r="B1562" t="s">
        <v>815</v>
      </c>
      <c r="C1562" t="s">
        <v>1524</v>
      </c>
      <c r="D1562" t="s">
        <v>1525</v>
      </c>
    </row>
    <row r="1563" spans="1:4" x14ac:dyDescent="0.4">
      <c r="A1563">
        <v>1920083</v>
      </c>
      <c r="B1563" t="s">
        <v>815</v>
      </c>
      <c r="C1563" t="s">
        <v>1524</v>
      </c>
      <c r="D1563" t="s">
        <v>222</v>
      </c>
    </row>
    <row r="1564" spans="1:4" x14ac:dyDescent="0.4">
      <c r="A1564">
        <v>1920082</v>
      </c>
      <c r="B1564" t="s">
        <v>815</v>
      </c>
      <c r="C1564" t="s">
        <v>1524</v>
      </c>
      <c r="D1564" t="s">
        <v>1526</v>
      </c>
    </row>
    <row r="1565" spans="1:4" x14ac:dyDescent="0.4">
      <c r="A1565">
        <v>1920032</v>
      </c>
      <c r="B1565" t="s">
        <v>815</v>
      </c>
      <c r="C1565" t="s">
        <v>1524</v>
      </c>
      <c r="D1565" t="s">
        <v>1527</v>
      </c>
    </row>
    <row r="1566" spans="1:4" x14ac:dyDescent="0.4">
      <c r="A1566">
        <v>1930814</v>
      </c>
      <c r="B1566" t="s">
        <v>815</v>
      </c>
      <c r="C1566" t="s">
        <v>1524</v>
      </c>
      <c r="D1566" t="s">
        <v>1528</v>
      </c>
    </row>
    <row r="1567" spans="1:4" x14ac:dyDescent="0.4">
      <c r="A1567">
        <v>1930802</v>
      </c>
      <c r="B1567" t="s">
        <v>815</v>
      </c>
      <c r="C1567" t="s">
        <v>1524</v>
      </c>
      <c r="D1567" t="s">
        <v>1529</v>
      </c>
    </row>
    <row r="1568" spans="1:4" x14ac:dyDescent="0.4">
      <c r="A1568">
        <v>1920902</v>
      </c>
      <c r="B1568" t="s">
        <v>815</v>
      </c>
      <c r="C1568" t="s">
        <v>1524</v>
      </c>
      <c r="D1568" t="s">
        <v>131</v>
      </c>
    </row>
    <row r="1569" spans="1:4" x14ac:dyDescent="0.4">
      <c r="A1569">
        <v>1920911</v>
      </c>
      <c r="B1569" t="s">
        <v>815</v>
      </c>
      <c r="C1569" t="s">
        <v>1524</v>
      </c>
      <c r="D1569" t="s">
        <v>1530</v>
      </c>
    </row>
    <row r="1570" spans="1:4" x14ac:dyDescent="0.4">
      <c r="A1570">
        <v>1920024</v>
      </c>
      <c r="B1570" t="s">
        <v>815</v>
      </c>
      <c r="C1570" t="s">
        <v>1524</v>
      </c>
      <c r="D1570" t="s">
        <v>1531</v>
      </c>
    </row>
    <row r="1571" spans="1:4" x14ac:dyDescent="0.4">
      <c r="A1571">
        <v>1920915</v>
      </c>
      <c r="B1571" t="s">
        <v>815</v>
      </c>
      <c r="C1571" t="s">
        <v>1524</v>
      </c>
      <c r="D1571" t="s">
        <v>1532</v>
      </c>
    </row>
    <row r="1572" spans="1:4" x14ac:dyDescent="0.4">
      <c r="A1572">
        <v>1920013</v>
      </c>
      <c r="B1572" t="s">
        <v>815</v>
      </c>
      <c r="C1572" t="s">
        <v>1524</v>
      </c>
      <c r="D1572" t="s">
        <v>1533</v>
      </c>
    </row>
    <row r="1573" spans="1:4" x14ac:dyDescent="0.4">
      <c r="A1573">
        <v>1930841</v>
      </c>
      <c r="B1573" t="s">
        <v>815</v>
      </c>
      <c r="C1573" t="s">
        <v>1524</v>
      </c>
      <c r="D1573" t="s">
        <v>1534</v>
      </c>
    </row>
    <row r="1574" spans="1:4" x14ac:dyDescent="0.4">
      <c r="A1574">
        <v>1920056</v>
      </c>
      <c r="B1574" t="s">
        <v>815</v>
      </c>
      <c r="C1574" t="s">
        <v>1524</v>
      </c>
      <c r="D1574" t="s">
        <v>1535</v>
      </c>
    </row>
    <row r="1575" spans="1:4" x14ac:dyDescent="0.4">
      <c r="A1575">
        <v>1920352</v>
      </c>
      <c r="B1575" t="s">
        <v>815</v>
      </c>
      <c r="C1575" t="s">
        <v>1524</v>
      </c>
      <c r="D1575" t="s">
        <v>1536</v>
      </c>
    </row>
    <row r="1576" spans="1:4" x14ac:dyDescent="0.4">
      <c r="A1576">
        <v>1930935</v>
      </c>
      <c r="B1576" t="s">
        <v>815</v>
      </c>
      <c r="C1576" t="s">
        <v>1524</v>
      </c>
      <c r="D1576" t="s">
        <v>1537</v>
      </c>
    </row>
    <row r="1577" spans="1:4" x14ac:dyDescent="0.4">
      <c r="A1577">
        <v>1920034</v>
      </c>
      <c r="B1577" t="s">
        <v>815</v>
      </c>
      <c r="C1577" t="s">
        <v>1524</v>
      </c>
      <c r="D1577" t="s">
        <v>1538</v>
      </c>
    </row>
    <row r="1578" spans="1:4" x14ac:dyDescent="0.4">
      <c r="A1578">
        <v>1920062</v>
      </c>
      <c r="B1578" t="s">
        <v>815</v>
      </c>
      <c r="C1578" t="s">
        <v>1524</v>
      </c>
      <c r="D1578" t="s">
        <v>1539</v>
      </c>
    </row>
    <row r="1579" spans="1:4" x14ac:dyDescent="0.4">
      <c r="A1579">
        <v>1920045</v>
      </c>
      <c r="B1579" t="s">
        <v>815</v>
      </c>
      <c r="C1579" t="s">
        <v>1524</v>
      </c>
      <c r="D1579" t="s">
        <v>1540</v>
      </c>
    </row>
    <row r="1580" spans="1:4" x14ac:dyDescent="0.4">
      <c r="A1580">
        <v>1920054</v>
      </c>
      <c r="B1580" t="s">
        <v>815</v>
      </c>
      <c r="C1580" t="s">
        <v>1524</v>
      </c>
      <c r="D1580" t="s">
        <v>1541</v>
      </c>
    </row>
    <row r="1581" spans="1:4" x14ac:dyDescent="0.4">
      <c r="A1581">
        <v>1920025</v>
      </c>
      <c r="B1581" t="s">
        <v>815</v>
      </c>
      <c r="C1581" t="s">
        <v>1524</v>
      </c>
      <c r="D1581" t="s">
        <v>1542</v>
      </c>
    </row>
    <row r="1582" spans="1:4" x14ac:dyDescent="0.4">
      <c r="A1582">
        <v>1920155</v>
      </c>
      <c r="B1582" t="s">
        <v>815</v>
      </c>
      <c r="C1582" t="s">
        <v>1524</v>
      </c>
      <c r="D1582" t="s">
        <v>1543</v>
      </c>
    </row>
    <row r="1583" spans="1:4" x14ac:dyDescent="0.4">
      <c r="A1583">
        <v>1920353</v>
      </c>
      <c r="B1583" t="s">
        <v>815</v>
      </c>
      <c r="C1583" t="s">
        <v>1524</v>
      </c>
      <c r="D1583" t="s">
        <v>1544</v>
      </c>
    </row>
    <row r="1584" spans="1:4" x14ac:dyDescent="0.4">
      <c r="A1584">
        <v>1920004</v>
      </c>
      <c r="B1584" t="s">
        <v>815</v>
      </c>
      <c r="C1584" t="s">
        <v>1524</v>
      </c>
      <c r="D1584" t="s">
        <v>1545</v>
      </c>
    </row>
    <row r="1585" spans="1:4" x14ac:dyDescent="0.4">
      <c r="A1585">
        <v>1920914</v>
      </c>
      <c r="B1585" t="s">
        <v>815</v>
      </c>
      <c r="C1585" t="s">
        <v>1524</v>
      </c>
      <c r="D1585" t="s">
        <v>1546</v>
      </c>
    </row>
    <row r="1586" spans="1:4" x14ac:dyDescent="0.4">
      <c r="A1586">
        <v>1930815</v>
      </c>
      <c r="B1586" t="s">
        <v>815</v>
      </c>
      <c r="C1586" t="s">
        <v>1524</v>
      </c>
      <c r="D1586" t="s">
        <v>1547</v>
      </c>
    </row>
    <row r="1587" spans="1:4" x14ac:dyDescent="0.4">
      <c r="A1587">
        <v>1930811</v>
      </c>
      <c r="B1587" t="s">
        <v>815</v>
      </c>
      <c r="C1587" t="s">
        <v>1524</v>
      </c>
      <c r="D1587" t="s">
        <v>1548</v>
      </c>
    </row>
    <row r="1588" spans="1:4" x14ac:dyDescent="0.4">
      <c r="A1588">
        <v>1920156</v>
      </c>
      <c r="B1588" t="s">
        <v>815</v>
      </c>
      <c r="C1588" t="s">
        <v>1524</v>
      </c>
      <c r="D1588" t="s">
        <v>1549</v>
      </c>
    </row>
    <row r="1589" spans="1:4" x14ac:dyDescent="0.4">
      <c r="A1589">
        <v>1920151</v>
      </c>
      <c r="B1589" t="s">
        <v>815</v>
      </c>
      <c r="C1589" t="s">
        <v>1524</v>
      </c>
      <c r="D1589" t="s">
        <v>1550</v>
      </c>
    </row>
    <row r="1590" spans="1:4" x14ac:dyDescent="0.4">
      <c r="A1590">
        <v>1920373</v>
      </c>
      <c r="B1590" t="s">
        <v>815</v>
      </c>
      <c r="C1590" t="s">
        <v>1524</v>
      </c>
      <c r="D1590" t="s">
        <v>1551</v>
      </c>
    </row>
    <row r="1591" spans="1:4" x14ac:dyDescent="0.4">
      <c r="A1591">
        <v>1930801</v>
      </c>
      <c r="B1591" t="s">
        <v>815</v>
      </c>
      <c r="C1591" t="s">
        <v>1524</v>
      </c>
      <c r="D1591" t="s">
        <v>1552</v>
      </c>
    </row>
    <row r="1592" spans="1:4" x14ac:dyDescent="0.4">
      <c r="A1592">
        <v>1930821</v>
      </c>
      <c r="B1592" t="s">
        <v>815</v>
      </c>
      <c r="C1592" t="s">
        <v>1524</v>
      </c>
      <c r="D1592" t="s">
        <v>1553</v>
      </c>
    </row>
    <row r="1593" spans="1:4" x14ac:dyDescent="0.4">
      <c r="A1593">
        <v>1920913</v>
      </c>
      <c r="B1593" t="s">
        <v>815</v>
      </c>
      <c r="C1593" t="s">
        <v>1524</v>
      </c>
      <c r="D1593" t="s">
        <v>1554</v>
      </c>
    </row>
    <row r="1594" spans="1:4" x14ac:dyDescent="0.4">
      <c r="A1594">
        <v>1920906</v>
      </c>
      <c r="B1594" t="s">
        <v>815</v>
      </c>
      <c r="C1594" t="s">
        <v>1524</v>
      </c>
      <c r="D1594" t="s">
        <v>1555</v>
      </c>
    </row>
    <row r="1595" spans="1:4" x14ac:dyDescent="0.4">
      <c r="A1595">
        <v>1920912</v>
      </c>
      <c r="B1595" t="s">
        <v>815</v>
      </c>
      <c r="C1595" t="s">
        <v>1524</v>
      </c>
      <c r="D1595" t="s">
        <v>1556</v>
      </c>
    </row>
    <row r="1596" spans="1:4" x14ac:dyDescent="0.4">
      <c r="A1596">
        <v>1930804</v>
      </c>
      <c r="B1596" t="s">
        <v>815</v>
      </c>
      <c r="C1596" t="s">
        <v>1524</v>
      </c>
      <c r="D1596" t="s">
        <v>1557</v>
      </c>
    </row>
    <row r="1597" spans="1:4" x14ac:dyDescent="0.4">
      <c r="A1597">
        <v>1930942</v>
      </c>
      <c r="B1597" t="s">
        <v>815</v>
      </c>
      <c r="C1597" t="s">
        <v>1524</v>
      </c>
      <c r="D1597" t="s">
        <v>1558</v>
      </c>
    </row>
    <row r="1598" spans="1:4" x14ac:dyDescent="0.4">
      <c r="A1598">
        <v>1920023</v>
      </c>
      <c r="B1598" t="s">
        <v>815</v>
      </c>
      <c r="C1598" t="s">
        <v>1524</v>
      </c>
      <c r="D1598" t="s">
        <v>1559</v>
      </c>
    </row>
    <row r="1599" spans="1:4" x14ac:dyDescent="0.4">
      <c r="A1599">
        <v>1920361</v>
      </c>
      <c r="B1599" t="s">
        <v>815</v>
      </c>
      <c r="C1599" t="s">
        <v>1524</v>
      </c>
      <c r="D1599" t="s">
        <v>1560</v>
      </c>
    </row>
    <row r="1600" spans="1:4" x14ac:dyDescent="0.4">
      <c r="A1600">
        <v>1930934</v>
      </c>
      <c r="B1600" t="s">
        <v>815</v>
      </c>
      <c r="C1600" t="s">
        <v>1524</v>
      </c>
      <c r="D1600" t="s">
        <v>1561</v>
      </c>
    </row>
    <row r="1601" spans="1:4" x14ac:dyDescent="0.4">
      <c r="A1601">
        <v>1920031</v>
      </c>
      <c r="B1601" t="s">
        <v>815</v>
      </c>
      <c r="C1601" t="s">
        <v>1524</v>
      </c>
      <c r="D1601" t="s">
        <v>1562</v>
      </c>
    </row>
    <row r="1602" spans="1:4" x14ac:dyDescent="0.4">
      <c r="A1602">
        <v>1920904</v>
      </c>
      <c r="B1602" t="s">
        <v>815</v>
      </c>
      <c r="C1602" t="s">
        <v>1524</v>
      </c>
      <c r="D1602" t="s">
        <v>1563</v>
      </c>
    </row>
    <row r="1603" spans="1:4" x14ac:dyDescent="0.4">
      <c r="A1603">
        <v>1920012</v>
      </c>
      <c r="B1603" t="s">
        <v>815</v>
      </c>
      <c r="C1603" t="s">
        <v>1524</v>
      </c>
      <c r="D1603" t="s">
        <v>1564</v>
      </c>
    </row>
    <row r="1604" spans="1:4" x14ac:dyDescent="0.4">
      <c r="A1604">
        <v>1930832</v>
      </c>
      <c r="B1604" t="s">
        <v>815</v>
      </c>
      <c r="C1604" t="s">
        <v>1524</v>
      </c>
      <c r="D1604" t="s">
        <v>1565</v>
      </c>
    </row>
    <row r="1605" spans="1:4" x14ac:dyDescent="0.4">
      <c r="A1605">
        <v>1920154</v>
      </c>
      <c r="B1605" t="s">
        <v>815</v>
      </c>
      <c r="C1605" t="s">
        <v>1524</v>
      </c>
      <c r="D1605" t="s">
        <v>1566</v>
      </c>
    </row>
    <row r="1606" spans="1:4" x14ac:dyDescent="0.4">
      <c r="A1606">
        <v>1920372</v>
      </c>
      <c r="B1606" t="s">
        <v>815</v>
      </c>
      <c r="C1606" t="s">
        <v>1524</v>
      </c>
      <c r="D1606" t="s">
        <v>1567</v>
      </c>
    </row>
    <row r="1607" spans="1:4" x14ac:dyDescent="0.4">
      <c r="A1607">
        <v>1930825</v>
      </c>
      <c r="B1607" t="s">
        <v>815</v>
      </c>
      <c r="C1607" t="s">
        <v>1524</v>
      </c>
      <c r="D1607" t="s">
        <v>1568</v>
      </c>
    </row>
    <row r="1608" spans="1:4" x14ac:dyDescent="0.4">
      <c r="A1608">
        <v>1920065</v>
      </c>
      <c r="B1608" t="s">
        <v>815</v>
      </c>
      <c r="C1608" t="s">
        <v>1524</v>
      </c>
      <c r="D1608" t="s">
        <v>367</v>
      </c>
    </row>
    <row r="1609" spans="1:4" x14ac:dyDescent="0.4">
      <c r="A1609">
        <v>1930812</v>
      </c>
      <c r="B1609" t="s">
        <v>815</v>
      </c>
      <c r="C1609" t="s">
        <v>1524</v>
      </c>
      <c r="D1609" t="s">
        <v>1569</v>
      </c>
    </row>
    <row r="1610" spans="1:4" x14ac:dyDescent="0.4">
      <c r="A1610">
        <v>1930835</v>
      </c>
      <c r="B1610" t="s">
        <v>815</v>
      </c>
      <c r="C1610" t="s">
        <v>1524</v>
      </c>
      <c r="D1610" t="s">
        <v>1570</v>
      </c>
    </row>
    <row r="1611" spans="1:4" x14ac:dyDescent="0.4">
      <c r="A1611">
        <v>1930931</v>
      </c>
      <c r="B1611" t="s">
        <v>815</v>
      </c>
      <c r="C1611" t="s">
        <v>1524</v>
      </c>
      <c r="D1611" t="s">
        <v>1571</v>
      </c>
    </row>
    <row r="1612" spans="1:4" x14ac:dyDescent="0.4">
      <c r="A1612">
        <v>1930816</v>
      </c>
      <c r="B1612" t="s">
        <v>815</v>
      </c>
      <c r="C1612" t="s">
        <v>1524</v>
      </c>
      <c r="D1612" t="s">
        <v>1572</v>
      </c>
    </row>
    <row r="1613" spans="1:4" x14ac:dyDescent="0.4">
      <c r="A1613">
        <v>1920022</v>
      </c>
      <c r="B1613" t="s">
        <v>815</v>
      </c>
      <c r="C1613" t="s">
        <v>1524</v>
      </c>
      <c r="D1613" t="s">
        <v>1573</v>
      </c>
    </row>
    <row r="1614" spans="1:4" x14ac:dyDescent="0.4">
      <c r="A1614">
        <v>1930844</v>
      </c>
      <c r="B1614" t="s">
        <v>815</v>
      </c>
      <c r="C1614" t="s">
        <v>1524</v>
      </c>
      <c r="D1614" t="s">
        <v>1574</v>
      </c>
    </row>
    <row r="1615" spans="1:4" x14ac:dyDescent="0.4">
      <c r="A1615">
        <v>1920033</v>
      </c>
      <c r="B1615" t="s">
        <v>815</v>
      </c>
      <c r="C1615" t="s">
        <v>1524</v>
      </c>
      <c r="D1615" t="s">
        <v>1575</v>
      </c>
    </row>
    <row r="1616" spans="1:4" x14ac:dyDescent="0.4">
      <c r="A1616">
        <v>1920002</v>
      </c>
      <c r="B1616" t="s">
        <v>815</v>
      </c>
      <c r="C1616" t="s">
        <v>1524</v>
      </c>
      <c r="D1616" t="s">
        <v>1576</v>
      </c>
    </row>
    <row r="1617" spans="1:4" x14ac:dyDescent="0.4">
      <c r="A1617">
        <v>1920011</v>
      </c>
      <c r="B1617" t="s">
        <v>815</v>
      </c>
      <c r="C1617" t="s">
        <v>1524</v>
      </c>
      <c r="D1617" t="s">
        <v>1577</v>
      </c>
    </row>
    <row r="1618" spans="1:4" x14ac:dyDescent="0.4">
      <c r="A1618">
        <v>1930944</v>
      </c>
      <c r="B1618" t="s">
        <v>815</v>
      </c>
      <c r="C1618" t="s">
        <v>1524</v>
      </c>
      <c r="D1618" t="s">
        <v>1578</v>
      </c>
    </row>
    <row r="1619" spans="1:4" x14ac:dyDescent="0.4">
      <c r="A1619">
        <v>1920064</v>
      </c>
      <c r="B1619" t="s">
        <v>815</v>
      </c>
      <c r="C1619" t="s">
        <v>1524</v>
      </c>
      <c r="D1619" t="s">
        <v>372</v>
      </c>
    </row>
    <row r="1620" spans="1:4" x14ac:dyDescent="0.4">
      <c r="A1620">
        <v>1920003</v>
      </c>
      <c r="B1620" t="s">
        <v>815</v>
      </c>
      <c r="C1620" t="s">
        <v>1524</v>
      </c>
      <c r="D1620" t="s">
        <v>1579</v>
      </c>
    </row>
    <row r="1621" spans="1:4" x14ac:dyDescent="0.4">
      <c r="A1621">
        <v>1930943</v>
      </c>
      <c r="B1621" t="s">
        <v>815</v>
      </c>
      <c r="C1621" t="s">
        <v>1524</v>
      </c>
      <c r="D1621" t="s">
        <v>1580</v>
      </c>
    </row>
    <row r="1622" spans="1:4" x14ac:dyDescent="0.4">
      <c r="A1622">
        <v>1920073</v>
      </c>
      <c r="B1622" t="s">
        <v>815</v>
      </c>
      <c r="C1622" t="s">
        <v>1524</v>
      </c>
      <c r="D1622" t="s">
        <v>1581</v>
      </c>
    </row>
    <row r="1623" spans="1:4" x14ac:dyDescent="0.4">
      <c r="A1623">
        <v>1920074</v>
      </c>
      <c r="B1623" t="s">
        <v>815</v>
      </c>
      <c r="C1623" t="s">
        <v>1524</v>
      </c>
      <c r="D1623" t="s">
        <v>1582</v>
      </c>
    </row>
    <row r="1624" spans="1:4" x14ac:dyDescent="0.4">
      <c r="A1624">
        <v>1930843</v>
      </c>
      <c r="B1624" t="s">
        <v>815</v>
      </c>
      <c r="C1624" t="s">
        <v>1524</v>
      </c>
      <c r="D1624" t="s">
        <v>1583</v>
      </c>
    </row>
    <row r="1625" spans="1:4" x14ac:dyDescent="0.4">
      <c r="A1625">
        <v>1920001</v>
      </c>
      <c r="B1625" t="s">
        <v>815</v>
      </c>
      <c r="C1625" t="s">
        <v>1524</v>
      </c>
      <c r="D1625" t="s">
        <v>1584</v>
      </c>
    </row>
    <row r="1626" spans="1:4" x14ac:dyDescent="0.4">
      <c r="A1626">
        <v>1920085</v>
      </c>
      <c r="B1626" t="s">
        <v>815</v>
      </c>
      <c r="C1626" t="s">
        <v>1524</v>
      </c>
      <c r="D1626" t="s">
        <v>1585</v>
      </c>
    </row>
    <row r="1627" spans="1:4" x14ac:dyDescent="0.4">
      <c r="A1627">
        <v>1920041</v>
      </c>
      <c r="B1627" t="s">
        <v>815</v>
      </c>
      <c r="C1627" t="s">
        <v>1524</v>
      </c>
      <c r="D1627" t="s">
        <v>1586</v>
      </c>
    </row>
    <row r="1628" spans="1:4" x14ac:dyDescent="0.4">
      <c r="A1628">
        <v>1920042</v>
      </c>
      <c r="B1628" t="s">
        <v>815</v>
      </c>
      <c r="C1628" t="s">
        <v>1524</v>
      </c>
      <c r="D1628" t="s">
        <v>1587</v>
      </c>
    </row>
    <row r="1629" spans="1:4" x14ac:dyDescent="0.4">
      <c r="A1629">
        <v>1920015</v>
      </c>
      <c r="B1629" t="s">
        <v>815</v>
      </c>
      <c r="C1629" t="s">
        <v>1524</v>
      </c>
      <c r="D1629" t="s">
        <v>23</v>
      </c>
    </row>
    <row r="1630" spans="1:4" x14ac:dyDescent="0.4">
      <c r="A1630">
        <v>1920374</v>
      </c>
      <c r="B1630" t="s">
        <v>815</v>
      </c>
      <c r="C1630" t="s">
        <v>1524</v>
      </c>
      <c r="D1630" t="s">
        <v>1588</v>
      </c>
    </row>
    <row r="1631" spans="1:4" x14ac:dyDescent="0.4">
      <c r="A1631">
        <v>1920907</v>
      </c>
      <c r="B1631" t="s">
        <v>815</v>
      </c>
      <c r="C1631" t="s">
        <v>1524</v>
      </c>
      <c r="D1631" t="s">
        <v>1589</v>
      </c>
    </row>
    <row r="1632" spans="1:4" x14ac:dyDescent="0.4">
      <c r="A1632">
        <v>1930824</v>
      </c>
      <c r="B1632" t="s">
        <v>815</v>
      </c>
      <c r="C1632" t="s">
        <v>1524</v>
      </c>
      <c r="D1632" t="s">
        <v>1590</v>
      </c>
    </row>
    <row r="1633" spans="1:4" x14ac:dyDescent="0.4">
      <c r="A1633">
        <v>1920919</v>
      </c>
      <c r="B1633" t="s">
        <v>815</v>
      </c>
      <c r="C1633" t="s">
        <v>1524</v>
      </c>
      <c r="D1633" t="s">
        <v>1591</v>
      </c>
    </row>
    <row r="1634" spans="1:4" x14ac:dyDescent="0.4">
      <c r="A1634">
        <v>1930831</v>
      </c>
      <c r="B1634" t="s">
        <v>815</v>
      </c>
      <c r="C1634" t="s">
        <v>1524</v>
      </c>
      <c r="D1634" t="s">
        <v>383</v>
      </c>
    </row>
    <row r="1635" spans="1:4" x14ac:dyDescent="0.4">
      <c r="A1635">
        <v>1930803</v>
      </c>
      <c r="B1635" t="s">
        <v>815</v>
      </c>
      <c r="C1635" t="s">
        <v>1524</v>
      </c>
      <c r="D1635" t="s">
        <v>1592</v>
      </c>
    </row>
    <row r="1636" spans="1:4" x14ac:dyDescent="0.4">
      <c r="A1636">
        <v>1920371</v>
      </c>
      <c r="B1636" t="s">
        <v>815</v>
      </c>
      <c r="C1636" t="s">
        <v>1524</v>
      </c>
      <c r="D1636" t="s">
        <v>1593</v>
      </c>
    </row>
    <row r="1637" spans="1:4" x14ac:dyDescent="0.4">
      <c r="A1637">
        <v>1930842</v>
      </c>
      <c r="B1637" t="s">
        <v>815</v>
      </c>
      <c r="C1637" t="s">
        <v>1524</v>
      </c>
      <c r="D1637" t="s">
        <v>1594</v>
      </c>
    </row>
    <row r="1638" spans="1:4" x14ac:dyDescent="0.4">
      <c r="A1638">
        <v>1920917</v>
      </c>
      <c r="B1638" t="s">
        <v>815</v>
      </c>
      <c r="C1638" t="s">
        <v>1524</v>
      </c>
      <c r="D1638" t="s">
        <v>1595</v>
      </c>
    </row>
    <row r="1639" spans="1:4" x14ac:dyDescent="0.4">
      <c r="A1639">
        <v>1920153</v>
      </c>
      <c r="B1639" t="s">
        <v>815</v>
      </c>
      <c r="C1639" t="s">
        <v>1524</v>
      </c>
      <c r="D1639" t="s">
        <v>1596</v>
      </c>
    </row>
    <row r="1640" spans="1:4" x14ac:dyDescent="0.4">
      <c r="A1640">
        <v>1930822</v>
      </c>
      <c r="B1640" t="s">
        <v>815</v>
      </c>
      <c r="C1640" t="s">
        <v>1524</v>
      </c>
      <c r="D1640" t="s">
        <v>1597</v>
      </c>
    </row>
    <row r="1641" spans="1:4" x14ac:dyDescent="0.4">
      <c r="A1641">
        <v>1930941</v>
      </c>
      <c r="B1641" t="s">
        <v>815</v>
      </c>
      <c r="C1641" t="s">
        <v>1524</v>
      </c>
      <c r="D1641" t="s">
        <v>1598</v>
      </c>
    </row>
    <row r="1642" spans="1:4" x14ac:dyDescent="0.4">
      <c r="A1642">
        <v>1920053</v>
      </c>
      <c r="B1642" t="s">
        <v>815</v>
      </c>
      <c r="C1642" t="s">
        <v>1524</v>
      </c>
      <c r="D1642" t="s">
        <v>479</v>
      </c>
    </row>
    <row r="1643" spans="1:4" x14ac:dyDescent="0.4">
      <c r="A1643">
        <v>1930845</v>
      </c>
      <c r="B1643" t="s">
        <v>815</v>
      </c>
      <c r="C1643" t="s">
        <v>1524</v>
      </c>
      <c r="D1643" t="s">
        <v>1599</v>
      </c>
    </row>
    <row r="1644" spans="1:4" x14ac:dyDescent="0.4">
      <c r="A1644">
        <v>1930834</v>
      </c>
      <c r="B1644" t="s">
        <v>815</v>
      </c>
      <c r="C1644" t="s">
        <v>1524</v>
      </c>
      <c r="D1644" t="s">
        <v>1600</v>
      </c>
    </row>
    <row r="1645" spans="1:4" x14ac:dyDescent="0.4">
      <c r="A1645">
        <v>1920351</v>
      </c>
      <c r="B1645" t="s">
        <v>815</v>
      </c>
      <c r="C1645" t="s">
        <v>1524</v>
      </c>
      <c r="D1645" t="s">
        <v>1601</v>
      </c>
    </row>
    <row r="1646" spans="1:4" x14ac:dyDescent="0.4">
      <c r="A1646">
        <v>1920918</v>
      </c>
      <c r="B1646" t="s">
        <v>815</v>
      </c>
      <c r="C1646" t="s">
        <v>1524</v>
      </c>
      <c r="D1646" t="s">
        <v>1602</v>
      </c>
    </row>
    <row r="1647" spans="1:4" x14ac:dyDescent="0.4">
      <c r="A1647">
        <v>1930836</v>
      </c>
      <c r="B1647" t="s">
        <v>815</v>
      </c>
      <c r="C1647" t="s">
        <v>1524</v>
      </c>
      <c r="D1647" t="s">
        <v>1603</v>
      </c>
    </row>
    <row r="1648" spans="1:4" x14ac:dyDescent="0.4">
      <c r="A1648">
        <v>1920061</v>
      </c>
      <c r="B1648" t="s">
        <v>815</v>
      </c>
      <c r="C1648" t="s">
        <v>1524</v>
      </c>
      <c r="D1648" t="s">
        <v>1604</v>
      </c>
    </row>
    <row r="1649" spans="1:4" x14ac:dyDescent="0.4">
      <c r="A1649">
        <v>1920044</v>
      </c>
      <c r="B1649" t="s">
        <v>815</v>
      </c>
      <c r="C1649" t="s">
        <v>1524</v>
      </c>
      <c r="D1649" t="s">
        <v>1605</v>
      </c>
    </row>
    <row r="1650" spans="1:4" x14ac:dyDescent="0.4">
      <c r="A1650">
        <v>1920363</v>
      </c>
      <c r="B1650" t="s">
        <v>815</v>
      </c>
      <c r="C1650" t="s">
        <v>1524</v>
      </c>
      <c r="D1650" t="s">
        <v>1606</v>
      </c>
    </row>
    <row r="1651" spans="1:4" x14ac:dyDescent="0.4">
      <c r="A1651">
        <v>1920355</v>
      </c>
      <c r="B1651" t="s">
        <v>815</v>
      </c>
      <c r="C1651" t="s">
        <v>1524</v>
      </c>
      <c r="D1651" t="s">
        <v>467</v>
      </c>
    </row>
    <row r="1652" spans="1:4" x14ac:dyDescent="0.4">
      <c r="A1652">
        <v>1920052</v>
      </c>
      <c r="B1652" t="s">
        <v>815</v>
      </c>
      <c r="C1652" t="s">
        <v>1524</v>
      </c>
      <c r="D1652" t="s">
        <v>1607</v>
      </c>
    </row>
    <row r="1653" spans="1:4" x14ac:dyDescent="0.4">
      <c r="A1653">
        <v>1920066</v>
      </c>
      <c r="B1653" t="s">
        <v>815</v>
      </c>
      <c r="C1653" t="s">
        <v>1524</v>
      </c>
      <c r="D1653" t="s">
        <v>403</v>
      </c>
    </row>
    <row r="1654" spans="1:4" x14ac:dyDescent="0.4">
      <c r="A1654">
        <v>1920354</v>
      </c>
      <c r="B1654" t="s">
        <v>815</v>
      </c>
      <c r="C1654" t="s">
        <v>1524</v>
      </c>
      <c r="D1654" t="s">
        <v>849</v>
      </c>
    </row>
    <row r="1655" spans="1:4" x14ac:dyDescent="0.4">
      <c r="A1655">
        <v>1920362</v>
      </c>
      <c r="B1655" t="s">
        <v>815</v>
      </c>
      <c r="C1655" t="s">
        <v>1524</v>
      </c>
      <c r="D1655" t="s">
        <v>1608</v>
      </c>
    </row>
    <row r="1656" spans="1:4" x14ac:dyDescent="0.4">
      <c r="A1656">
        <v>1920021</v>
      </c>
      <c r="B1656" t="s">
        <v>815</v>
      </c>
      <c r="C1656" t="s">
        <v>1524</v>
      </c>
      <c r="D1656" t="s">
        <v>1609</v>
      </c>
    </row>
    <row r="1657" spans="1:4" x14ac:dyDescent="0.4">
      <c r="A1657">
        <v>1920084</v>
      </c>
      <c r="B1657" t="s">
        <v>815</v>
      </c>
      <c r="C1657" t="s">
        <v>1524</v>
      </c>
      <c r="D1657" t="s">
        <v>1091</v>
      </c>
    </row>
    <row r="1658" spans="1:4" x14ac:dyDescent="0.4">
      <c r="A1658">
        <v>1920014</v>
      </c>
      <c r="B1658" t="s">
        <v>815</v>
      </c>
      <c r="C1658" t="s">
        <v>1524</v>
      </c>
      <c r="D1658" t="s">
        <v>1610</v>
      </c>
    </row>
    <row r="1659" spans="1:4" x14ac:dyDescent="0.4">
      <c r="A1659">
        <v>1930932</v>
      </c>
      <c r="B1659" t="s">
        <v>815</v>
      </c>
      <c r="C1659" t="s">
        <v>1524</v>
      </c>
      <c r="D1659" t="s">
        <v>1611</v>
      </c>
    </row>
    <row r="1660" spans="1:4" x14ac:dyDescent="0.4">
      <c r="A1660">
        <v>1930846</v>
      </c>
      <c r="B1660" t="s">
        <v>815</v>
      </c>
      <c r="C1660" t="s">
        <v>1524</v>
      </c>
      <c r="D1660" t="s">
        <v>1612</v>
      </c>
    </row>
    <row r="1661" spans="1:4" x14ac:dyDescent="0.4">
      <c r="A1661">
        <v>1920364</v>
      </c>
      <c r="B1661" t="s">
        <v>815</v>
      </c>
      <c r="C1661" t="s">
        <v>1524</v>
      </c>
      <c r="D1661" t="s">
        <v>1613</v>
      </c>
    </row>
    <row r="1662" spans="1:4" x14ac:dyDescent="0.4">
      <c r="A1662">
        <v>1920075</v>
      </c>
      <c r="B1662" t="s">
        <v>815</v>
      </c>
      <c r="C1662" t="s">
        <v>1524</v>
      </c>
      <c r="D1662" t="s">
        <v>1614</v>
      </c>
    </row>
    <row r="1663" spans="1:4" x14ac:dyDescent="0.4">
      <c r="A1663">
        <v>1920072</v>
      </c>
      <c r="B1663" t="s">
        <v>815</v>
      </c>
      <c r="C1663" t="s">
        <v>1524</v>
      </c>
      <c r="D1663" t="s">
        <v>1615</v>
      </c>
    </row>
    <row r="1664" spans="1:4" x14ac:dyDescent="0.4">
      <c r="A1664">
        <v>1920916</v>
      </c>
      <c r="B1664" t="s">
        <v>815</v>
      </c>
      <c r="C1664" t="s">
        <v>1524</v>
      </c>
      <c r="D1664" t="s">
        <v>1616</v>
      </c>
    </row>
    <row r="1665" spans="1:4" x14ac:dyDescent="0.4">
      <c r="A1665">
        <v>1920005</v>
      </c>
      <c r="B1665" t="s">
        <v>815</v>
      </c>
      <c r="C1665" t="s">
        <v>1524</v>
      </c>
      <c r="D1665" t="s">
        <v>1617</v>
      </c>
    </row>
    <row r="1666" spans="1:4" x14ac:dyDescent="0.4">
      <c r="A1666">
        <v>1920152</v>
      </c>
      <c r="B1666" t="s">
        <v>815</v>
      </c>
      <c r="C1666" t="s">
        <v>1524</v>
      </c>
      <c r="D1666" t="s">
        <v>1618</v>
      </c>
    </row>
    <row r="1667" spans="1:4" x14ac:dyDescent="0.4">
      <c r="A1667">
        <v>1920046</v>
      </c>
      <c r="B1667" t="s">
        <v>815</v>
      </c>
      <c r="C1667" t="s">
        <v>1524</v>
      </c>
      <c r="D1667" t="s">
        <v>1619</v>
      </c>
    </row>
    <row r="1668" spans="1:4" x14ac:dyDescent="0.4">
      <c r="A1668">
        <v>1930833</v>
      </c>
      <c r="B1668" t="s">
        <v>815</v>
      </c>
      <c r="C1668" t="s">
        <v>1524</v>
      </c>
      <c r="D1668" t="s">
        <v>1620</v>
      </c>
    </row>
    <row r="1669" spans="1:4" x14ac:dyDescent="0.4">
      <c r="A1669">
        <v>1930826</v>
      </c>
      <c r="B1669" t="s">
        <v>815</v>
      </c>
      <c r="C1669" t="s">
        <v>1524</v>
      </c>
      <c r="D1669" t="s">
        <v>1621</v>
      </c>
    </row>
    <row r="1670" spans="1:4" x14ac:dyDescent="0.4">
      <c r="A1670">
        <v>1920051</v>
      </c>
      <c r="B1670" t="s">
        <v>815</v>
      </c>
      <c r="C1670" t="s">
        <v>1524</v>
      </c>
      <c r="D1670" t="s">
        <v>1622</v>
      </c>
    </row>
    <row r="1671" spans="1:4" x14ac:dyDescent="0.4">
      <c r="A1671">
        <v>1920063</v>
      </c>
      <c r="B1671" t="s">
        <v>815</v>
      </c>
      <c r="C1671" t="s">
        <v>1524</v>
      </c>
      <c r="D1671" t="s">
        <v>1623</v>
      </c>
    </row>
    <row r="1672" spans="1:4" x14ac:dyDescent="0.4">
      <c r="A1672">
        <v>1920055</v>
      </c>
      <c r="B1672" t="s">
        <v>815</v>
      </c>
      <c r="C1672" t="s">
        <v>1524</v>
      </c>
      <c r="D1672" t="s">
        <v>1624</v>
      </c>
    </row>
    <row r="1673" spans="1:4" x14ac:dyDescent="0.4">
      <c r="A1673">
        <v>1920016</v>
      </c>
      <c r="B1673" t="s">
        <v>815</v>
      </c>
      <c r="C1673" t="s">
        <v>1524</v>
      </c>
      <c r="D1673" t="s">
        <v>1625</v>
      </c>
    </row>
    <row r="1674" spans="1:4" x14ac:dyDescent="0.4">
      <c r="A1674">
        <v>1930933</v>
      </c>
      <c r="B1674" t="s">
        <v>815</v>
      </c>
      <c r="C1674" t="s">
        <v>1524</v>
      </c>
      <c r="D1674" t="s">
        <v>1626</v>
      </c>
    </row>
    <row r="1675" spans="1:4" x14ac:dyDescent="0.4">
      <c r="A1675">
        <v>1920375</v>
      </c>
      <c r="B1675" t="s">
        <v>815</v>
      </c>
      <c r="C1675" t="s">
        <v>1524</v>
      </c>
      <c r="D1675" t="s">
        <v>1627</v>
      </c>
    </row>
    <row r="1676" spans="1:4" x14ac:dyDescent="0.4">
      <c r="A1676">
        <v>1920071</v>
      </c>
      <c r="B1676" t="s">
        <v>815</v>
      </c>
      <c r="C1676" t="s">
        <v>1524</v>
      </c>
      <c r="D1676" t="s">
        <v>1628</v>
      </c>
    </row>
    <row r="1677" spans="1:4" x14ac:dyDescent="0.4">
      <c r="A1677">
        <v>1930823</v>
      </c>
      <c r="B1677" t="s">
        <v>815</v>
      </c>
      <c r="C1677" t="s">
        <v>1524</v>
      </c>
      <c r="D1677" t="s">
        <v>1629</v>
      </c>
    </row>
    <row r="1678" spans="1:4" x14ac:dyDescent="0.4">
      <c r="A1678">
        <v>1920081</v>
      </c>
      <c r="B1678" t="s">
        <v>815</v>
      </c>
      <c r="C1678" t="s">
        <v>1524</v>
      </c>
      <c r="D1678" t="s">
        <v>1630</v>
      </c>
    </row>
    <row r="1679" spans="1:4" x14ac:dyDescent="0.4">
      <c r="A1679">
        <v>1930813</v>
      </c>
      <c r="B1679" t="s">
        <v>815</v>
      </c>
      <c r="C1679" t="s">
        <v>1524</v>
      </c>
      <c r="D1679" t="s">
        <v>1631</v>
      </c>
    </row>
    <row r="1680" spans="1:4" x14ac:dyDescent="0.4">
      <c r="A1680">
        <v>1046130</v>
      </c>
      <c r="B1680" t="s">
        <v>815</v>
      </c>
      <c r="C1680" t="s">
        <v>1095</v>
      </c>
      <c r="D1680" t="s">
        <v>1632</v>
      </c>
    </row>
    <row r="1681" spans="1:4" x14ac:dyDescent="0.4">
      <c r="A1681">
        <v>1057407</v>
      </c>
      <c r="B1681" t="s">
        <v>815</v>
      </c>
      <c r="C1681" t="s">
        <v>818</v>
      </c>
      <c r="D1681" t="s">
        <v>1633</v>
      </c>
    </row>
    <row r="1682" spans="1:4" x14ac:dyDescent="0.4">
      <c r="A1682">
        <v>1631028</v>
      </c>
      <c r="B1682" t="s">
        <v>815</v>
      </c>
      <c r="C1682" t="s">
        <v>820</v>
      </c>
      <c r="D1682" t="s">
        <v>1634</v>
      </c>
    </row>
    <row r="1683" spans="1:4" x14ac:dyDescent="0.4">
      <c r="A1683">
        <v>1420063</v>
      </c>
      <c r="B1683" t="s">
        <v>815</v>
      </c>
      <c r="C1683" t="s">
        <v>965</v>
      </c>
      <c r="D1683" t="s">
        <v>1635</v>
      </c>
    </row>
    <row r="1684" spans="1:4" x14ac:dyDescent="0.4">
      <c r="A1684">
        <v>3306018</v>
      </c>
      <c r="B1684" t="s">
        <v>1636</v>
      </c>
      <c r="C1684" t="s">
        <v>1637</v>
      </c>
      <c r="D1684" t="s">
        <v>1638</v>
      </c>
    </row>
    <row r="1685" spans="1:4" x14ac:dyDescent="0.4">
      <c r="A1685">
        <v>3330835</v>
      </c>
      <c r="B1685" t="s">
        <v>1636</v>
      </c>
      <c r="C1685" t="s">
        <v>1639</v>
      </c>
      <c r="D1685" t="s">
        <v>1640</v>
      </c>
    </row>
    <row r="1686" spans="1:4" x14ac:dyDescent="0.4">
      <c r="A1686">
        <v>3480011</v>
      </c>
      <c r="B1686" t="s">
        <v>1636</v>
      </c>
      <c r="C1686" t="s">
        <v>1641</v>
      </c>
      <c r="D1686" t="s">
        <v>1642</v>
      </c>
    </row>
    <row r="1687" spans="1:4" x14ac:dyDescent="0.4">
      <c r="A1687">
        <v>3480053</v>
      </c>
      <c r="B1687" t="s">
        <v>1636</v>
      </c>
      <c r="C1687" t="s">
        <v>1641</v>
      </c>
      <c r="D1687" t="s">
        <v>659</v>
      </c>
    </row>
    <row r="1688" spans="1:4" x14ac:dyDescent="0.4">
      <c r="A1688">
        <v>3480071</v>
      </c>
      <c r="B1688" t="s">
        <v>1636</v>
      </c>
      <c r="C1688" t="s">
        <v>1641</v>
      </c>
      <c r="D1688" t="s">
        <v>1643</v>
      </c>
    </row>
    <row r="1689" spans="1:4" x14ac:dyDescent="0.4">
      <c r="A1689">
        <v>3480002</v>
      </c>
      <c r="B1689" t="s">
        <v>1636</v>
      </c>
      <c r="C1689" t="s">
        <v>1641</v>
      </c>
      <c r="D1689" t="s">
        <v>1644</v>
      </c>
    </row>
    <row r="1690" spans="1:4" x14ac:dyDescent="0.4">
      <c r="A1690">
        <v>3480004</v>
      </c>
      <c r="B1690" t="s">
        <v>1636</v>
      </c>
      <c r="C1690" t="s">
        <v>1641</v>
      </c>
      <c r="D1690" t="s">
        <v>1645</v>
      </c>
    </row>
    <row r="1691" spans="1:4" x14ac:dyDescent="0.4">
      <c r="A1691">
        <v>3480012</v>
      </c>
      <c r="B1691" t="s">
        <v>1636</v>
      </c>
      <c r="C1691" t="s">
        <v>1641</v>
      </c>
      <c r="D1691" t="s">
        <v>1646</v>
      </c>
    </row>
    <row r="1692" spans="1:4" x14ac:dyDescent="0.4">
      <c r="A1692">
        <v>3650000</v>
      </c>
      <c r="B1692" t="s">
        <v>1636</v>
      </c>
      <c r="C1692" t="s">
        <v>1647</v>
      </c>
    </row>
    <row r="1693" spans="1:4" x14ac:dyDescent="0.4">
      <c r="A1693">
        <v>3650002</v>
      </c>
      <c r="B1693" t="s">
        <v>1636</v>
      </c>
      <c r="C1693" t="s">
        <v>1647</v>
      </c>
      <c r="D1693" t="s">
        <v>1648</v>
      </c>
    </row>
    <row r="1694" spans="1:4" x14ac:dyDescent="0.4">
      <c r="A1694">
        <v>3650001</v>
      </c>
      <c r="B1694" t="s">
        <v>1636</v>
      </c>
      <c r="C1694" t="s">
        <v>1647</v>
      </c>
      <c r="D1694" t="s">
        <v>1649</v>
      </c>
    </row>
    <row r="1695" spans="1:4" x14ac:dyDescent="0.4">
      <c r="A1695">
        <v>3650064</v>
      </c>
      <c r="B1695" t="s">
        <v>1636</v>
      </c>
      <c r="C1695" t="s">
        <v>1647</v>
      </c>
      <c r="D1695" t="s">
        <v>1650</v>
      </c>
    </row>
    <row r="1696" spans="1:4" x14ac:dyDescent="0.4">
      <c r="A1696">
        <v>3650011</v>
      </c>
      <c r="B1696" t="s">
        <v>1636</v>
      </c>
      <c r="C1696" t="s">
        <v>1647</v>
      </c>
      <c r="D1696" t="s">
        <v>590</v>
      </c>
    </row>
    <row r="1697" spans="1:4" x14ac:dyDescent="0.4">
      <c r="A1697">
        <v>3650021</v>
      </c>
      <c r="B1697" t="s">
        <v>1636</v>
      </c>
      <c r="C1697" t="s">
        <v>1647</v>
      </c>
      <c r="D1697" t="s">
        <v>1651</v>
      </c>
    </row>
    <row r="1698" spans="1:4" x14ac:dyDescent="0.4">
      <c r="A1698">
        <v>3650072</v>
      </c>
      <c r="B1698" t="s">
        <v>1636</v>
      </c>
      <c r="C1698" t="s">
        <v>1647</v>
      </c>
      <c r="D1698" t="s">
        <v>1652</v>
      </c>
    </row>
    <row r="1699" spans="1:4" x14ac:dyDescent="0.4">
      <c r="A1699">
        <v>3650063</v>
      </c>
      <c r="B1699" t="s">
        <v>1636</v>
      </c>
      <c r="C1699" t="s">
        <v>1647</v>
      </c>
      <c r="D1699" t="s">
        <v>1653</v>
      </c>
    </row>
    <row r="1700" spans="1:4" x14ac:dyDescent="0.4">
      <c r="A1700">
        <v>3690123</v>
      </c>
      <c r="B1700" t="s">
        <v>1636</v>
      </c>
      <c r="C1700" t="s">
        <v>1647</v>
      </c>
      <c r="D1700" t="s">
        <v>1654</v>
      </c>
    </row>
    <row r="1701" spans="1:4" x14ac:dyDescent="0.4">
      <c r="A1701">
        <v>3650033</v>
      </c>
      <c r="B1701" t="s">
        <v>1636</v>
      </c>
      <c r="C1701" t="s">
        <v>1647</v>
      </c>
      <c r="D1701" t="s">
        <v>1655</v>
      </c>
    </row>
    <row r="1702" spans="1:4" x14ac:dyDescent="0.4">
      <c r="A1702">
        <v>3690137</v>
      </c>
      <c r="B1702" t="s">
        <v>1636</v>
      </c>
      <c r="C1702" t="s">
        <v>1647</v>
      </c>
      <c r="D1702" t="s">
        <v>1656</v>
      </c>
    </row>
    <row r="1703" spans="1:4" x14ac:dyDescent="0.4">
      <c r="A1703">
        <v>3650054</v>
      </c>
      <c r="B1703" t="s">
        <v>1636</v>
      </c>
      <c r="C1703" t="s">
        <v>1647</v>
      </c>
      <c r="D1703" t="s">
        <v>1657</v>
      </c>
    </row>
    <row r="1704" spans="1:4" x14ac:dyDescent="0.4">
      <c r="A1704">
        <v>3650023</v>
      </c>
      <c r="B1704" t="s">
        <v>1636</v>
      </c>
      <c r="C1704" t="s">
        <v>1647</v>
      </c>
      <c r="D1704" t="s">
        <v>1658</v>
      </c>
    </row>
    <row r="1705" spans="1:4" x14ac:dyDescent="0.4">
      <c r="A1705">
        <v>3690112</v>
      </c>
      <c r="B1705" t="s">
        <v>1636</v>
      </c>
      <c r="C1705" t="s">
        <v>1647</v>
      </c>
      <c r="D1705" t="s">
        <v>1659</v>
      </c>
    </row>
    <row r="1706" spans="1:4" x14ac:dyDescent="0.4">
      <c r="A1706">
        <v>3650078</v>
      </c>
      <c r="B1706" t="s">
        <v>1636</v>
      </c>
      <c r="C1706" t="s">
        <v>1647</v>
      </c>
      <c r="D1706" t="s">
        <v>1660</v>
      </c>
    </row>
    <row r="1707" spans="1:4" x14ac:dyDescent="0.4">
      <c r="A1707">
        <v>3650012</v>
      </c>
      <c r="B1707" t="s">
        <v>1636</v>
      </c>
      <c r="C1707" t="s">
        <v>1647</v>
      </c>
      <c r="D1707" t="s">
        <v>1661</v>
      </c>
    </row>
    <row r="1708" spans="1:4" x14ac:dyDescent="0.4">
      <c r="A1708">
        <v>3650034</v>
      </c>
      <c r="B1708" t="s">
        <v>1636</v>
      </c>
      <c r="C1708" t="s">
        <v>1647</v>
      </c>
      <c r="D1708" t="s">
        <v>1662</v>
      </c>
    </row>
    <row r="1709" spans="1:4" x14ac:dyDescent="0.4">
      <c r="A1709">
        <v>3650027</v>
      </c>
      <c r="B1709" t="s">
        <v>1636</v>
      </c>
      <c r="C1709" t="s">
        <v>1647</v>
      </c>
      <c r="D1709" t="s">
        <v>415</v>
      </c>
    </row>
    <row r="1710" spans="1:4" x14ac:dyDescent="0.4">
      <c r="A1710">
        <v>3650061</v>
      </c>
      <c r="B1710" t="s">
        <v>1636</v>
      </c>
      <c r="C1710" t="s">
        <v>1647</v>
      </c>
      <c r="D1710" t="s">
        <v>1663</v>
      </c>
    </row>
    <row r="1711" spans="1:4" x14ac:dyDescent="0.4">
      <c r="A1711">
        <v>3690116</v>
      </c>
      <c r="B1711" t="s">
        <v>1636</v>
      </c>
      <c r="C1711" t="s">
        <v>1647</v>
      </c>
      <c r="D1711" t="s">
        <v>1664</v>
      </c>
    </row>
    <row r="1712" spans="1:4" x14ac:dyDescent="0.4">
      <c r="A1712">
        <v>3650058</v>
      </c>
      <c r="B1712" t="s">
        <v>1636</v>
      </c>
      <c r="C1712" t="s">
        <v>1647</v>
      </c>
      <c r="D1712" t="s">
        <v>1665</v>
      </c>
    </row>
    <row r="1713" spans="1:4" x14ac:dyDescent="0.4">
      <c r="A1713">
        <v>3650003</v>
      </c>
      <c r="B1713" t="s">
        <v>1636</v>
      </c>
      <c r="C1713" t="s">
        <v>1647</v>
      </c>
      <c r="D1713" t="s">
        <v>1666</v>
      </c>
    </row>
    <row r="1714" spans="1:4" x14ac:dyDescent="0.4">
      <c r="A1714">
        <v>3650014</v>
      </c>
      <c r="B1714" t="s">
        <v>1636</v>
      </c>
      <c r="C1714" t="s">
        <v>1647</v>
      </c>
      <c r="D1714" t="s">
        <v>1667</v>
      </c>
    </row>
    <row r="1715" spans="1:4" x14ac:dyDescent="0.4">
      <c r="A1715">
        <v>3650022</v>
      </c>
      <c r="B1715" t="s">
        <v>1636</v>
      </c>
      <c r="C1715" t="s">
        <v>1647</v>
      </c>
      <c r="D1715" t="s">
        <v>1668</v>
      </c>
    </row>
    <row r="1716" spans="1:4" x14ac:dyDescent="0.4">
      <c r="A1716">
        <v>3650028</v>
      </c>
      <c r="B1716" t="s">
        <v>1636</v>
      </c>
      <c r="C1716" t="s">
        <v>1647</v>
      </c>
      <c r="D1716" t="s">
        <v>1669</v>
      </c>
    </row>
    <row r="1717" spans="1:4" x14ac:dyDescent="0.4">
      <c r="A1717">
        <v>3650041</v>
      </c>
      <c r="B1717" t="s">
        <v>1636</v>
      </c>
      <c r="C1717" t="s">
        <v>1647</v>
      </c>
      <c r="D1717" t="s">
        <v>1670</v>
      </c>
    </row>
    <row r="1718" spans="1:4" x14ac:dyDescent="0.4">
      <c r="A1718">
        <v>3690133</v>
      </c>
      <c r="B1718" t="s">
        <v>1636</v>
      </c>
      <c r="C1718" t="s">
        <v>1647</v>
      </c>
      <c r="D1718" t="s">
        <v>1671</v>
      </c>
    </row>
    <row r="1719" spans="1:4" x14ac:dyDescent="0.4">
      <c r="A1719">
        <v>3650057</v>
      </c>
      <c r="B1719" t="s">
        <v>1636</v>
      </c>
      <c r="C1719" t="s">
        <v>1647</v>
      </c>
      <c r="D1719" t="s">
        <v>72</v>
      </c>
    </row>
    <row r="1720" spans="1:4" x14ac:dyDescent="0.4">
      <c r="A1720">
        <v>3650013</v>
      </c>
      <c r="B1720" t="s">
        <v>1636</v>
      </c>
      <c r="C1720" t="s">
        <v>1647</v>
      </c>
      <c r="D1720" t="s">
        <v>1672</v>
      </c>
    </row>
    <row r="1721" spans="1:4" x14ac:dyDescent="0.4">
      <c r="A1721">
        <v>3650055</v>
      </c>
      <c r="B1721" t="s">
        <v>1636</v>
      </c>
      <c r="C1721" t="s">
        <v>1647</v>
      </c>
      <c r="D1721" t="s">
        <v>255</v>
      </c>
    </row>
    <row r="1722" spans="1:4" x14ac:dyDescent="0.4">
      <c r="A1722">
        <v>3650047</v>
      </c>
      <c r="B1722" t="s">
        <v>1636</v>
      </c>
      <c r="C1722" t="s">
        <v>1647</v>
      </c>
      <c r="D1722" t="s">
        <v>1673</v>
      </c>
    </row>
    <row r="1723" spans="1:4" x14ac:dyDescent="0.4">
      <c r="A1723">
        <v>3690134</v>
      </c>
      <c r="B1723" t="s">
        <v>1636</v>
      </c>
      <c r="C1723" t="s">
        <v>1647</v>
      </c>
      <c r="D1723" t="s">
        <v>1674</v>
      </c>
    </row>
    <row r="1724" spans="1:4" x14ac:dyDescent="0.4">
      <c r="A1724">
        <v>3650035</v>
      </c>
      <c r="B1724" t="s">
        <v>1636</v>
      </c>
      <c r="C1724" t="s">
        <v>1647</v>
      </c>
      <c r="D1724" t="s">
        <v>1675</v>
      </c>
    </row>
    <row r="1725" spans="1:4" x14ac:dyDescent="0.4">
      <c r="A1725">
        <v>3690113</v>
      </c>
      <c r="B1725" t="s">
        <v>1636</v>
      </c>
      <c r="C1725" t="s">
        <v>1647</v>
      </c>
      <c r="D1725" t="s">
        <v>1676</v>
      </c>
    </row>
    <row r="1726" spans="1:4" x14ac:dyDescent="0.4">
      <c r="A1726">
        <v>3650025</v>
      </c>
      <c r="B1726" t="s">
        <v>1636</v>
      </c>
      <c r="C1726" t="s">
        <v>1647</v>
      </c>
      <c r="D1726" t="s">
        <v>433</v>
      </c>
    </row>
    <row r="1727" spans="1:4" x14ac:dyDescent="0.4">
      <c r="A1727">
        <v>3650024</v>
      </c>
      <c r="B1727" t="s">
        <v>1636</v>
      </c>
      <c r="C1727" t="s">
        <v>1647</v>
      </c>
      <c r="D1727" t="s">
        <v>1677</v>
      </c>
    </row>
    <row r="1728" spans="1:4" x14ac:dyDescent="0.4">
      <c r="A1728">
        <v>3690111</v>
      </c>
      <c r="B1728" t="s">
        <v>1636</v>
      </c>
      <c r="C1728" t="s">
        <v>1647</v>
      </c>
      <c r="D1728" t="s">
        <v>177</v>
      </c>
    </row>
    <row r="1729" spans="1:4" x14ac:dyDescent="0.4">
      <c r="A1729">
        <v>3650074</v>
      </c>
      <c r="B1729" t="s">
        <v>1636</v>
      </c>
      <c r="C1729" t="s">
        <v>1647</v>
      </c>
      <c r="D1729" t="s">
        <v>1383</v>
      </c>
    </row>
    <row r="1730" spans="1:4" x14ac:dyDescent="0.4">
      <c r="A1730">
        <v>3650004</v>
      </c>
      <c r="B1730" t="s">
        <v>1636</v>
      </c>
      <c r="C1730" t="s">
        <v>1647</v>
      </c>
      <c r="D1730" t="s">
        <v>1678</v>
      </c>
    </row>
    <row r="1731" spans="1:4" x14ac:dyDescent="0.4">
      <c r="A1731">
        <v>3650044</v>
      </c>
      <c r="B1731" t="s">
        <v>1636</v>
      </c>
      <c r="C1731" t="s">
        <v>1647</v>
      </c>
      <c r="D1731" t="s">
        <v>1679</v>
      </c>
    </row>
    <row r="1732" spans="1:4" x14ac:dyDescent="0.4">
      <c r="A1732">
        <v>3650032</v>
      </c>
      <c r="B1732" t="s">
        <v>1636</v>
      </c>
      <c r="C1732" t="s">
        <v>1647</v>
      </c>
      <c r="D1732" t="s">
        <v>184</v>
      </c>
    </row>
    <row r="1733" spans="1:4" x14ac:dyDescent="0.4">
      <c r="A1733">
        <v>3690114</v>
      </c>
      <c r="B1733" t="s">
        <v>1636</v>
      </c>
      <c r="C1733" t="s">
        <v>1647</v>
      </c>
      <c r="D1733" t="s">
        <v>1680</v>
      </c>
    </row>
    <row r="1734" spans="1:4" x14ac:dyDescent="0.4">
      <c r="A1734">
        <v>3650056</v>
      </c>
      <c r="B1734" t="s">
        <v>1636</v>
      </c>
      <c r="C1734" t="s">
        <v>1647</v>
      </c>
      <c r="D1734" t="s">
        <v>1681</v>
      </c>
    </row>
    <row r="1735" spans="1:4" x14ac:dyDescent="0.4">
      <c r="A1735">
        <v>3650071</v>
      </c>
      <c r="B1735" t="s">
        <v>1636</v>
      </c>
      <c r="C1735" t="s">
        <v>1647</v>
      </c>
      <c r="D1735" t="s">
        <v>1682</v>
      </c>
    </row>
    <row r="1736" spans="1:4" x14ac:dyDescent="0.4">
      <c r="A1736">
        <v>3650036</v>
      </c>
      <c r="B1736" t="s">
        <v>1636</v>
      </c>
      <c r="C1736" t="s">
        <v>1647</v>
      </c>
      <c r="D1736" t="s">
        <v>1683</v>
      </c>
    </row>
    <row r="1737" spans="1:4" x14ac:dyDescent="0.4">
      <c r="A1737">
        <v>3650065</v>
      </c>
      <c r="B1737" t="s">
        <v>1636</v>
      </c>
      <c r="C1737" t="s">
        <v>1647</v>
      </c>
      <c r="D1737" t="s">
        <v>1684</v>
      </c>
    </row>
    <row r="1738" spans="1:4" x14ac:dyDescent="0.4">
      <c r="A1738">
        <v>3650026</v>
      </c>
      <c r="B1738" t="s">
        <v>1636</v>
      </c>
      <c r="C1738" t="s">
        <v>1647</v>
      </c>
      <c r="D1738" t="s">
        <v>1685</v>
      </c>
    </row>
    <row r="1739" spans="1:4" x14ac:dyDescent="0.4">
      <c r="A1739">
        <v>3650037</v>
      </c>
      <c r="B1739" t="s">
        <v>1636</v>
      </c>
      <c r="C1739" t="s">
        <v>1647</v>
      </c>
      <c r="D1739" t="s">
        <v>1686</v>
      </c>
    </row>
    <row r="1740" spans="1:4" x14ac:dyDescent="0.4">
      <c r="A1740">
        <v>3650059</v>
      </c>
      <c r="B1740" t="s">
        <v>1636</v>
      </c>
      <c r="C1740" t="s">
        <v>1647</v>
      </c>
      <c r="D1740" t="s">
        <v>1687</v>
      </c>
    </row>
    <row r="1741" spans="1:4" x14ac:dyDescent="0.4">
      <c r="A1741">
        <v>3650052</v>
      </c>
      <c r="B1741" t="s">
        <v>1636</v>
      </c>
      <c r="C1741" t="s">
        <v>1647</v>
      </c>
      <c r="D1741" t="s">
        <v>1688</v>
      </c>
    </row>
    <row r="1742" spans="1:4" x14ac:dyDescent="0.4">
      <c r="A1742">
        <v>3650073</v>
      </c>
      <c r="B1742" t="s">
        <v>1636</v>
      </c>
      <c r="C1742" t="s">
        <v>1647</v>
      </c>
      <c r="D1742" t="s">
        <v>1689</v>
      </c>
    </row>
    <row r="1743" spans="1:4" x14ac:dyDescent="0.4">
      <c r="A1743">
        <v>3690124</v>
      </c>
      <c r="B1743" t="s">
        <v>1636</v>
      </c>
      <c r="C1743" t="s">
        <v>1647</v>
      </c>
      <c r="D1743" t="s">
        <v>1690</v>
      </c>
    </row>
    <row r="1744" spans="1:4" x14ac:dyDescent="0.4">
      <c r="A1744">
        <v>3650043</v>
      </c>
      <c r="B1744" t="s">
        <v>1636</v>
      </c>
      <c r="C1744" t="s">
        <v>1647</v>
      </c>
      <c r="D1744" t="s">
        <v>1691</v>
      </c>
    </row>
    <row r="1745" spans="1:4" x14ac:dyDescent="0.4">
      <c r="A1745">
        <v>3650045</v>
      </c>
      <c r="B1745" t="s">
        <v>1636</v>
      </c>
      <c r="C1745" t="s">
        <v>1647</v>
      </c>
      <c r="D1745" t="s">
        <v>1692</v>
      </c>
    </row>
    <row r="1746" spans="1:4" x14ac:dyDescent="0.4">
      <c r="A1746">
        <v>3650039</v>
      </c>
      <c r="B1746" t="s">
        <v>1636</v>
      </c>
      <c r="C1746" t="s">
        <v>1647</v>
      </c>
      <c r="D1746" t="s">
        <v>1693</v>
      </c>
    </row>
    <row r="1747" spans="1:4" x14ac:dyDescent="0.4">
      <c r="A1747">
        <v>3650031</v>
      </c>
      <c r="B1747" t="s">
        <v>1636</v>
      </c>
      <c r="C1747" t="s">
        <v>1647</v>
      </c>
      <c r="D1747" t="s">
        <v>1694</v>
      </c>
    </row>
    <row r="1748" spans="1:4" x14ac:dyDescent="0.4">
      <c r="A1748">
        <v>3650005</v>
      </c>
      <c r="B1748" t="s">
        <v>1636</v>
      </c>
      <c r="C1748" t="s">
        <v>1647</v>
      </c>
      <c r="D1748" t="s">
        <v>1695</v>
      </c>
    </row>
    <row r="1749" spans="1:4" x14ac:dyDescent="0.4">
      <c r="A1749">
        <v>3690136</v>
      </c>
      <c r="B1749" t="s">
        <v>1636</v>
      </c>
      <c r="C1749" t="s">
        <v>1647</v>
      </c>
      <c r="D1749" t="s">
        <v>1696</v>
      </c>
    </row>
    <row r="1750" spans="1:4" x14ac:dyDescent="0.4">
      <c r="A1750">
        <v>3690121</v>
      </c>
      <c r="B1750" t="s">
        <v>1636</v>
      </c>
      <c r="C1750" t="s">
        <v>1647</v>
      </c>
      <c r="D1750" t="s">
        <v>1697</v>
      </c>
    </row>
    <row r="1751" spans="1:4" x14ac:dyDescent="0.4">
      <c r="A1751">
        <v>3690115</v>
      </c>
      <c r="B1751" t="s">
        <v>1636</v>
      </c>
      <c r="C1751" t="s">
        <v>1647</v>
      </c>
      <c r="D1751" t="s">
        <v>1698</v>
      </c>
    </row>
    <row r="1752" spans="1:4" x14ac:dyDescent="0.4">
      <c r="A1752">
        <v>3690131</v>
      </c>
      <c r="B1752" t="s">
        <v>1636</v>
      </c>
      <c r="C1752" t="s">
        <v>1647</v>
      </c>
      <c r="D1752" t="s">
        <v>1699</v>
      </c>
    </row>
    <row r="1753" spans="1:4" x14ac:dyDescent="0.4">
      <c r="A1753">
        <v>3650046</v>
      </c>
      <c r="B1753" t="s">
        <v>1636</v>
      </c>
      <c r="C1753" t="s">
        <v>1647</v>
      </c>
      <c r="D1753" t="s">
        <v>1605</v>
      </c>
    </row>
    <row r="1754" spans="1:4" x14ac:dyDescent="0.4">
      <c r="A1754">
        <v>3650038</v>
      </c>
      <c r="B1754" t="s">
        <v>1636</v>
      </c>
      <c r="C1754" t="s">
        <v>1647</v>
      </c>
      <c r="D1754" t="s">
        <v>403</v>
      </c>
    </row>
    <row r="1755" spans="1:4" x14ac:dyDescent="0.4">
      <c r="A1755">
        <v>3650076</v>
      </c>
      <c r="B1755" t="s">
        <v>1636</v>
      </c>
      <c r="C1755" t="s">
        <v>1647</v>
      </c>
      <c r="D1755" t="s">
        <v>1700</v>
      </c>
    </row>
    <row r="1756" spans="1:4" x14ac:dyDescent="0.4">
      <c r="A1756">
        <v>3690132</v>
      </c>
      <c r="B1756" t="s">
        <v>1636</v>
      </c>
      <c r="C1756" t="s">
        <v>1647</v>
      </c>
      <c r="D1756" t="s">
        <v>1701</v>
      </c>
    </row>
    <row r="1757" spans="1:4" x14ac:dyDescent="0.4">
      <c r="A1757">
        <v>3650042</v>
      </c>
      <c r="B1757" t="s">
        <v>1636</v>
      </c>
      <c r="C1757" t="s">
        <v>1647</v>
      </c>
      <c r="D1757" t="s">
        <v>1702</v>
      </c>
    </row>
    <row r="1758" spans="1:4" x14ac:dyDescent="0.4">
      <c r="A1758">
        <v>3650062</v>
      </c>
      <c r="B1758" t="s">
        <v>1636</v>
      </c>
      <c r="C1758" t="s">
        <v>1647</v>
      </c>
      <c r="D1758" t="s">
        <v>1703</v>
      </c>
    </row>
    <row r="1759" spans="1:4" x14ac:dyDescent="0.4">
      <c r="A1759">
        <v>3650066</v>
      </c>
      <c r="B1759" t="s">
        <v>1636</v>
      </c>
      <c r="C1759" t="s">
        <v>1647</v>
      </c>
      <c r="D1759" t="s">
        <v>1704</v>
      </c>
    </row>
    <row r="1760" spans="1:4" x14ac:dyDescent="0.4">
      <c r="A1760">
        <v>3650053</v>
      </c>
      <c r="B1760" t="s">
        <v>1636</v>
      </c>
      <c r="C1760" t="s">
        <v>1647</v>
      </c>
      <c r="D1760" t="s">
        <v>1611</v>
      </c>
    </row>
    <row r="1761" spans="1:4" x14ac:dyDescent="0.4">
      <c r="A1761">
        <v>3690122</v>
      </c>
      <c r="B1761" t="s">
        <v>1636</v>
      </c>
      <c r="C1761" t="s">
        <v>1647</v>
      </c>
      <c r="D1761" t="s">
        <v>659</v>
      </c>
    </row>
    <row r="1762" spans="1:4" x14ac:dyDescent="0.4">
      <c r="A1762">
        <v>3650075</v>
      </c>
      <c r="B1762" t="s">
        <v>1636</v>
      </c>
      <c r="C1762" t="s">
        <v>1647</v>
      </c>
      <c r="D1762" t="s">
        <v>1705</v>
      </c>
    </row>
    <row r="1763" spans="1:4" x14ac:dyDescent="0.4">
      <c r="A1763">
        <v>3650051</v>
      </c>
      <c r="B1763" t="s">
        <v>1636</v>
      </c>
      <c r="C1763" t="s">
        <v>1647</v>
      </c>
      <c r="D1763" t="s">
        <v>398</v>
      </c>
    </row>
    <row r="1764" spans="1:4" x14ac:dyDescent="0.4">
      <c r="A1764">
        <v>3690135</v>
      </c>
      <c r="B1764" t="s">
        <v>1636</v>
      </c>
      <c r="C1764" t="s">
        <v>1647</v>
      </c>
      <c r="D1764" t="s">
        <v>1706</v>
      </c>
    </row>
    <row r="1765" spans="1:4" x14ac:dyDescent="0.4">
      <c r="A1765">
        <v>3650077</v>
      </c>
      <c r="B1765" t="s">
        <v>1636</v>
      </c>
      <c r="C1765" t="s">
        <v>1647</v>
      </c>
      <c r="D1765" t="s">
        <v>1707</v>
      </c>
    </row>
    <row r="1766" spans="1:4" x14ac:dyDescent="0.4">
      <c r="A1766">
        <v>3660000</v>
      </c>
      <c r="B1766" t="s">
        <v>1636</v>
      </c>
      <c r="C1766" t="s">
        <v>1708</v>
      </c>
    </row>
    <row r="1767" spans="1:4" x14ac:dyDescent="0.4">
      <c r="A1767">
        <v>3660053</v>
      </c>
      <c r="B1767" t="s">
        <v>1636</v>
      </c>
      <c r="C1767" t="s">
        <v>1708</v>
      </c>
      <c r="D1767" t="s">
        <v>1709</v>
      </c>
    </row>
    <row r="1768" spans="1:4" x14ac:dyDescent="0.4">
      <c r="A1768">
        <v>3660024</v>
      </c>
      <c r="B1768" t="s">
        <v>1636</v>
      </c>
      <c r="C1768" t="s">
        <v>1708</v>
      </c>
      <c r="D1768" t="s">
        <v>1710</v>
      </c>
    </row>
    <row r="1769" spans="1:4" x14ac:dyDescent="0.4">
      <c r="A1769">
        <v>3660016</v>
      </c>
      <c r="B1769" t="s">
        <v>1636</v>
      </c>
      <c r="C1769" t="s">
        <v>1708</v>
      </c>
      <c r="D1769" t="s">
        <v>590</v>
      </c>
    </row>
    <row r="1770" spans="1:4" x14ac:dyDescent="0.4">
      <c r="A1770">
        <v>3691245</v>
      </c>
      <c r="B1770" t="s">
        <v>1636</v>
      </c>
      <c r="C1770" t="s">
        <v>1708</v>
      </c>
      <c r="D1770" t="s">
        <v>529</v>
      </c>
    </row>
    <row r="1771" spans="1:4" x14ac:dyDescent="0.4">
      <c r="A1771">
        <v>3660011</v>
      </c>
      <c r="B1771" t="s">
        <v>1636</v>
      </c>
      <c r="C1771" t="s">
        <v>1708</v>
      </c>
      <c r="D1771" t="s">
        <v>596</v>
      </c>
    </row>
    <row r="1772" spans="1:4" x14ac:dyDescent="0.4">
      <c r="A1772">
        <v>3660836</v>
      </c>
      <c r="B1772" t="s">
        <v>1636</v>
      </c>
      <c r="C1772" t="s">
        <v>1708</v>
      </c>
      <c r="D1772" t="s">
        <v>1711</v>
      </c>
    </row>
    <row r="1773" spans="1:4" x14ac:dyDescent="0.4">
      <c r="A1773">
        <v>3660026</v>
      </c>
      <c r="B1773" t="s">
        <v>1636</v>
      </c>
      <c r="C1773" t="s">
        <v>1708</v>
      </c>
      <c r="D1773" t="s">
        <v>1653</v>
      </c>
    </row>
    <row r="1774" spans="1:4" x14ac:dyDescent="0.4">
      <c r="A1774">
        <v>3660028</v>
      </c>
      <c r="B1774" t="s">
        <v>1636</v>
      </c>
      <c r="C1774" t="s">
        <v>1708</v>
      </c>
      <c r="D1774" t="s">
        <v>1712</v>
      </c>
    </row>
    <row r="1775" spans="1:4" x14ac:dyDescent="0.4">
      <c r="A1775">
        <v>3690215</v>
      </c>
      <c r="B1775" t="s">
        <v>1636</v>
      </c>
      <c r="C1775" t="s">
        <v>1708</v>
      </c>
      <c r="D1775" t="s">
        <v>1713</v>
      </c>
    </row>
    <row r="1776" spans="1:4" x14ac:dyDescent="0.4">
      <c r="A1776">
        <v>3690222</v>
      </c>
      <c r="B1776" t="s">
        <v>1636</v>
      </c>
      <c r="C1776" t="s">
        <v>1708</v>
      </c>
      <c r="D1776" t="s">
        <v>1714</v>
      </c>
    </row>
    <row r="1777" spans="1:4" x14ac:dyDescent="0.4">
      <c r="A1777">
        <v>3660831</v>
      </c>
      <c r="B1777" t="s">
        <v>1636</v>
      </c>
      <c r="C1777" t="s">
        <v>1708</v>
      </c>
      <c r="D1777" t="s">
        <v>1715</v>
      </c>
    </row>
    <row r="1778" spans="1:4" x14ac:dyDescent="0.4">
      <c r="A1778">
        <v>3660801</v>
      </c>
      <c r="B1778" t="s">
        <v>1636</v>
      </c>
      <c r="C1778" t="s">
        <v>1708</v>
      </c>
      <c r="D1778" t="s">
        <v>1716</v>
      </c>
    </row>
    <row r="1779" spans="1:4" x14ac:dyDescent="0.4">
      <c r="A1779">
        <v>3660012</v>
      </c>
      <c r="B1779" t="s">
        <v>1636</v>
      </c>
      <c r="C1779" t="s">
        <v>1708</v>
      </c>
      <c r="D1779" t="s">
        <v>327</v>
      </c>
    </row>
    <row r="1780" spans="1:4" x14ac:dyDescent="0.4">
      <c r="A1780">
        <v>3660838</v>
      </c>
      <c r="B1780" t="s">
        <v>1636</v>
      </c>
      <c r="C1780" t="s">
        <v>1708</v>
      </c>
      <c r="D1780" t="s">
        <v>1717</v>
      </c>
    </row>
    <row r="1781" spans="1:4" x14ac:dyDescent="0.4">
      <c r="A1781">
        <v>3660003</v>
      </c>
      <c r="B1781" t="s">
        <v>1636</v>
      </c>
      <c r="C1781" t="s">
        <v>1708</v>
      </c>
      <c r="D1781" t="s">
        <v>1536</v>
      </c>
    </row>
    <row r="1782" spans="1:4" x14ac:dyDescent="0.4">
      <c r="A1782">
        <v>3660814</v>
      </c>
      <c r="B1782" t="s">
        <v>1636</v>
      </c>
      <c r="C1782" t="s">
        <v>1708</v>
      </c>
      <c r="D1782" t="s">
        <v>1718</v>
      </c>
    </row>
    <row r="1783" spans="1:4" x14ac:dyDescent="0.4">
      <c r="A1783">
        <v>3690201</v>
      </c>
      <c r="B1783" t="s">
        <v>1636</v>
      </c>
      <c r="C1783" t="s">
        <v>1708</v>
      </c>
      <c r="D1783" t="s">
        <v>1719</v>
      </c>
    </row>
    <row r="1784" spans="1:4" x14ac:dyDescent="0.4">
      <c r="A1784">
        <v>3690202</v>
      </c>
      <c r="B1784" t="s">
        <v>1636</v>
      </c>
      <c r="C1784" t="s">
        <v>1708</v>
      </c>
      <c r="D1784" t="s">
        <v>1720</v>
      </c>
    </row>
    <row r="1785" spans="1:4" x14ac:dyDescent="0.4">
      <c r="A1785">
        <v>3690211</v>
      </c>
      <c r="B1785" t="s">
        <v>1636</v>
      </c>
      <c r="C1785" t="s">
        <v>1708</v>
      </c>
      <c r="D1785" t="s">
        <v>1721</v>
      </c>
    </row>
    <row r="1786" spans="1:4" x14ac:dyDescent="0.4">
      <c r="A1786">
        <v>3660837</v>
      </c>
      <c r="B1786" t="s">
        <v>1636</v>
      </c>
      <c r="C1786" t="s">
        <v>1708</v>
      </c>
      <c r="D1786" t="s">
        <v>1722</v>
      </c>
    </row>
    <row r="1787" spans="1:4" x14ac:dyDescent="0.4">
      <c r="A1787">
        <v>3691246</v>
      </c>
      <c r="B1787" t="s">
        <v>1636</v>
      </c>
      <c r="C1787" t="s">
        <v>1708</v>
      </c>
      <c r="D1787" t="s">
        <v>1723</v>
      </c>
    </row>
    <row r="1788" spans="1:4" x14ac:dyDescent="0.4">
      <c r="A1788">
        <v>3660812</v>
      </c>
      <c r="B1788" t="s">
        <v>1636</v>
      </c>
      <c r="C1788" t="s">
        <v>1708</v>
      </c>
      <c r="D1788" t="s">
        <v>1724</v>
      </c>
    </row>
    <row r="1789" spans="1:4" x14ac:dyDescent="0.4">
      <c r="A1789">
        <v>3660816</v>
      </c>
      <c r="B1789" t="s">
        <v>1636</v>
      </c>
      <c r="C1789" t="s">
        <v>1708</v>
      </c>
      <c r="D1789" t="s">
        <v>1725</v>
      </c>
    </row>
    <row r="1790" spans="1:4" x14ac:dyDescent="0.4">
      <c r="A1790">
        <v>3660817</v>
      </c>
      <c r="B1790" t="s">
        <v>1636</v>
      </c>
      <c r="C1790" t="s">
        <v>1708</v>
      </c>
      <c r="D1790" t="s">
        <v>1726</v>
      </c>
    </row>
    <row r="1791" spans="1:4" x14ac:dyDescent="0.4">
      <c r="A1791">
        <v>3660051</v>
      </c>
      <c r="B1791" t="s">
        <v>1636</v>
      </c>
      <c r="C1791" t="s">
        <v>1708</v>
      </c>
      <c r="D1791" t="s">
        <v>1727</v>
      </c>
    </row>
    <row r="1792" spans="1:4" x14ac:dyDescent="0.4">
      <c r="A1792">
        <v>3660052</v>
      </c>
      <c r="B1792" t="s">
        <v>1636</v>
      </c>
      <c r="C1792" t="s">
        <v>1708</v>
      </c>
      <c r="D1792" t="s">
        <v>1728</v>
      </c>
    </row>
    <row r="1793" spans="1:4" x14ac:dyDescent="0.4">
      <c r="A1793">
        <v>3660004</v>
      </c>
      <c r="B1793" t="s">
        <v>1636</v>
      </c>
      <c r="C1793" t="s">
        <v>1708</v>
      </c>
      <c r="D1793" t="s">
        <v>1729</v>
      </c>
    </row>
    <row r="1794" spans="1:4" x14ac:dyDescent="0.4">
      <c r="A1794">
        <v>3691109</v>
      </c>
      <c r="B1794" t="s">
        <v>1636</v>
      </c>
      <c r="C1794" t="s">
        <v>1708</v>
      </c>
      <c r="D1794" t="s">
        <v>611</v>
      </c>
    </row>
    <row r="1795" spans="1:4" x14ac:dyDescent="0.4">
      <c r="A1795">
        <v>3660021</v>
      </c>
      <c r="B1795" t="s">
        <v>1636</v>
      </c>
      <c r="C1795" t="s">
        <v>1708</v>
      </c>
      <c r="D1795" t="s">
        <v>1730</v>
      </c>
    </row>
    <row r="1796" spans="1:4" x14ac:dyDescent="0.4">
      <c r="A1796">
        <v>3660818</v>
      </c>
      <c r="B1796" t="s">
        <v>1636</v>
      </c>
      <c r="C1796" t="s">
        <v>1708</v>
      </c>
      <c r="D1796" t="s">
        <v>1731</v>
      </c>
    </row>
    <row r="1797" spans="1:4" x14ac:dyDescent="0.4">
      <c r="A1797">
        <v>3691103</v>
      </c>
      <c r="B1797" t="s">
        <v>1636</v>
      </c>
      <c r="C1797" t="s">
        <v>1708</v>
      </c>
      <c r="D1797" t="s">
        <v>1732</v>
      </c>
    </row>
    <row r="1798" spans="1:4" x14ac:dyDescent="0.4">
      <c r="A1798">
        <v>3660008</v>
      </c>
      <c r="B1798" t="s">
        <v>1636</v>
      </c>
      <c r="C1798" t="s">
        <v>1708</v>
      </c>
      <c r="D1798" t="s">
        <v>1733</v>
      </c>
    </row>
    <row r="1799" spans="1:4" x14ac:dyDescent="0.4">
      <c r="A1799">
        <v>3691242</v>
      </c>
      <c r="B1799" t="s">
        <v>1636</v>
      </c>
      <c r="C1799" t="s">
        <v>1708</v>
      </c>
      <c r="D1799" t="s">
        <v>1666</v>
      </c>
    </row>
    <row r="1800" spans="1:4" x14ac:dyDescent="0.4">
      <c r="A1800">
        <v>3660815</v>
      </c>
      <c r="B1800" t="s">
        <v>1636</v>
      </c>
      <c r="C1800" t="s">
        <v>1708</v>
      </c>
      <c r="D1800" t="s">
        <v>1734</v>
      </c>
    </row>
    <row r="1801" spans="1:4" x14ac:dyDescent="0.4">
      <c r="A1801">
        <v>3690212</v>
      </c>
      <c r="B1801" t="s">
        <v>1636</v>
      </c>
      <c r="C1801" t="s">
        <v>1708</v>
      </c>
      <c r="D1801" t="s">
        <v>1735</v>
      </c>
    </row>
    <row r="1802" spans="1:4" x14ac:dyDescent="0.4">
      <c r="A1802">
        <v>3690225</v>
      </c>
      <c r="B1802" t="s">
        <v>1636</v>
      </c>
      <c r="C1802" t="s">
        <v>1708</v>
      </c>
      <c r="D1802" t="s">
        <v>1736</v>
      </c>
    </row>
    <row r="1803" spans="1:4" x14ac:dyDescent="0.4">
      <c r="A1803">
        <v>3691244</v>
      </c>
      <c r="B1803" t="s">
        <v>1636</v>
      </c>
      <c r="C1803" t="s">
        <v>1708</v>
      </c>
      <c r="D1803" t="s">
        <v>1737</v>
      </c>
    </row>
    <row r="1804" spans="1:4" x14ac:dyDescent="0.4">
      <c r="A1804">
        <v>3660033</v>
      </c>
      <c r="B1804" t="s">
        <v>1636</v>
      </c>
      <c r="C1804" t="s">
        <v>1708</v>
      </c>
      <c r="D1804" t="s">
        <v>1738</v>
      </c>
    </row>
    <row r="1805" spans="1:4" x14ac:dyDescent="0.4">
      <c r="A1805">
        <v>3660031</v>
      </c>
      <c r="B1805" t="s">
        <v>1636</v>
      </c>
      <c r="C1805" t="s">
        <v>1708</v>
      </c>
      <c r="D1805" t="s">
        <v>1739</v>
      </c>
    </row>
    <row r="1806" spans="1:4" x14ac:dyDescent="0.4">
      <c r="A1806">
        <v>3660025</v>
      </c>
      <c r="B1806" t="s">
        <v>1636</v>
      </c>
      <c r="C1806" t="s">
        <v>1708</v>
      </c>
      <c r="D1806" t="s">
        <v>1740</v>
      </c>
    </row>
    <row r="1807" spans="1:4" x14ac:dyDescent="0.4">
      <c r="A1807">
        <v>3660813</v>
      </c>
      <c r="B1807" t="s">
        <v>1636</v>
      </c>
      <c r="C1807" t="s">
        <v>1708</v>
      </c>
      <c r="D1807" t="s">
        <v>1672</v>
      </c>
    </row>
    <row r="1808" spans="1:4" x14ac:dyDescent="0.4">
      <c r="A1808">
        <v>3660827</v>
      </c>
      <c r="B1808" t="s">
        <v>1636</v>
      </c>
      <c r="C1808" t="s">
        <v>1708</v>
      </c>
      <c r="D1808" t="s">
        <v>255</v>
      </c>
    </row>
    <row r="1809" spans="1:4" x14ac:dyDescent="0.4">
      <c r="A1809">
        <v>3660802</v>
      </c>
      <c r="B1809" t="s">
        <v>1636</v>
      </c>
      <c r="C1809" t="s">
        <v>1708</v>
      </c>
      <c r="D1809" t="s">
        <v>1741</v>
      </c>
    </row>
    <row r="1810" spans="1:4" x14ac:dyDescent="0.4">
      <c r="A1810">
        <v>3660002</v>
      </c>
      <c r="B1810" t="s">
        <v>1636</v>
      </c>
      <c r="C1810" t="s">
        <v>1708</v>
      </c>
      <c r="D1810" t="s">
        <v>1742</v>
      </c>
    </row>
    <row r="1811" spans="1:4" x14ac:dyDescent="0.4">
      <c r="A1811">
        <v>3660810</v>
      </c>
      <c r="B1811" t="s">
        <v>1636</v>
      </c>
      <c r="C1811" t="s">
        <v>1708</v>
      </c>
      <c r="D1811" t="s">
        <v>1743</v>
      </c>
    </row>
    <row r="1812" spans="1:4" x14ac:dyDescent="0.4">
      <c r="A1812">
        <v>3660029</v>
      </c>
      <c r="B1812" t="s">
        <v>1636</v>
      </c>
      <c r="C1812" t="s">
        <v>1708</v>
      </c>
      <c r="D1812" t="s">
        <v>1744</v>
      </c>
    </row>
    <row r="1813" spans="1:4" x14ac:dyDescent="0.4">
      <c r="A1813">
        <v>3691106</v>
      </c>
      <c r="B1813" t="s">
        <v>1636</v>
      </c>
      <c r="C1813" t="s">
        <v>1708</v>
      </c>
      <c r="D1813" t="s">
        <v>1745</v>
      </c>
    </row>
    <row r="1814" spans="1:4" x14ac:dyDescent="0.4">
      <c r="A1814">
        <v>3660019</v>
      </c>
      <c r="B1814" t="s">
        <v>1636</v>
      </c>
      <c r="C1814" t="s">
        <v>1708</v>
      </c>
      <c r="D1814" t="s">
        <v>1746</v>
      </c>
    </row>
    <row r="1815" spans="1:4" x14ac:dyDescent="0.4">
      <c r="A1815">
        <v>3691104</v>
      </c>
      <c r="B1815" t="s">
        <v>1636</v>
      </c>
      <c r="C1815" t="s">
        <v>1708</v>
      </c>
      <c r="D1815" t="s">
        <v>1747</v>
      </c>
    </row>
    <row r="1816" spans="1:4" x14ac:dyDescent="0.4">
      <c r="A1816">
        <v>3691102</v>
      </c>
      <c r="B1816" t="s">
        <v>1636</v>
      </c>
      <c r="C1816" t="s">
        <v>1708</v>
      </c>
      <c r="D1816" t="s">
        <v>1748</v>
      </c>
    </row>
    <row r="1817" spans="1:4" x14ac:dyDescent="0.4">
      <c r="A1817">
        <v>3660010</v>
      </c>
      <c r="B1817" t="s">
        <v>1636</v>
      </c>
      <c r="C1817" t="s">
        <v>1708</v>
      </c>
      <c r="D1817" t="s">
        <v>1749</v>
      </c>
    </row>
    <row r="1818" spans="1:4" x14ac:dyDescent="0.4">
      <c r="A1818">
        <v>3660832</v>
      </c>
      <c r="B1818" t="s">
        <v>1636</v>
      </c>
      <c r="C1818" t="s">
        <v>1708</v>
      </c>
      <c r="D1818" t="s">
        <v>1750</v>
      </c>
    </row>
    <row r="1819" spans="1:4" x14ac:dyDescent="0.4">
      <c r="A1819">
        <v>3660826</v>
      </c>
      <c r="B1819" t="s">
        <v>1636</v>
      </c>
      <c r="C1819" t="s">
        <v>1708</v>
      </c>
      <c r="D1819" t="s">
        <v>1751</v>
      </c>
    </row>
    <row r="1820" spans="1:4" x14ac:dyDescent="0.4">
      <c r="A1820">
        <v>3691108</v>
      </c>
      <c r="B1820" t="s">
        <v>1636</v>
      </c>
      <c r="C1820" t="s">
        <v>1708</v>
      </c>
      <c r="D1820" t="s">
        <v>443</v>
      </c>
    </row>
    <row r="1821" spans="1:4" x14ac:dyDescent="0.4">
      <c r="A1821">
        <v>3660821</v>
      </c>
      <c r="B1821" t="s">
        <v>1636</v>
      </c>
      <c r="C1821" t="s">
        <v>1708</v>
      </c>
      <c r="D1821" t="s">
        <v>1752</v>
      </c>
    </row>
    <row r="1822" spans="1:4" x14ac:dyDescent="0.4">
      <c r="A1822">
        <v>3660006</v>
      </c>
      <c r="B1822" t="s">
        <v>1636</v>
      </c>
      <c r="C1822" t="s">
        <v>1708</v>
      </c>
      <c r="D1822" t="s">
        <v>1753</v>
      </c>
    </row>
    <row r="1823" spans="1:4" x14ac:dyDescent="0.4">
      <c r="A1823">
        <v>3660027</v>
      </c>
      <c r="B1823" t="s">
        <v>1636</v>
      </c>
      <c r="C1823" t="s">
        <v>1708</v>
      </c>
      <c r="D1823" t="s">
        <v>1582</v>
      </c>
    </row>
    <row r="1824" spans="1:4" x14ac:dyDescent="0.4">
      <c r="A1824">
        <v>3660034</v>
      </c>
      <c r="B1824" t="s">
        <v>1636</v>
      </c>
      <c r="C1824" t="s">
        <v>1708</v>
      </c>
      <c r="D1824" t="s">
        <v>1754</v>
      </c>
    </row>
    <row r="1825" spans="1:4" x14ac:dyDescent="0.4">
      <c r="A1825">
        <v>3660833</v>
      </c>
      <c r="B1825" t="s">
        <v>1636</v>
      </c>
      <c r="C1825" t="s">
        <v>1708</v>
      </c>
      <c r="D1825" t="s">
        <v>1755</v>
      </c>
    </row>
    <row r="1826" spans="1:4" x14ac:dyDescent="0.4">
      <c r="A1826">
        <v>3691101</v>
      </c>
      <c r="B1826" t="s">
        <v>1636</v>
      </c>
      <c r="C1826" t="s">
        <v>1708</v>
      </c>
      <c r="D1826" t="s">
        <v>1756</v>
      </c>
    </row>
    <row r="1827" spans="1:4" x14ac:dyDescent="0.4">
      <c r="A1827">
        <v>3660001</v>
      </c>
      <c r="B1827" t="s">
        <v>1636</v>
      </c>
      <c r="C1827" t="s">
        <v>1708</v>
      </c>
      <c r="D1827" t="s">
        <v>1757</v>
      </c>
    </row>
    <row r="1828" spans="1:4" x14ac:dyDescent="0.4">
      <c r="A1828">
        <v>3691243</v>
      </c>
      <c r="B1828" t="s">
        <v>1636</v>
      </c>
      <c r="C1828" t="s">
        <v>1708</v>
      </c>
      <c r="D1828" t="s">
        <v>1758</v>
      </c>
    </row>
    <row r="1829" spans="1:4" x14ac:dyDescent="0.4">
      <c r="A1829">
        <v>3660822</v>
      </c>
      <c r="B1829" t="s">
        <v>1636</v>
      </c>
      <c r="C1829" t="s">
        <v>1708</v>
      </c>
      <c r="D1829" t="s">
        <v>802</v>
      </c>
    </row>
    <row r="1830" spans="1:4" x14ac:dyDescent="0.4">
      <c r="A1830">
        <v>3660018</v>
      </c>
      <c r="B1830" t="s">
        <v>1636</v>
      </c>
      <c r="C1830" t="s">
        <v>1708</v>
      </c>
      <c r="D1830" t="s">
        <v>1759</v>
      </c>
    </row>
    <row r="1831" spans="1:4" x14ac:dyDescent="0.4">
      <c r="A1831">
        <v>3660829</v>
      </c>
      <c r="B1831" t="s">
        <v>1636</v>
      </c>
      <c r="C1831" t="s">
        <v>1708</v>
      </c>
      <c r="D1831" t="s">
        <v>1760</v>
      </c>
    </row>
    <row r="1832" spans="1:4" x14ac:dyDescent="0.4">
      <c r="A1832">
        <v>3660824</v>
      </c>
      <c r="B1832" t="s">
        <v>1636</v>
      </c>
      <c r="C1832" t="s">
        <v>1708</v>
      </c>
      <c r="D1832" t="s">
        <v>1761</v>
      </c>
    </row>
    <row r="1833" spans="1:4" x14ac:dyDescent="0.4">
      <c r="A1833">
        <v>3690224</v>
      </c>
      <c r="B1833" t="s">
        <v>1636</v>
      </c>
      <c r="C1833" t="s">
        <v>1708</v>
      </c>
      <c r="D1833" t="s">
        <v>1762</v>
      </c>
    </row>
    <row r="1834" spans="1:4" x14ac:dyDescent="0.4">
      <c r="A1834">
        <v>3660017</v>
      </c>
      <c r="B1834" t="s">
        <v>1636</v>
      </c>
      <c r="C1834" t="s">
        <v>1708</v>
      </c>
      <c r="D1834" t="s">
        <v>1763</v>
      </c>
    </row>
    <row r="1835" spans="1:4" x14ac:dyDescent="0.4">
      <c r="A1835">
        <v>3660015</v>
      </c>
      <c r="B1835" t="s">
        <v>1636</v>
      </c>
      <c r="C1835" t="s">
        <v>1708</v>
      </c>
      <c r="D1835" t="s">
        <v>1764</v>
      </c>
    </row>
    <row r="1836" spans="1:4" x14ac:dyDescent="0.4">
      <c r="A1836">
        <v>3691107</v>
      </c>
      <c r="B1836" t="s">
        <v>1636</v>
      </c>
      <c r="C1836" t="s">
        <v>1708</v>
      </c>
      <c r="D1836" t="s">
        <v>1765</v>
      </c>
    </row>
    <row r="1837" spans="1:4" x14ac:dyDescent="0.4">
      <c r="A1837">
        <v>3660032</v>
      </c>
      <c r="B1837" t="s">
        <v>1636</v>
      </c>
      <c r="C1837" t="s">
        <v>1708</v>
      </c>
      <c r="D1837" t="s">
        <v>1766</v>
      </c>
    </row>
    <row r="1838" spans="1:4" x14ac:dyDescent="0.4">
      <c r="A1838">
        <v>3660035</v>
      </c>
      <c r="B1838" t="s">
        <v>1636</v>
      </c>
      <c r="C1838" t="s">
        <v>1708</v>
      </c>
      <c r="D1838" t="s">
        <v>1767</v>
      </c>
    </row>
    <row r="1839" spans="1:4" x14ac:dyDescent="0.4">
      <c r="A1839">
        <v>3690213</v>
      </c>
      <c r="B1839" t="s">
        <v>1636</v>
      </c>
      <c r="C1839" t="s">
        <v>1708</v>
      </c>
      <c r="D1839" t="s">
        <v>1768</v>
      </c>
    </row>
    <row r="1840" spans="1:4" x14ac:dyDescent="0.4">
      <c r="A1840">
        <v>3690223</v>
      </c>
      <c r="B1840" t="s">
        <v>1636</v>
      </c>
      <c r="C1840" t="s">
        <v>1708</v>
      </c>
      <c r="D1840" t="s">
        <v>1769</v>
      </c>
    </row>
    <row r="1841" spans="1:4" x14ac:dyDescent="0.4">
      <c r="A1841">
        <v>3690221</v>
      </c>
      <c r="B1841" t="s">
        <v>1636</v>
      </c>
      <c r="C1841" t="s">
        <v>1708</v>
      </c>
      <c r="D1841" t="s">
        <v>1770</v>
      </c>
    </row>
    <row r="1842" spans="1:4" x14ac:dyDescent="0.4">
      <c r="A1842">
        <v>3660828</v>
      </c>
      <c r="B1842" t="s">
        <v>1636</v>
      </c>
      <c r="C1842" t="s">
        <v>1708</v>
      </c>
      <c r="D1842" t="s">
        <v>1771</v>
      </c>
    </row>
    <row r="1843" spans="1:4" x14ac:dyDescent="0.4">
      <c r="A1843">
        <v>3660041</v>
      </c>
      <c r="B1843" t="s">
        <v>1636</v>
      </c>
      <c r="C1843" t="s">
        <v>1708</v>
      </c>
      <c r="D1843" t="s">
        <v>1772</v>
      </c>
    </row>
    <row r="1844" spans="1:4" x14ac:dyDescent="0.4">
      <c r="A1844">
        <v>3660042</v>
      </c>
      <c r="B1844" t="s">
        <v>1636</v>
      </c>
      <c r="C1844" t="s">
        <v>1708</v>
      </c>
      <c r="D1844" t="s">
        <v>1773</v>
      </c>
    </row>
    <row r="1845" spans="1:4" x14ac:dyDescent="0.4">
      <c r="A1845">
        <v>3660811</v>
      </c>
      <c r="B1845" t="s">
        <v>1636</v>
      </c>
      <c r="C1845" t="s">
        <v>1708</v>
      </c>
      <c r="D1845" t="s">
        <v>1774</v>
      </c>
    </row>
    <row r="1846" spans="1:4" x14ac:dyDescent="0.4">
      <c r="A1846">
        <v>3660825</v>
      </c>
      <c r="B1846" t="s">
        <v>1636</v>
      </c>
      <c r="C1846" t="s">
        <v>1708</v>
      </c>
      <c r="D1846" t="s">
        <v>1775</v>
      </c>
    </row>
    <row r="1847" spans="1:4" x14ac:dyDescent="0.4">
      <c r="A1847">
        <v>3690203</v>
      </c>
      <c r="B1847" t="s">
        <v>1636</v>
      </c>
      <c r="C1847" t="s">
        <v>1708</v>
      </c>
      <c r="D1847" t="s">
        <v>1776</v>
      </c>
    </row>
    <row r="1848" spans="1:4" x14ac:dyDescent="0.4">
      <c r="A1848">
        <v>3660014</v>
      </c>
      <c r="B1848" t="s">
        <v>1636</v>
      </c>
      <c r="C1848" t="s">
        <v>1708</v>
      </c>
      <c r="D1848" t="s">
        <v>1777</v>
      </c>
    </row>
    <row r="1849" spans="1:4" x14ac:dyDescent="0.4">
      <c r="A1849">
        <v>3660013</v>
      </c>
      <c r="B1849" t="s">
        <v>1636</v>
      </c>
      <c r="C1849" t="s">
        <v>1708</v>
      </c>
      <c r="D1849" t="s">
        <v>1778</v>
      </c>
    </row>
    <row r="1850" spans="1:4" x14ac:dyDescent="0.4">
      <c r="A1850">
        <v>3690214</v>
      </c>
      <c r="B1850" t="s">
        <v>1636</v>
      </c>
      <c r="C1850" t="s">
        <v>1708</v>
      </c>
      <c r="D1850" t="s">
        <v>210</v>
      </c>
    </row>
    <row r="1851" spans="1:4" x14ac:dyDescent="0.4">
      <c r="A1851">
        <v>3691105</v>
      </c>
      <c r="B1851" t="s">
        <v>1636</v>
      </c>
      <c r="C1851" t="s">
        <v>1708</v>
      </c>
      <c r="D1851" t="s">
        <v>1779</v>
      </c>
    </row>
    <row r="1852" spans="1:4" x14ac:dyDescent="0.4">
      <c r="A1852">
        <v>3660022</v>
      </c>
      <c r="B1852" t="s">
        <v>1636</v>
      </c>
      <c r="C1852" t="s">
        <v>1708</v>
      </c>
      <c r="D1852" t="s">
        <v>1780</v>
      </c>
    </row>
    <row r="1853" spans="1:4" x14ac:dyDescent="0.4">
      <c r="A1853">
        <v>3660834</v>
      </c>
      <c r="B1853" t="s">
        <v>1636</v>
      </c>
      <c r="C1853" t="s">
        <v>1708</v>
      </c>
      <c r="D1853" t="s">
        <v>1781</v>
      </c>
    </row>
    <row r="1854" spans="1:4" x14ac:dyDescent="0.4">
      <c r="A1854">
        <v>3660005</v>
      </c>
      <c r="B1854" t="s">
        <v>1636</v>
      </c>
      <c r="C1854" t="s">
        <v>1708</v>
      </c>
      <c r="D1854" t="s">
        <v>1782</v>
      </c>
    </row>
    <row r="1855" spans="1:4" x14ac:dyDescent="0.4">
      <c r="A1855">
        <v>3660054</v>
      </c>
      <c r="B1855" t="s">
        <v>1636</v>
      </c>
      <c r="C1855" t="s">
        <v>1708</v>
      </c>
      <c r="D1855" t="s">
        <v>506</v>
      </c>
    </row>
    <row r="1856" spans="1:4" x14ac:dyDescent="0.4">
      <c r="A1856">
        <v>1706018</v>
      </c>
      <c r="B1856" t="s">
        <v>815</v>
      </c>
      <c r="C1856" t="s">
        <v>1319</v>
      </c>
      <c r="D1856" t="s">
        <v>1783</v>
      </c>
    </row>
    <row r="1857" spans="1:4" x14ac:dyDescent="0.4">
      <c r="A1857">
        <v>1706016</v>
      </c>
      <c r="B1857" t="s">
        <v>815</v>
      </c>
      <c r="C1857" t="s">
        <v>1319</v>
      </c>
      <c r="D1857" t="s">
        <v>1784</v>
      </c>
    </row>
    <row r="1858" spans="1:4" x14ac:dyDescent="0.4">
      <c r="A1858">
        <v>3306019</v>
      </c>
      <c r="B1858" t="s">
        <v>1636</v>
      </c>
      <c r="C1858" t="s">
        <v>1637</v>
      </c>
      <c r="D1858" t="s">
        <v>1785</v>
      </c>
    </row>
    <row r="1859" spans="1:4" x14ac:dyDescent="0.4">
      <c r="A1859">
        <v>3306020</v>
      </c>
      <c r="B1859" t="s">
        <v>1636</v>
      </c>
      <c r="C1859" t="s">
        <v>1637</v>
      </c>
      <c r="D1859" t="s">
        <v>1786</v>
      </c>
    </row>
    <row r="1860" spans="1:4" x14ac:dyDescent="0.4">
      <c r="A1860">
        <v>3306021</v>
      </c>
      <c r="B1860" t="s">
        <v>1636</v>
      </c>
      <c r="C1860" t="s">
        <v>1637</v>
      </c>
      <c r="D1860" t="s">
        <v>1787</v>
      </c>
    </row>
    <row r="1861" spans="1:4" x14ac:dyDescent="0.4">
      <c r="A1861">
        <v>3306022</v>
      </c>
      <c r="B1861" t="s">
        <v>1636</v>
      </c>
      <c r="C1861" t="s">
        <v>1637</v>
      </c>
      <c r="D1861" t="s">
        <v>1788</v>
      </c>
    </row>
    <row r="1862" spans="1:4" x14ac:dyDescent="0.4">
      <c r="A1862">
        <v>3306023</v>
      </c>
      <c r="B1862" t="s">
        <v>1636</v>
      </c>
      <c r="C1862" t="s">
        <v>1637</v>
      </c>
      <c r="D1862" t="s">
        <v>1789</v>
      </c>
    </row>
    <row r="1863" spans="1:4" x14ac:dyDescent="0.4">
      <c r="A1863">
        <v>3306024</v>
      </c>
      <c r="B1863" t="s">
        <v>1636</v>
      </c>
      <c r="C1863" t="s">
        <v>1637</v>
      </c>
      <c r="D1863" t="s">
        <v>1790</v>
      </c>
    </row>
    <row r="1864" spans="1:4" x14ac:dyDescent="0.4">
      <c r="A1864">
        <v>3306025</v>
      </c>
      <c r="B1864" t="s">
        <v>1636</v>
      </c>
      <c r="C1864" t="s">
        <v>1637</v>
      </c>
      <c r="D1864" t="s">
        <v>1791</v>
      </c>
    </row>
    <row r="1865" spans="1:4" x14ac:dyDescent="0.4">
      <c r="A1865">
        <v>3306026</v>
      </c>
      <c r="B1865" t="s">
        <v>1636</v>
      </c>
      <c r="C1865" t="s">
        <v>1637</v>
      </c>
      <c r="D1865" t="s">
        <v>1792</v>
      </c>
    </row>
    <row r="1866" spans="1:4" x14ac:dyDescent="0.4">
      <c r="A1866">
        <v>3306027</v>
      </c>
      <c r="B1866" t="s">
        <v>1636</v>
      </c>
      <c r="C1866" t="s">
        <v>1637</v>
      </c>
      <c r="D1866" t="s">
        <v>1793</v>
      </c>
    </row>
    <row r="1867" spans="1:4" x14ac:dyDescent="0.4">
      <c r="A1867">
        <v>3306028</v>
      </c>
      <c r="B1867" t="s">
        <v>1636</v>
      </c>
      <c r="C1867" t="s">
        <v>1637</v>
      </c>
      <c r="D1867" t="s">
        <v>1794</v>
      </c>
    </row>
    <row r="1868" spans="1:4" x14ac:dyDescent="0.4">
      <c r="A1868">
        <v>3306029</v>
      </c>
      <c r="B1868" t="s">
        <v>1636</v>
      </c>
      <c r="C1868" t="s">
        <v>1637</v>
      </c>
      <c r="D1868" t="s">
        <v>1795</v>
      </c>
    </row>
    <row r="1869" spans="1:4" x14ac:dyDescent="0.4">
      <c r="A1869">
        <v>3306030</v>
      </c>
      <c r="B1869" t="s">
        <v>1636</v>
      </c>
      <c r="C1869" t="s">
        <v>1637</v>
      </c>
      <c r="D1869" t="s">
        <v>1796</v>
      </c>
    </row>
    <row r="1870" spans="1:4" x14ac:dyDescent="0.4">
      <c r="A1870">
        <v>3306031</v>
      </c>
      <c r="B1870" t="s">
        <v>1636</v>
      </c>
      <c r="C1870" t="s">
        <v>1637</v>
      </c>
      <c r="D1870" t="s">
        <v>1797</v>
      </c>
    </row>
    <row r="1871" spans="1:4" x14ac:dyDescent="0.4">
      <c r="A1871">
        <v>3306032</v>
      </c>
      <c r="B1871" t="s">
        <v>1636</v>
      </c>
      <c r="C1871" t="s">
        <v>1637</v>
      </c>
      <c r="D1871" t="s">
        <v>1798</v>
      </c>
    </row>
    <row r="1872" spans="1:4" x14ac:dyDescent="0.4">
      <c r="A1872">
        <v>3306033</v>
      </c>
      <c r="B1872" t="s">
        <v>1636</v>
      </c>
      <c r="C1872" t="s">
        <v>1637</v>
      </c>
      <c r="D1872" t="s">
        <v>1799</v>
      </c>
    </row>
    <row r="1873" spans="1:4" x14ac:dyDescent="0.4">
      <c r="A1873">
        <v>3306034</v>
      </c>
      <c r="B1873" t="s">
        <v>1636</v>
      </c>
      <c r="C1873" t="s">
        <v>1637</v>
      </c>
      <c r="D1873" t="s">
        <v>1800</v>
      </c>
    </row>
    <row r="1874" spans="1:4" x14ac:dyDescent="0.4">
      <c r="A1874">
        <v>3306035</v>
      </c>
      <c r="B1874" t="s">
        <v>1636</v>
      </c>
      <c r="C1874" t="s">
        <v>1637</v>
      </c>
      <c r="D1874" t="s">
        <v>1801</v>
      </c>
    </row>
    <row r="1875" spans="1:4" x14ac:dyDescent="0.4">
      <c r="A1875">
        <v>3380011</v>
      </c>
      <c r="B1875" t="s">
        <v>1636</v>
      </c>
      <c r="C1875" t="s">
        <v>1637</v>
      </c>
      <c r="D1875" t="s">
        <v>1802</v>
      </c>
    </row>
    <row r="1876" spans="1:4" x14ac:dyDescent="0.4">
      <c r="A1876">
        <v>3380013</v>
      </c>
      <c r="B1876" t="s">
        <v>1636</v>
      </c>
      <c r="C1876" t="s">
        <v>1637</v>
      </c>
      <c r="D1876" t="s">
        <v>1803</v>
      </c>
    </row>
    <row r="1877" spans="1:4" x14ac:dyDescent="0.4">
      <c r="A1877">
        <v>3380006</v>
      </c>
      <c r="B1877" t="s">
        <v>1636</v>
      </c>
      <c r="C1877" t="s">
        <v>1637</v>
      </c>
      <c r="D1877" t="s">
        <v>1804</v>
      </c>
    </row>
    <row r="1878" spans="1:4" x14ac:dyDescent="0.4">
      <c r="A1878">
        <v>3380004</v>
      </c>
      <c r="B1878" t="s">
        <v>1636</v>
      </c>
      <c r="C1878" t="s">
        <v>1637</v>
      </c>
      <c r="D1878" t="s">
        <v>1805</v>
      </c>
    </row>
    <row r="1879" spans="1:4" x14ac:dyDescent="0.4">
      <c r="A1879">
        <v>3380003</v>
      </c>
      <c r="B1879" t="s">
        <v>1636</v>
      </c>
      <c r="C1879" t="s">
        <v>1637</v>
      </c>
      <c r="D1879" t="s">
        <v>1806</v>
      </c>
    </row>
    <row r="1880" spans="1:4" x14ac:dyDescent="0.4">
      <c r="A1880">
        <v>3380800</v>
      </c>
      <c r="B1880" t="s">
        <v>1636</v>
      </c>
      <c r="C1880" t="s">
        <v>1807</v>
      </c>
    </row>
    <row r="1881" spans="1:4" x14ac:dyDescent="0.4">
      <c r="A1881">
        <v>3380826</v>
      </c>
      <c r="B1881" t="s">
        <v>1636</v>
      </c>
      <c r="C1881" t="s">
        <v>1807</v>
      </c>
      <c r="D1881" t="s">
        <v>1808</v>
      </c>
    </row>
    <row r="1882" spans="1:4" x14ac:dyDescent="0.4">
      <c r="A1882">
        <v>3380824</v>
      </c>
      <c r="B1882" t="s">
        <v>1636</v>
      </c>
      <c r="C1882" t="s">
        <v>1807</v>
      </c>
      <c r="D1882" t="s">
        <v>1809</v>
      </c>
    </row>
    <row r="1883" spans="1:4" x14ac:dyDescent="0.4">
      <c r="A1883">
        <v>3380815</v>
      </c>
      <c r="B1883" t="s">
        <v>1636</v>
      </c>
      <c r="C1883" t="s">
        <v>1807</v>
      </c>
      <c r="D1883" t="s">
        <v>1810</v>
      </c>
    </row>
    <row r="1884" spans="1:4" x14ac:dyDescent="0.4">
      <c r="A1884">
        <v>3380813</v>
      </c>
      <c r="B1884" t="s">
        <v>1636</v>
      </c>
      <c r="C1884" t="s">
        <v>1807</v>
      </c>
      <c r="D1884" t="s">
        <v>1811</v>
      </c>
    </row>
    <row r="1885" spans="1:4" x14ac:dyDescent="0.4">
      <c r="A1885">
        <v>3380823</v>
      </c>
      <c r="B1885" t="s">
        <v>1636</v>
      </c>
      <c r="C1885" t="s">
        <v>1807</v>
      </c>
      <c r="D1885" t="s">
        <v>1812</v>
      </c>
    </row>
    <row r="1886" spans="1:4" x14ac:dyDescent="0.4">
      <c r="A1886">
        <v>3380833</v>
      </c>
      <c r="B1886" t="s">
        <v>1636</v>
      </c>
      <c r="C1886" t="s">
        <v>1807</v>
      </c>
      <c r="D1886" t="s">
        <v>1813</v>
      </c>
    </row>
    <row r="1887" spans="1:4" x14ac:dyDescent="0.4">
      <c r="A1887">
        <v>3380834</v>
      </c>
      <c r="B1887" t="s">
        <v>1636</v>
      </c>
      <c r="C1887" t="s">
        <v>1807</v>
      </c>
      <c r="D1887" t="s">
        <v>1814</v>
      </c>
    </row>
    <row r="1888" spans="1:4" x14ac:dyDescent="0.4">
      <c r="A1888">
        <v>3380825</v>
      </c>
      <c r="B1888" t="s">
        <v>1636</v>
      </c>
      <c r="C1888" t="s">
        <v>1807</v>
      </c>
      <c r="D1888" t="s">
        <v>1815</v>
      </c>
    </row>
    <row r="1889" spans="1:4" x14ac:dyDescent="0.4">
      <c r="A1889">
        <v>3380814</v>
      </c>
      <c r="B1889" t="s">
        <v>1636</v>
      </c>
      <c r="C1889" t="s">
        <v>1807</v>
      </c>
      <c r="D1889" t="s">
        <v>434</v>
      </c>
    </row>
    <row r="1890" spans="1:4" x14ac:dyDescent="0.4">
      <c r="A1890">
        <v>3380817</v>
      </c>
      <c r="B1890" t="s">
        <v>1636</v>
      </c>
      <c r="C1890" t="s">
        <v>1807</v>
      </c>
      <c r="D1890" t="s">
        <v>1816</v>
      </c>
    </row>
    <row r="1891" spans="1:4" x14ac:dyDescent="0.4">
      <c r="A1891">
        <v>3380811</v>
      </c>
      <c r="B1891" t="s">
        <v>1636</v>
      </c>
      <c r="C1891" t="s">
        <v>1807</v>
      </c>
      <c r="D1891" t="s">
        <v>1817</v>
      </c>
    </row>
    <row r="1892" spans="1:4" x14ac:dyDescent="0.4">
      <c r="A1892">
        <v>3380812</v>
      </c>
      <c r="B1892" t="s">
        <v>1636</v>
      </c>
      <c r="C1892" t="s">
        <v>1807</v>
      </c>
      <c r="D1892" t="s">
        <v>1818</v>
      </c>
    </row>
    <row r="1893" spans="1:4" x14ac:dyDescent="0.4">
      <c r="A1893">
        <v>3380837</v>
      </c>
      <c r="B1893" t="s">
        <v>1636</v>
      </c>
      <c r="C1893" t="s">
        <v>1807</v>
      </c>
      <c r="D1893" t="s">
        <v>1819</v>
      </c>
    </row>
    <row r="1894" spans="1:4" x14ac:dyDescent="0.4">
      <c r="A1894">
        <v>3380816</v>
      </c>
      <c r="B1894" t="s">
        <v>1636</v>
      </c>
      <c r="C1894" t="s">
        <v>1807</v>
      </c>
      <c r="D1894" t="s">
        <v>1820</v>
      </c>
    </row>
    <row r="1895" spans="1:4" x14ac:dyDescent="0.4">
      <c r="A1895">
        <v>3380835</v>
      </c>
      <c r="B1895" t="s">
        <v>1636</v>
      </c>
      <c r="C1895" t="s">
        <v>1807</v>
      </c>
      <c r="D1895" t="s">
        <v>1821</v>
      </c>
    </row>
    <row r="1896" spans="1:4" x14ac:dyDescent="0.4">
      <c r="A1896">
        <v>3380822</v>
      </c>
      <c r="B1896" t="s">
        <v>1636</v>
      </c>
      <c r="C1896" t="s">
        <v>1807</v>
      </c>
      <c r="D1896" t="s">
        <v>192</v>
      </c>
    </row>
    <row r="1897" spans="1:4" x14ac:dyDescent="0.4">
      <c r="A1897">
        <v>3380832</v>
      </c>
      <c r="B1897" t="s">
        <v>1636</v>
      </c>
      <c r="C1897" t="s">
        <v>1807</v>
      </c>
      <c r="D1897" t="s">
        <v>1822</v>
      </c>
    </row>
    <row r="1898" spans="1:4" x14ac:dyDescent="0.4">
      <c r="A1898">
        <v>3380836</v>
      </c>
      <c r="B1898" t="s">
        <v>1636</v>
      </c>
      <c r="C1898" t="s">
        <v>1807</v>
      </c>
      <c r="D1898" t="s">
        <v>1823</v>
      </c>
    </row>
    <row r="1899" spans="1:4" x14ac:dyDescent="0.4">
      <c r="A1899">
        <v>3380831</v>
      </c>
      <c r="B1899" t="s">
        <v>1636</v>
      </c>
      <c r="C1899" t="s">
        <v>1807</v>
      </c>
      <c r="D1899" t="s">
        <v>1824</v>
      </c>
    </row>
    <row r="1900" spans="1:4" x14ac:dyDescent="0.4">
      <c r="A1900">
        <v>3380821</v>
      </c>
      <c r="B1900" t="s">
        <v>1636</v>
      </c>
      <c r="C1900" t="s">
        <v>1807</v>
      </c>
      <c r="D1900" t="s">
        <v>1825</v>
      </c>
    </row>
    <row r="1901" spans="1:4" x14ac:dyDescent="0.4">
      <c r="A1901">
        <v>3300000</v>
      </c>
      <c r="B1901" t="s">
        <v>1636</v>
      </c>
      <c r="C1901" t="s">
        <v>1826</v>
      </c>
    </row>
    <row r="1902" spans="1:4" x14ac:dyDescent="0.4">
      <c r="A1902">
        <v>3300046</v>
      </c>
      <c r="B1902" t="s">
        <v>1636</v>
      </c>
      <c r="C1902" t="s">
        <v>1826</v>
      </c>
      <c r="D1902" t="s">
        <v>1827</v>
      </c>
    </row>
    <row r="1903" spans="1:4" x14ac:dyDescent="0.4">
      <c r="A1903">
        <v>3300071</v>
      </c>
      <c r="B1903" t="s">
        <v>1636</v>
      </c>
      <c r="C1903" t="s">
        <v>1826</v>
      </c>
      <c r="D1903" t="s">
        <v>1828</v>
      </c>
    </row>
    <row r="1904" spans="1:4" x14ac:dyDescent="0.4">
      <c r="A1904">
        <v>3300042</v>
      </c>
      <c r="B1904" t="s">
        <v>1636</v>
      </c>
      <c r="C1904" t="s">
        <v>1826</v>
      </c>
      <c r="D1904" t="s">
        <v>1829</v>
      </c>
    </row>
    <row r="1905" spans="1:4" x14ac:dyDescent="0.4">
      <c r="A1905">
        <v>3300064</v>
      </c>
      <c r="B1905" t="s">
        <v>1636</v>
      </c>
      <c r="C1905" t="s">
        <v>1826</v>
      </c>
      <c r="D1905" t="s">
        <v>1830</v>
      </c>
    </row>
    <row r="1906" spans="1:4" x14ac:dyDescent="0.4">
      <c r="A1906">
        <v>3300074</v>
      </c>
      <c r="B1906" t="s">
        <v>1636</v>
      </c>
      <c r="C1906" t="s">
        <v>1826</v>
      </c>
      <c r="D1906" t="s">
        <v>1831</v>
      </c>
    </row>
    <row r="1907" spans="1:4" x14ac:dyDescent="0.4">
      <c r="A1907">
        <v>3300045</v>
      </c>
      <c r="B1907" t="s">
        <v>1636</v>
      </c>
      <c r="C1907" t="s">
        <v>1826</v>
      </c>
      <c r="D1907" t="s">
        <v>1832</v>
      </c>
    </row>
    <row r="1908" spans="1:4" x14ac:dyDescent="0.4">
      <c r="A1908">
        <v>3300051</v>
      </c>
      <c r="B1908" t="s">
        <v>1636</v>
      </c>
      <c r="C1908" t="s">
        <v>1826</v>
      </c>
      <c r="D1908" t="s">
        <v>1833</v>
      </c>
    </row>
    <row r="1909" spans="1:4" x14ac:dyDescent="0.4">
      <c r="A1909">
        <v>3300065</v>
      </c>
      <c r="B1909" t="s">
        <v>1636</v>
      </c>
      <c r="C1909" t="s">
        <v>1826</v>
      </c>
      <c r="D1909" t="s">
        <v>1383</v>
      </c>
    </row>
    <row r="1910" spans="1:4" x14ac:dyDescent="0.4">
      <c r="A1910">
        <v>3300044</v>
      </c>
      <c r="B1910" t="s">
        <v>1636</v>
      </c>
      <c r="C1910" t="s">
        <v>1826</v>
      </c>
      <c r="D1910" t="s">
        <v>1834</v>
      </c>
    </row>
    <row r="1911" spans="1:4" x14ac:dyDescent="0.4">
      <c r="A1911">
        <v>3300043</v>
      </c>
      <c r="B1911" t="s">
        <v>1636</v>
      </c>
      <c r="C1911" t="s">
        <v>1826</v>
      </c>
      <c r="D1911" t="s">
        <v>1835</v>
      </c>
    </row>
    <row r="1912" spans="1:4" x14ac:dyDescent="0.4">
      <c r="A1912">
        <v>3300063</v>
      </c>
      <c r="B1912" t="s">
        <v>1636</v>
      </c>
      <c r="C1912" t="s">
        <v>1826</v>
      </c>
      <c r="D1912" t="s">
        <v>181</v>
      </c>
    </row>
    <row r="1913" spans="1:4" x14ac:dyDescent="0.4">
      <c r="A1913">
        <v>3300061</v>
      </c>
      <c r="B1913" t="s">
        <v>1636</v>
      </c>
      <c r="C1913" t="s">
        <v>1826</v>
      </c>
      <c r="D1913" t="s">
        <v>910</v>
      </c>
    </row>
    <row r="1914" spans="1:4" x14ac:dyDescent="0.4">
      <c r="A1914">
        <v>3300062</v>
      </c>
      <c r="B1914" t="s">
        <v>1636</v>
      </c>
      <c r="C1914" t="s">
        <v>1826</v>
      </c>
      <c r="D1914" t="s">
        <v>802</v>
      </c>
    </row>
    <row r="1915" spans="1:4" x14ac:dyDescent="0.4">
      <c r="A1915">
        <v>3300075</v>
      </c>
      <c r="B1915" t="s">
        <v>1636</v>
      </c>
      <c r="C1915" t="s">
        <v>1826</v>
      </c>
      <c r="D1915" t="s">
        <v>1768</v>
      </c>
    </row>
    <row r="1916" spans="1:4" x14ac:dyDescent="0.4">
      <c r="A1916">
        <v>3300054</v>
      </c>
      <c r="B1916" t="s">
        <v>1636</v>
      </c>
      <c r="C1916" t="s">
        <v>1826</v>
      </c>
      <c r="D1916" t="s">
        <v>1836</v>
      </c>
    </row>
    <row r="1917" spans="1:4" x14ac:dyDescent="0.4">
      <c r="A1917">
        <v>3300055</v>
      </c>
      <c r="B1917" t="s">
        <v>1636</v>
      </c>
      <c r="C1917" t="s">
        <v>1826</v>
      </c>
      <c r="D1917" t="s">
        <v>1837</v>
      </c>
    </row>
    <row r="1918" spans="1:4" x14ac:dyDescent="0.4">
      <c r="A1918">
        <v>3300056</v>
      </c>
      <c r="B1918" t="s">
        <v>1636</v>
      </c>
      <c r="C1918" t="s">
        <v>1826</v>
      </c>
      <c r="D1918" t="s">
        <v>1838</v>
      </c>
    </row>
    <row r="1919" spans="1:4" x14ac:dyDescent="0.4">
      <c r="A1919">
        <v>3300053</v>
      </c>
      <c r="B1919" t="s">
        <v>1636</v>
      </c>
      <c r="C1919" t="s">
        <v>1826</v>
      </c>
      <c r="D1919" t="s">
        <v>1839</v>
      </c>
    </row>
    <row r="1920" spans="1:4" x14ac:dyDescent="0.4">
      <c r="A1920">
        <v>3300041</v>
      </c>
      <c r="B1920" t="s">
        <v>1636</v>
      </c>
      <c r="C1920" t="s">
        <v>1826</v>
      </c>
      <c r="D1920" t="s">
        <v>1840</v>
      </c>
    </row>
    <row r="1921" spans="1:4" x14ac:dyDescent="0.4">
      <c r="A1921">
        <v>3300073</v>
      </c>
      <c r="B1921" t="s">
        <v>1636</v>
      </c>
      <c r="C1921" t="s">
        <v>1826</v>
      </c>
      <c r="D1921" t="s">
        <v>1841</v>
      </c>
    </row>
    <row r="1922" spans="1:4" x14ac:dyDescent="0.4">
      <c r="A1922">
        <v>3300052</v>
      </c>
      <c r="B1922" t="s">
        <v>1636</v>
      </c>
      <c r="C1922" t="s">
        <v>1826</v>
      </c>
      <c r="D1922" t="s">
        <v>1842</v>
      </c>
    </row>
    <row r="1923" spans="1:4" x14ac:dyDescent="0.4">
      <c r="A1923">
        <v>3300072</v>
      </c>
      <c r="B1923" t="s">
        <v>1636</v>
      </c>
      <c r="C1923" t="s">
        <v>1826</v>
      </c>
      <c r="D1923" t="s">
        <v>1843</v>
      </c>
    </row>
    <row r="1924" spans="1:4" x14ac:dyDescent="0.4">
      <c r="A1924">
        <v>3360000</v>
      </c>
      <c r="B1924" t="s">
        <v>1636</v>
      </c>
      <c r="C1924" t="s">
        <v>1844</v>
      </c>
    </row>
    <row r="1925" spans="1:4" x14ac:dyDescent="0.4">
      <c r="A1925">
        <v>3360034</v>
      </c>
      <c r="B1925" t="s">
        <v>1636</v>
      </c>
      <c r="C1925" t="s">
        <v>1844</v>
      </c>
      <c r="D1925" t="s">
        <v>1845</v>
      </c>
    </row>
    <row r="1926" spans="1:4" x14ac:dyDescent="0.4">
      <c r="A1926">
        <v>3360043</v>
      </c>
      <c r="B1926" t="s">
        <v>1636</v>
      </c>
      <c r="C1926" t="s">
        <v>1844</v>
      </c>
      <c r="D1926" t="s">
        <v>1846</v>
      </c>
    </row>
    <row r="1927" spans="1:4" x14ac:dyDescent="0.4">
      <c r="A1927">
        <v>3360042</v>
      </c>
      <c r="B1927" t="s">
        <v>1636</v>
      </c>
      <c r="C1927" t="s">
        <v>1844</v>
      </c>
      <c r="D1927" t="s">
        <v>226</v>
      </c>
    </row>
    <row r="1928" spans="1:4" x14ac:dyDescent="0.4">
      <c r="A1928">
        <v>3360016</v>
      </c>
      <c r="B1928" t="s">
        <v>1636</v>
      </c>
      <c r="C1928" t="s">
        <v>1844</v>
      </c>
      <c r="D1928" t="s">
        <v>1847</v>
      </c>
    </row>
    <row r="1929" spans="1:4" x14ac:dyDescent="0.4">
      <c r="A1929">
        <v>3360031</v>
      </c>
      <c r="B1929" t="s">
        <v>1636</v>
      </c>
      <c r="C1929" t="s">
        <v>1844</v>
      </c>
      <c r="D1929" t="s">
        <v>1848</v>
      </c>
    </row>
    <row r="1930" spans="1:4" x14ac:dyDescent="0.4">
      <c r="A1930">
        <v>3360022</v>
      </c>
      <c r="B1930" t="s">
        <v>1636</v>
      </c>
      <c r="C1930" t="s">
        <v>1844</v>
      </c>
      <c r="D1930" t="s">
        <v>1849</v>
      </c>
    </row>
    <row r="1931" spans="1:4" x14ac:dyDescent="0.4">
      <c r="A1931">
        <v>3360023</v>
      </c>
      <c r="B1931" t="s">
        <v>1636</v>
      </c>
      <c r="C1931" t="s">
        <v>1844</v>
      </c>
      <c r="D1931" t="s">
        <v>1383</v>
      </c>
    </row>
    <row r="1932" spans="1:4" x14ac:dyDescent="0.4">
      <c r="A1932">
        <v>3360038</v>
      </c>
      <c r="B1932" t="s">
        <v>1636</v>
      </c>
      <c r="C1932" t="s">
        <v>1844</v>
      </c>
      <c r="D1932" t="s">
        <v>1850</v>
      </c>
    </row>
    <row r="1933" spans="1:4" x14ac:dyDescent="0.4">
      <c r="A1933">
        <v>3360015</v>
      </c>
      <c r="B1933" t="s">
        <v>1636</v>
      </c>
      <c r="C1933" t="s">
        <v>1844</v>
      </c>
      <c r="D1933" t="s">
        <v>1851</v>
      </c>
    </row>
    <row r="1934" spans="1:4" x14ac:dyDescent="0.4">
      <c r="A1934">
        <v>3360026</v>
      </c>
      <c r="B1934" t="s">
        <v>1636</v>
      </c>
      <c r="C1934" t="s">
        <v>1844</v>
      </c>
      <c r="D1934" t="s">
        <v>1852</v>
      </c>
    </row>
    <row r="1935" spans="1:4" x14ac:dyDescent="0.4">
      <c r="A1935">
        <v>3360036</v>
      </c>
      <c r="B1935" t="s">
        <v>1636</v>
      </c>
      <c r="C1935" t="s">
        <v>1844</v>
      </c>
      <c r="D1935" t="s">
        <v>1853</v>
      </c>
    </row>
    <row r="1936" spans="1:4" x14ac:dyDescent="0.4">
      <c r="A1936">
        <v>3360027</v>
      </c>
      <c r="B1936" t="s">
        <v>1636</v>
      </c>
      <c r="C1936" t="s">
        <v>1844</v>
      </c>
      <c r="D1936" t="s">
        <v>1854</v>
      </c>
    </row>
    <row r="1937" spans="1:4" x14ac:dyDescent="0.4">
      <c r="A1937">
        <v>3360024</v>
      </c>
      <c r="B1937" t="s">
        <v>1636</v>
      </c>
      <c r="C1937" t="s">
        <v>1844</v>
      </c>
      <c r="D1937" t="s">
        <v>199</v>
      </c>
    </row>
    <row r="1938" spans="1:4" x14ac:dyDescent="0.4">
      <c r="A1938">
        <v>3360041</v>
      </c>
      <c r="B1938" t="s">
        <v>1636</v>
      </c>
      <c r="C1938" t="s">
        <v>1844</v>
      </c>
      <c r="D1938" t="s">
        <v>1855</v>
      </c>
    </row>
    <row r="1939" spans="1:4" x14ac:dyDescent="0.4">
      <c r="A1939">
        <v>3360025</v>
      </c>
      <c r="B1939" t="s">
        <v>1636</v>
      </c>
      <c r="C1939" t="s">
        <v>1844</v>
      </c>
      <c r="D1939" t="s">
        <v>1856</v>
      </c>
    </row>
    <row r="1940" spans="1:4" x14ac:dyDescent="0.4">
      <c r="A1940">
        <v>3360021</v>
      </c>
      <c r="B1940" t="s">
        <v>1636</v>
      </c>
      <c r="C1940" t="s">
        <v>1844</v>
      </c>
      <c r="D1940" t="s">
        <v>1606</v>
      </c>
    </row>
    <row r="1941" spans="1:4" x14ac:dyDescent="0.4">
      <c r="A1941">
        <v>3360033</v>
      </c>
      <c r="B1941" t="s">
        <v>1636</v>
      </c>
      <c r="C1941" t="s">
        <v>1844</v>
      </c>
      <c r="D1941" t="s">
        <v>1857</v>
      </c>
    </row>
    <row r="1942" spans="1:4" x14ac:dyDescent="0.4">
      <c r="A1942">
        <v>3360035</v>
      </c>
      <c r="B1942" t="s">
        <v>1636</v>
      </c>
      <c r="C1942" t="s">
        <v>1844</v>
      </c>
      <c r="D1942" t="s">
        <v>1516</v>
      </c>
    </row>
    <row r="1943" spans="1:4" x14ac:dyDescent="0.4">
      <c r="A1943">
        <v>3360017</v>
      </c>
      <c r="B1943" t="s">
        <v>1636</v>
      </c>
      <c r="C1943" t="s">
        <v>1844</v>
      </c>
      <c r="D1943" t="s">
        <v>1858</v>
      </c>
    </row>
    <row r="1944" spans="1:4" x14ac:dyDescent="0.4">
      <c r="A1944">
        <v>3360018</v>
      </c>
      <c r="B1944" t="s">
        <v>1636</v>
      </c>
      <c r="C1944" t="s">
        <v>1844</v>
      </c>
      <c r="D1944" t="s">
        <v>1859</v>
      </c>
    </row>
    <row r="1945" spans="1:4" x14ac:dyDescent="0.4">
      <c r="A1945">
        <v>3360032</v>
      </c>
      <c r="B1945" t="s">
        <v>1636</v>
      </c>
      <c r="C1945" t="s">
        <v>1844</v>
      </c>
      <c r="D1945" t="s">
        <v>1860</v>
      </c>
    </row>
    <row r="1946" spans="1:4" x14ac:dyDescent="0.4">
      <c r="A1946">
        <v>3360900</v>
      </c>
      <c r="B1946" t="s">
        <v>1636</v>
      </c>
      <c r="C1946" t="s">
        <v>1861</v>
      </c>
    </row>
    <row r="1947" spans="1:4" x14ac:dyDescent="0.4">
      <c r="A1947">
        <v>3360921</v>
      </c>
      <c r="B1947" t="s">
        <v>1636</v>
      </c>
      <c r="C1947" t="s">
        <v>1861</v>
      </c>
      <c r="D1947" t="s">
        <v>1862</v>
      </c>
    </row>
    <row r="1948" spans="1:4" x14ac:dyDescent="0.4">
      <c r="A1948">
        <v>3360974</v>
      </c>
      <c r="B1948" t="s">
        <v>1636</v>
      </c>
      <c r="C1948" t="s">
        <v>1861</v>
      </c>
      <c r="D1948" t="s">
        <v>1863</v>
      </c>
    </row>
    <row r="1949" spans="1:4" x14ac:dyDescent="0.4">
      <c r="A1949">
        <v>3360922</v>
      </c>
      <c r="B1949" t="s">
        <v>1636</v>
      </c>
      <c r="C1949" t="s">
        <v>1861</v>
      </c>
      <c r="D1949" t="s">
        <v>1864</v>
      </c>
    </row>
    <row r="1950" spans="1:4" x14ac:dyDescent="0.4">
      <c r="A1950">
        <v>3360923</v>
      </c>
      <c r="B1950" t="s">
        <v>1636</v>
      </c>
      <c r="C1950" t="s">
        <v>1861</v>
      </c>
      <c r="D1950" t="s">
        <v>1865</v>
      </c>
    </row>
    <row r="1951" spans="1:4" x14ac:dyDescent="0.4">
      <c r="A1951">
        <v>3360934</v>
      </c>
      <c r="B1951" t="s">
        <v>1636</v>
      </c>
      <c r="C1951" t="s">
        <v>1861</v>
      </c>
      <c r="D1951" t="s">
        <v>226</v>
      </c>
    </row>
    <row r="1952" spans="1:4" x14ac:dyDescent="0.4">
      <c r="A1952">
        <v>3360977</v>
      </c>
      <c r="B1952" t="s">
        <v>1636</v>
      </c>
      <c r="C1952" t="s">
        <v>1861</v>
      </c>
      <c r="D1952" t="s">
        <v>1866</v>
      </c>
    </row>
    <row r="1953" spans="1:4" x14ac:dyDescent="0.4">
      <c r="A1953">
        <v>3360966</v>
      </c>
      <c r="B1953" t="s">
        <v>1636</v>
      </c>
      <c r="C1953" t="s">
        <v>1861</v>
      </c>
      <c r="D1953" t="s">
        <v>1867</v>
      </c>
    </row>
    <row r="1954" spans="1:4" x14ac:dyDescent="0.4">
      <c r="A1954">
        <v>3360961</v>
      </c>
      <c r="B1954" t="s">
        <v>1636</v>
      </c>
      <c r="C1954" t="s">
        <v>1861</v>
      </c>
      <c r="D1954" t="s">
        <v>1868</v>
      </c>
    </row>
    <row r="1955" spans="1:4" x14ac:dyDescent="0.4">
      <c r="A1955">
        <v>3360907</v>
      </c>
      <c r="B1955" t="s">
        <v>1636</v>
      </c>
      <c r="C1955" t="s">
        <v>1861</v>
      </c>
      <c r="D1955" t="s">
        <v>1869</v>
      </c>
    </row>
    <row r="1956" spans="1:4" x14ac:dyDescent="0.4">
      <c r="A1956">
        <v>3360917</v>
      </c>
      <c r="B1956" t="s">
        <v>1636</v>
      </c>
      <c r="C1956" t="s">
        <v>1861</v>
      </c>
      <c r="D1956" t="s">
        <v>1870</v>
      </c>
    </row>
    <row r="1957" spans="1:4" x14ac:dyDescent="0.4">
      <c r="A1957">
        <v>3360962</v>
      </c>
      <c r="B1957" t="s">
        <v>1636</v>
      </c>
      <c r="C1957" t="s">
        <v>1861</v>
      </c>
      <c r="D1957" t="s">
        <v>1871</v>
      </c>
    </row>
    <row r="1958" spans="1:4" x14ac:dyDescent="0.4">
      <c r="A1958">
        <v>3360925</v>
      </c>
      <c r="B1958" t="s">
        <v>1636</v>
      </c>
      <c r="C1958" t="s">
        <v>1861</v>
      </c>
      <c r="D1958" t="s">
        <v>1872</v>
      </c>
    </row>
    <row r="1959" spans="1:4" x14ac:dyDescent="0.4">
      <c r="A1959">
        <v>3360913</v>
      </c>
      <c r="B1959" t="s">
        <v>1636</v>
      </c>
      <c r="C1959" t="s">
        <v>1861</v>
      </c>
      <c r="D1959" t="s">
        <v>177</v>
      </c>
    </row>
    <row r="1960" spans="1:4" x14ac:dyDescent="0.4">
      <c r="A1960">
        <v>3360936</v>
      </c>
      <c r="B1960" t="s">
        <v>1636</v>
      </c>
      <c r="C1960" t="s">
        <v>1861</v>
      </c>
      <c r="D1960" t="s">
        <v>1851</v>
      </c>
    </row>
    <row r="1961" spans="1:4" x14ac:dyDescent="0.4">
      <c r="A1961">
        <v>3360905</v>
      </c>
      <c r="B1961" t="s">
        <v>1636</v>
      </c>
      <c r="C1961" t="s">
        <v>1861</v>
      </c>
      <c r="D1961" t="s">
        <v>1873</v>
      </c>
    </row>
    <row r="1962" spans="1:4" x14ac:dyDescent="0.4">
      <c r="A1962">
        <v>3360963</v>
      </c>
      <c r="B1962" t="s">
        <v>1636</v>
      </c>
      <c r="C1962" t="s">
        <v>1861</v>
      </c>
      <c r="D1962" t="s">
        <v>1874</v>
      </c>
    </row>
    <row r="1963" spans="1:4" x14ac:dyDescent="0.4">
      <c r="A1963">
        <v>3360975</v>
      </c>
      <c r="B1963" t="s">
        <v>1636</v>
      </c>
      <c r="C1963" t="s">
        <v>1861</v>
      </c>
      <c r="D1963" t="s">
        <v>1875</v>
      </c>
    </row>
    <row r="1964" spans="1:4" x14ac:dyDescent="0.4">
      <c r="A1964">
        <v>3360971</v>
      </c>
      <c r="B1964" t="s">
        <v>1636</v>
      </c>
      <c r="C1964" t="s">
        <v>1861</v>
      </c>
      <c r="D1964" t="s">
        <v>1750</v>
      </c>
    </row>
    <row r="1965" spans="1:4" x14ac:dyDescent="0.4">
      <c r="A1965">
        <v>3360976</v>
      </c>
      <c r="B1965" t="s">
        <v>1636</v>
      </c>
      <c r="C1965" t="s">
        <v>1861</v>
      </c>
      <c r="D1965" t="s">
        <v>1876</v>
      </c>
    </row>
    <row r="1966" spans="1:4" x14ac:dyDescent="0.4">
      <c r="A1966">
        <v>3360932</v>
      </c>
      <c r="B1966" t="s">
        <v>1636</v>
      </c>
      <c r="C1966" t="s">
        <v>1861</v>
      </c>
      <c r="D1966" t="s">
        <v>189</v>
      </c>
    </row>
    <row r="1967" spans="1:4" x14ac:dyDescent="0.4">
      <c r="A1967">
        <v>3360972</v>
      </c>
      <c r="B1967" t="s">
        <v>1636</v>
      </c>
      <c r="C1967" t="s">
        <v>1861</v>
      </c>
      <c r="D1967" t="s">
        <v>1877</v>
      </c>
    </row>
    <row r="1968" spans="1:4" x14ac:dyDescent="0.4">
      <c r="A1968">
        <v>3360973</v>
      </c>
      <c r="B1968" t="s">
        <v>1636</v>
      </c>
      <c r="C1968" t="s">
        <v>1861</v>
      </c>
      <c r="D1968" t="s">
        <v>1878</v>
      </c>
    </row>
    <row r="1969" spans="1:4" x14ac:dyDescent="0.4">
      <c r="A1969">
        <v>3360924</v>
      </c>
      <c r="B1969" t="s">
        <v>1636</v>
      </c>
      <c r="C1969" t="s">
        <v>1861</v>
      </c>
      <c r="D1969" t="s">
        <v>1879</v>
      </c>
    </row>
    <row r="1970" spans="1:4" x14ac:dyDescent="0.4">
      <c r="A1970">
        <v>3360931</v>
      </c>
      <c r="B1970" t="s">
        <v>1636</v>
      </c>
      <c r="C1970" t="s">
        <v>1861</v>
      </c>
      <c r="D1970" t="s">
        <v>1880</v>
      </c>
    </row>
    <row r="1971" spans="1:4" x14ac:dyDescent="0.4">
      <c r="A1971">
        <v>3360912</v>
      </c>
      <c r="B1971" t="s">
        <v>1636</v>
      </c>
      <c r="C1971" t="s">
        <v>1861</v>
      </c>
      <c r="D1971" t="s">
        <v>1881</v>
      </c>
    </row>
    <row r="1972" spans="1:4" x14ac:dyDescent="0.4">
      <c r="A1972">
        <v>3360926</v>
      </c>
      <c r="B1972" t="s">
        <v>1636</v>
      </c>
      <c r="C1972" t="s">
        <v>1861</v>
      </c>
      <c r="D1972" t="s">
        <v>1882</v>
      </c>
    </row>
    <row r="1973" spans="1:4" x14ac:dyDescent="0.4">
      <c r="A1973">
        <v>3360964</v>
      </c>
      <c r="B1973" t="s">
        <v>1636</v>
      </c>
      <c r="C1973" t="s">
        <v>1861</v>
      </c>
      <c r="D1973" t="s">
        <v>1883</v>
      </c>
    </row>
    <row r="1974" spans="1:4" x14ac:dyDescent="0.4">
      <c r="A1974">
        <v>3360918</v>
      </c>
      <c r="B1974" t="s">
        <v>1636</v>
      </c>
      <c r="C1974" t="s">
        <v>1861</v>
      </c>
      <c r="D1974" t="s">
        <v>1608</v>
      </c>
    </row>
    <row r="1975" spans="1:4" x14ac:dyDescent="0.4">
      <c r="A1975">
        <v>3360965</v>
      </c>
      <c r="B1975" t="s">
        <v>1636</v>
      </c>
      <c r="C1975" t="s">
        <v>1861</v>
      </c>
      <c r="D1975" t="s">
        <v>1884</v>
      </c>
    </row>
    <row r="1976" spans="1:4" x14ac:dyDescent="0.4">
      <c r="A1976">
        <v>3360906</v>
      </c>
      <c r="B1976" t="s">
        <v>1636</v>
      </c>
      <c r="C1976" t="s">
        <v>1861</v>
      </c>
      <c r="D1976" t="s">
        <v>1885</v>
      </c>
    </row>
    <row r="1977" spans="1:4" x14ac:dyDescent="0.4">
      <c r="A1977">
        <v>3360915</v>
      </c>
      <c r="B1977" t="s">
        <v>1636</v>
      </c>
      <c r="C1977" t="s">
        <v>1861</v>
      </c>
      <c r="D1977" t="s">
        <v>1886</v>
      </c>
    </row>
    <row r="1978" spans="1:4" x14ac:dyDescent="0.4">
      <c r="A1978">
        <v>3360911</v>
      </c>
      <c r="B1978" t="s">
        <v>1636</v>
      </c>
      <c r="C1978" t="s">
        <v>1861</v>
      </c>
      <c r="D1978" t="s">
        <v>1887</v>
      </c>
    </row>
    <row r="1979" spans="1:4" x14ac:dyDescent="0.4">
      <c r="A1979">
        <v>3360914</v>
      </c>
      <c r="B1979" t="s">
        <v>1636</v>
      </c>
      <c r="C1979" t="s">
        <v>1861</v>
      </c>
      <c r="D1979" t="s">
        <v>1888</v>
      </c>
    </row>
    <row r="1980" spans="1:4" x14ac:dyDescent="0.4">
      <c r="A1980">
        <v>3360916</v>
      </c>
      <c r="B1980" t="s">
        <v>1636</v>
      </c>
      <c r="C1980" t="s">
        <v>1861</v>
      </c>
      <c r="D1980" t="s">
        <v>399</v>
      </c>
    </row>
    <row r="1981" spans="1:4" x14ac:dyDescent="0.4">
      <c r="A1981">
        <v>3360903</v>
      </c>
      <c r="B1981" t="s">
        <v>1636</v>
      </c>
      <c r="C1981" t="s">
        <v>1861</v>
      </c>
      <c r="D1981" t="s">
        <v>406</v>
      </c>
    </row>
    <row r="1982" spans="1:4" x14ac:dyDescent="0.4">
      <c r="A1982">
        <v>3390000</v>
      </c>
      <c r="B1982" t="s">
        <v>1636</v>
      </c>
      <c r="C1982" t="s">
        <v>1889</v>
      </c>
    </row>
    <row r="1983" spans="1:4" x14ac:dyDescent="0.4">
      <c r="A1983">
        <v>3390071</v>
      </c>
      <c r="B1983" t="s">
        <v>1636</v>
      </c>
      <c r="C1983" t="s">
        <v>1889</v>
      </c>
      <c r="D1983" t="s">
        <v>1890</v>
      </c>
    </row>
    <row r="1984" spans="1:4" x14ac:dyDescent="0.4">
      <c r="A1984">
        <v>3390066</v>
      </c>
      <c r="B1984" t="s">
        <v>1636</v>
      </c>
      <c r="C1984" t="s">
        <v>1889</v>
      </c>
      <c r="D1984" t="s">
        <v>124</v>
      </c>
    </row>
    <row r="1985" spans="1:4" x14ac:dyDescent="0.4">
      <c r="A1985">
        <v>3390031</v>
      </c>
      <c r="B1985" t="s">
        <v>1636</v>
      </c>
      <c r="C1985" t="s">
        <v>1889</v>
      </c>
      <c r="D1985" t="s">
        <v>310</v>
      </c>
    </row>
    <row r="1986" spans="1:4" x14ac:dyDescent="0.4">
      <c r="A1986">
        <v>3390061</v>
      </c>
      <c r="B1986" t="s">
        <v>1636</v>
      </c>
      <c r="C1986" t="s">
        <v>1889</v>
      </c>
      <c r="D1986" t="s">
        <v>1891</v>
      </c>
    </row>
    <row r="1987" spans="1:4" x14ac:dyDescent="0.4">
      <c r="A1987">
        <v>3390073</v>
      </c>
      <c r="B1987" t="s">
        <v>1636</v>
      </c>
      <c r="C1987" t="s">
        <v>1889</v>
      </c>
      <c r="D1987" t="s">
        <v>533</v>
      </c>
    </row>
    <row r="1988" spans="1:4" x14ac:dyDescent="0.4">
      <c r="A1988">
        <v>3390037</v>
      </c>
      <c r="B1988" t="s">
        <v>1636</v>
      </c>
      <c r="C1988" t="s">
        <v>1889</v>
      </c>
      <c r="D1988" t="s">
        <v>1892</v>
      </c>
    </row>
    <row r="1989" spans="1:4" x14ac:dyDescent="0.4">
      <c r="A1989">
        <v>3390002</v>
      </c>
      <c r="B1989" t="s">
        <v>1636</v>
      </c>
      <c r="C1989" t="s">
        <v>1889</v>
      </c>
      <c r="D1989" t="s">
        <v>1893</v>
      </c>
    </row>
    <row r="1990" spans="1:4" x14ac:dyDescent="0.4">
      <c r="A1990">
        <v>3390013</v>
      </c>
      <c r="B1990" t="s">
        <v>1636</v>
      </c>
      <c r="C1990" t="s">
        <v>1889</v>
      </c>
      <c r="D1990" t="s">
        <v>1894</v>
      </c>
    </row>
    <row r="1991" spans="1:4" x14ac:dyDescent="0.4">
      <c r="A1991">
        <v>3390052</v>
      </c>
      <c r="B1991" t="s">
        <v>1636</v>
      </c>
      <c r="C1991" t="s">
        <v>1889</v>
      </c>
      <c r="D1991" t="s">
        <v>140</v>
      </c>
    </row>
    <row r="1992" spans="1:4" x14ac:dyDescent="0.4">
      <c r="A1992">
        <v>3390014</v>
      </c>
      <c r="B1992" t="s">
        <v>1636</v>
      </c>
      <c r="C1992" t="s">
        <v>1889</v>
      </c>
      <c r="D1992" t="s">
        <v>619</v>
      </c>
    </row>
    <row r="1993" spans="1:4" x14ac:dyDescent="0.4">
      <c r="A1993">
        <v>1706090</v>
      </c>
      <c r="B1993" t="s">
        <v>815</v>
      </c>
      <c r="C1993" t="s">
        <v>1319</v>
      </c>
      <c r="D1993" t="s">
        <v>1895</v>
      </c>
    </row>
    <row r="1994" spans="1:4" x14ac:dyDescent="0.4">
      <c r="A1994">
        <v>1706001</v>
      </c>
      <c r="B1994" t="s">
        <v>815</v>
      </c>
      <c r="C1994" t="s">
        <v>1319</v>
      </c>
      <c r="D1994" t="s">
        <v>1896</v>
      </c>
    </row>
    <row r="1995" spans="1:4" x14ac:dyDescent="0.4">
      <c r="A1995">
        <v>1706002</v>
      </c>
      <c r="B1995" t="s">
        <v>815</v>
      </c>
      <c r="C1995" t="s">
        <v>1319</v>
      </c>
      <c r="D1995" t="s">
        <v>1897</v>
      </c>
    </row>
    <row r="1996" spans="1:4" x14ac:dyDescent="0.4">
      <c r="A1996">
        <v>1706003</v>
      </c>
      <c r="B1996" t="s">
        <v>815</v>
      </c>
      <c r="C1996" t="s">
        <v>1319</v>
      </c>
      <c r="D1996" t="s">
        <v>1898</v>
      </c>
    </row>
    <row r="1997" spans="1:4" x14ac:dyDescent="0.4">
      <c r="A1997">
        <v>1706004</v>
      </c>
      <c r="B1997" t="s">
        <v>815</v>
      </c>
      <c r="C1997" t="s">
        <v>1319</v>
      </c>
      <c r="D1997" t="s">
        <v>1899</v>
      </c>
    </row>
    <row r="1998" spans="1:4" x14ac:dyDescent="0.4">
      <c r="A1998">
        <v>1706005</v>
      </c>
      <c r="B1998" t="s">
        <v>815</v>
      </c>
      <c r="C1998" t="s">
        <v>1319</v>
      </c>
      <c r="D1998" t="s">
        <v>1900</v>
      </c>
    </row>
    <row r="1999" spans="1:4" x14ac:dyDescent="0.4">
      <c r="A1999">
        <v>1706006</v>
      </c>
      <c r="B1999" t="s">
        <v>815</v>
      </c>
      <c r="C1999" t="s">
        <v>1319</v>
      </c>
      <c r="D1999" t="s">
        <v>1901</v>
      </c>
    </row>
    <row r="2000" spans="1:4" x14ac:dyDescent="0.4">
      <c r="A2000">
        <v>1706007</v>
      </c>
      <c r="B2000" t="s">
        <v>815</v>
      </c>
      <c r="C2000" t="s">
        <v>1319</v>
      </c>
      <c r="D2000" t="s">
        <v>1902</v>
      </c>
    </row>
    <row r="2001" spans="1:4" x14ac:dyDescent="0.4">
      <c r="A2001">
        <v>1706008</v>
      </c>
      <c r="B2001" t="s">
        <v>815</v>
      </c>
      <c r="C2001" t="s">
        <v>1319</v>
      </c>
      <c r="D2001" t="s">
        <v>1903</v>
      </c>
    </row>
    <row r="2002" spans="1:4" x14ac:dyDescent="0.4">
      <c r="A2002">
        <v>1706009</v>
      </c>
      <c r="B2002" t="s">
        <v>815</v>
      </c>
      <c r="C2002" t="s">
        <v>1319</v>
      </c>
      <c r="D2002" t="s">
        <v>1904</v>
      </c>
    </row>
    <row r="2003" spans="1:4" x14ac:dyDescent="0.4">
      <c r="A2003">
        <v>1706010</v>
      </c>
      <c r="B2003" t="s">
        <v>815</v>
      </c>
      <c r="C2003" t="s">
        <v>1319</v>
      </c>
      <c r="D2003" t="s">
        <v>1905</v>
      </c>
    </row>
    <row r="2004" spans="1:4" x14ac:dyDescent="0.4">
      <c r="A2004">
        <v>1706011</v>
      </c>
      <c r="B2004" t="s">
        <v>815</v>
      </c>
      <c r="C2004" t="s">
        <v>1319</v>
      </c>
      <c r="D2004" t="s">
        <v>1906</v>
      </c>
    </row>
    <row r="2005" spans="1:4" x14ac:dyDescent="0.4">
      <c r="A2005">
        <v>1706012</v>
      </c>
      <c r="B2005" t="s">
        <v>815</v>
      </c>
      <c r="C2005" t="s">
        <v>1319</v>
      </c>
      <c r="D2005" t="s">
        <v>1907</v>
      </c>
    </row>
    <row r="2006" spans="1:4" x14ac:dyDescent="0.4">
      <c r="A2006">
        <v>1706013</v>
      </c>
      <c r="B2006" t="s">
        <v>815</v>
      </c>
      <c r="C2006" t="s">
        <v>1319</v>
      </c>
      <c r="D2006" t="s">
        <v>1908</v>
      </c>
    </row>
    <row r="2007" spans="1:4" x14ac:dyDescent="0.4">
      <c r="A2007">
        <v>1706014</v>
      </c>
      <c r="B2007" t="s">
        <v>815</v>
      </c>
      <c r="C2007" t="s">
        <v>1319</v>
      </c>
      <c r="D2007" t="s">
        <v>1909</v>
      </c>
    </row>
    <row r="2008" spans="1:4" x14ac:dyDescent="0.4">
      <c r="A2008">
        <v>2880821</v>
      </c>
      <c r="B2008" t="s">
        <v>0</v>
      </c>
      <c r="C2008" t="s">
        <v>120</v>
      </c>
      <c r="D2008" t="s">
        <v>1910</v>
      </c>
    </row>
    <row r="2009" spans="1:4" x14ac:dyDescent="0.4">
      <c r="A2009">
        <v>2710067</v>
      </c>
      <c r="B2009" t="s">
        <v>0</v>
      </c>
      <c r="C2009" t="s">
        <v>220</v>
      </c>
      <c r="D2009" t="s">
        <v>1911</v>
      </c>
    </row>
    <row r="2010" spans="1:4" x14ac:dyDescent="0.4">
      <c r="A2010">
        <v>2830801</v>
      </c>
      <c r="B2010" t="s">
        <v>0</v>
      </c>
      <c r="C2010" t="s">
        <v>409</v>
      </c>
      <c r="D2010" t="s">
        <v>1912</v>
      </c>
    </row>
    <row r="2011" spans="1:4" x14ac:dyDescent="0.4">
      <c r="A2011">
        <v>2900057</v>
      </c>
      <c r="B2011" t="s">
        <v>0</v>
      </c>
      <c r="C2011" t="s">
        <v>575</v>
      </c>
      <c r="D2011" t="s">
        <v>1913</v>
      </c>
    </row>
    <row r="2012" spans="1:4" x14ac:dyDescent="0.4">
      <c r="A2012">
        <v>2960032</v>
      </c>
      <c r="B2012" t="s">
        <v>0</v>
      </c>
      <c r="C2012" t="s">
        <v>762</v>
      </c>
      <c r="D2012" t="s">
        <v>1914</v>
      </c>
    </row>
    <row r="2013" spans="1:4" x14ac:dyDescent="0.4">
      <c r="A2013">
        <v>2990241</v>
      </c>
      <c r="B2013" t="s">
        <v>0</v>
      </c>
      <c r="C2013" t="s">
        <v>814</v>
      </c>
      <c r="D2013" t="s">
        <v>1915</v>
      </c>
    </row>
    <row r="2014" spans="1:4" x14ac:dyDescent="0.4">
      <c r="A2014">
        <v>2990203</v>
      </c>
      <c r="B2014" t="s">
        <v>0</v>
      </c>
      <c r="C2014" t="s">
        <v>814</v>
      </c>
      <c r="D2014" t="s">
        <v>1916</v>
      </c>
    </row>
    <row r="2015" spans="1:4" x14ac:dyDescent="0.4">
      <c r="A2015">
        <v>2990226</v>
      </c>
      <c r="B2015" t="s">
        <v>0</v>
      </c>
      <c r="C2015" t="s">
        <v>814</v>
      </c>
      <c r="D2015" t="s">
        <v>1917</v>
      </c>
    </row>
    <row r="2016" spans="1:4" x14ac:dyDescent="0.4">
      <c r="A2016">
        <v>2990225</v>
      </c>
      <c r="B2016" t="s">
        <v>0</v>
      </c>
      <c r="C2016" t="s">
        <v>814</v>
      </c>
      <c r="D2016" t="s">
        <v>1918</v>
      </c>
    </row>
    <row r="2017" spans="1:4" x14ac:dyDescent="0.4">
      <c r="A2017">
        <v>2990213</v>
      </c>
      <c r="B2017" t="s">
        <v>0</v>
      </c>
      <c r="C2017" t="s">
        <v>814</v>
      </c>
      <c r="D2017" t="s">
        <v>1919</v>
      </c>
    </row>
    <row r="2018" spans="1:4" x14ac:dyDescent="0.4">
      <c r="A2018">
        <v>2990215</v>
      </c>
      <c r="B2018" t="s">
        <v>0</v>
      </c>
      <c r="C2018" t="s">
        <v>814</v>
      </c>
      <c r="D2018" t="s">
        <v>1920</v>
      </c>
    </row>
    <row r="2019" spans="1:4" x14ac:dyDescent="0.4">
      <c r="A2019">
        <v>2990267</v>
      </c>
      <c r="B2019" t="s">
        <v>0</v>
      </c>
      <c r="C2019" t="s">
        <v>814</v>
      </c>
      <c r="D2019" t="s">
        <v>1921</v>
      </c>
    </row>
    <row r="2020" spans="1:4" x14ac:dyDescent="0.4">
      <c r="A2020">
        <v>2990265</v>
      </c>
      <c r="B2020" t="s">
        <v>0</v>
      </c>
      <c r="C2020" t="s">
        <v>814</v>
      </c>
      <c r="D2020" t="s">
        <v>1922</v>
      </c>
    </row>
    <row r="2021" spans="1:4" x14ac:dyDescent="0.4">
      <c r="A2021">
        <v>2990246</v>
      </c>
      <c r="B2021" t="s">
        <v>0</v>
      </c>
      <c r="C2021" t="s">
        <v>814</v>
      </c>
      <c r="D2021" t="s">
        <v>1923</v>
      </c>
    </row>
    <row r="2022" spans="1:4" x14ac:dyDescent="0.4">
      <c r="A2022">
        <v>2990204</v>
      </c>
      <c r="B2022" t="s">
        <v>0</v>
      </c>
      <c r="C2022" t="s">
        <v>814</v>
      </c>
      <c r="D2022" t="s">
        <v>1924</v>
      </c>
    </row>
    <row r="2023" spans="1:4" x14ac:dyDescent="0.4">
      <c r="A2023">
        <v>2990263</v>
      </c>
      <c r="B2023" t="s">
        <v>0</v>
      </c>
      <c r="C2023" t="s">
        <v>814</v>
      </c>
      <c r="D2023" t="s">
        <v>1925</v>
      </c>
    </row>
    <row r="2024" spans="1:4" x14ac:dyDescent="0.4">
      <c r="A2024">
        <v>2990211</v>
      </c>
      <c r="B2024" t="s">
        <v>0</v>
      </c>
      <c r="C2024" t="s">
        <v>814</v>
      </c>
      <c r="D2024" t="s">
        <v>1926</v>
      </c>
    </row>
    <row r="2025" spans="1:4" x14ac:dyDescent="0.4">
      <c r="A2025">
        <v>2990251</v>
      </c>
      <c r="B2025" t="s">
        <v>0</v>
      </c>
      <c r="C2025" t="s">
        <v>814</v>
      </c>
      <c r="D2025" t="s">
        <v>1927</v>
      </c>
    </row>
    <row r="2026" spans="1:4" x14ac:dyDescent="0.4">
      <c r="A2026">
        <v>2990244</v>
      </c>
      <c r="B2026" t="s">
        <v>0</v>
      </c>
      <c r="C2026" t="s">
        <v>814</v>
      </c>
      <c r="D2026" t="s">
        <v>1928</v>
      </c>
    </row>
    <row r="2027" spans="1:4" x14ac:dyDescent="0.4">
      <c r="A2027">
        <v>2990202</v>
      </c>
      <c r="B2027" t="s">
        <v>0</v>
      </c>
      <c r="C2027" t="s">
        <v>814</v>
      </c>
      <c r="D2027" t="s">
        <v>1929</v>
      </c>
    </row>
    <row r="2028" spans="1:4" x14ac:dyDescent="0.4">
      <c r="A2028">
        <v>2990261</v>
      </c>
      <c r="B2028" t="s">
        <v>0</v>
      </c>
      <c r="C2028" t="s">
        <v>814</v>
      </c>
      <c r="D2028" t="s">
        <v>1930</v>
      </c>
    </row>
    <row r="2029" spans="1:4" x14ac:dyDescent="0.4">
      <c r="A2029">
        <v>2990235</v>
      </c>
      <c r="B2029" t="s">
        <v>0</v>
      </c>
      <c r="C2029" t="s">
        <v>814</v>
      </c>
      <c r="D2029" t="s">
        <v>1931</v>
      </c>
    </row>
    <row r="2030" spans="1:4" x14ac:dyDescent="0.4">
      <c r="A2030">
        <v>2990254</v>
      </c>
      <c r="B2030" t="s">
        <v>0</v>
      </c>
      <c r="C2030" t="s">
        <v>814</v>
      </c>
      <c r="D2030" t="s">
        <v>1932</v>
      </c>
    </row>
    <row r="2031" spans="1:4" x14ac:dyDescent="0.4">
      <c r="A2031">
        <v>2990268</v>
      </c>
      <c r="B2031" t="s">
        <v>0</v>
      </c>
      <c r="C2031" t="s">
        <v>814</v>
      </c>
      <c r="D2031" t="s">
        <v>1933</v>
      </c>
    </row>
    <row r="2032" spans="1:4" x14ac:dyDescent="0.4">
      <c r="A2032">
        <v>2990234</v>
      </c>
      <c r="B2032" t="s">
        <v>0</v>
      </c>
      <c r="C2032" t="s">
        <v>814</v>
      </c>
      <c r="D2032" t="s">
        <v>853</v>
      </c>
    </row>
    <row r="2033" spans="1:4" x14ac:dyDescent="0.4">
      <c r="A2033">
        <v>2990236</v>
      </c>
      <c r="B2033" t="s">
        <v>0</v>
      </c>
      <c r="C2033" t="s">
        <v>814</v>
      </c>
      <c r="D2033" t="s">
        <v>1934</v>
      </c>
    </row>
    <row r="2034" spans="1:4" x14ac:dyDescent="0.4">
      <c r="A2034">
        <v>2990224</v>
      </c>
      <c r="B2034" t="s">
        <v>0</v>
      </c>
      <c r="C2034" t="s">
        <v>814</v>
      </c>
      <c r="D2034" t="s">
        <v>1935</v>
      </c>
    </row>
    <row r="2035" spans="1:4" x14ac:dyDescent="0.4">
      <c r="A2035">
        <v>2891100</v>
      </c>
      <c r="B2035" t="s">
        <v>0</v>
      </c>
      <c r="C2035" t="s">
        <v>1936</v>
      </c>
    </row>
    <row r="2036" spans="1:4" x14ac:dyDescent="0.4">
      <c r="A2036">
        <v>2891101</v>
      </c>
      <c r="B2036" t="s">
        <v>0</v>
      </c>
      <c r="C2036" t="s">
        <v>1936</v>
      </c>
      <c r="D2036" t="s">
        <v>1937</v>
      </c>
    </row>
    <row r="2037" spans="1:4" x14ac:dyDescent="0.4">
      <c r="A2037">
        <v>2891121</v>
      </c>
      <c r="B2037" t="s">
        <v>0</v>
      </c>
      <c r="C2037" t="s">
        <v>1936</v>
      </c>
      <c r="D2037" t="s">
        <v>1938</v>
      </c>
    </row>
    <row r="2038" spans="1:4" x14ac:dyDescent="0.4">
      <c r="A2038">
        <v>2891105</v>
      </c>
      <c r="B2038" t="s">
        <v>0</v>
      </c>
      <c r="C2038" t="s">
        <v>1936</v>
      </c>
      <c r="D2038" t="s">
        <v>597</v>
      </c>
    </row>
    <row r="2039" spans="1:4" x14ac:dyDescent="0.4">
      <c r="A2039">
        <v>2891106</v>
      </c>
      <c r="B2039" t="s">
        <v>0</v>
      </c>
      <c r="C2039" t="s">
        <v>1936</v>
      </c>
      <c r="D2039" t="s">
        <v>1654</v>
      </c>
    </row>
    <row r="2040" spans="1:4" x14ac:dyDescent="0.4">
      <c r="A2040">
        <v>2891111</v>
      </c>
      <c r="B2040" t="s">
        <v>0</v>
      </c>
      <c r="C2040" t="s">
        <v>1936</v>
      </c>
      <c r="D2040" t="s">
        <v>1939</v>
      </c>
    </row>
    <row r="2041" spans="1:4" x14ac:dyDescent="0.4">
      <c r="A2041">
        <v>2891142</v>
      </c>
      <c r="B2041" t="s">
        <v>0</v>
      </c>
      <c r="C2041" t="s">
        <v>1936</v>
      </c>
      <c r="D2041" t="s">
        <v>1940</v>
      </c>
    </row>
    <row r="2042" spans="1:4" x14ac:dyDescent="0.4">
      <c r="A2042">
        <v>2891134</v>
      </c>
      <c r="B2042" t="s">
        <v>0</v>
      </c>
      <c r="C2042" t="s">
        <v>1936</v>
      </c>
      <c r="D2042" t="s">
        <v>1941</v>
      </c>
    </row>
    <row r="2043" spans="1:4" x14ac:dyDescent="0.4">
      <c r="A2043">
        <v>2891137</v>
      </c>
      <c r="B2043" t="s">
        <v>0</v>
      </c>
      <c r="C2043" t="s">
        <v>1936</v>
      </c>
      <c r="D2043" t="s">
        <v>1942</v>
      </c>
    </row>
    <row r="2044" spans="1:4" x14ac:dyDescent="0.4">
      <c r="A2044">
        <v>2891126</v>
      </c>
      <c r="B2044" t="s">
        <v>0</v>
      </c>
      <c r="C2044" t="s">
        <v>1936</v>
      </c>
      <c r="D2044" t="s">
        <v>1943</v>
      </c>
    </row>
    <row r="2045" spans="1:4" x14ac:dyDescent="0.4">
      <c r="A2045">
        <v>2891102</v>
      </c>
      <c r="B2045" t="s">
        <v>0</v>
      </c>
      <c r="C2045" t="s">
        <v>1936</v>
      </c>
      <c r="D2045" t="s">
        <v>1944</v>
      </c>
    </row>
    <row r="2046" spans="1:4" x14ac:dyDescent="0.4">
      <c r="A2046">
        <v>2891125</v>
      </c>
      <c r="B2046" t="s">
        <v>0</v>
      </c>
      <c r="C2046" t="s">
        <v>1936</v>
      </c>
      <c r="D2046" t="s">
        <v>1945</v>
      </c>
    </row>
    <row r="2047" spans="1:4" x14ac:dyDescent="0.4">
      <c r="A2047">
        <v>2891108</v>
      </c>
      <c r="B2047" t="s">
        <v>0</v>
      </c>
      <c r="C2047" t="s">
        <v>1936</v>
      </c>
      <c r="D2047" t="s">
        <v>1946</v>
      </c>
    </row>
    <row r="2048" spans="1:4" x14ac:dyDescent="0.4">
      <c r="A2048">
        <v>2891112</v>
      </c>
      <c r="B2048" t="s">
        <v>0</v>
      </c>
      <c r="C2048" t="s">
        <v>1936</v>
      </c>
      <c r="D2048" t="s">
        <v>1947</v>
      </c>
    </row>
    <row r="2049" spans="1:4" x14ac:dyDescent="0.4">
      <c r="A2049">
        <v>2891131</v>
      </c>
      <c r="B2049" t="s">
        <v>0</v>
      </c>
      <c r="C2049" t="s">
        <v>1936</v>
      </c>
      <c r="D2049" t="s">
        <v>1948</v>
      </c>
    </row>
    <row r="2050" spans="1:4" x14ac:dyDescent="0.4">
      <c r="A2050">
        <v>2891135</v>
      </c>
      <c r="B2050" t="s">
        <v>0</v>
      </c>
      <c r="C2050" t="s">
        <v>1936</v>
      </c>
      <c r="D2050" t="s">
        <v>1949</v>
      </c>
    </row>
    <row r="2051" spans="1:4" x14ac:dyDescent="0.4">
      <c r="A2051">
        <v>2891122</v>
      </c>
      <c r="B2051" t="s">
        <v>0</v>
      </c>
      <c r="C2051" t="s">
        <v>1936</v>
      </c>
      <c r="D2051" t="s">
        <v>1950</v>
      </c>
    </row>
    <row r="2052" spans="1:4" x14ac:dyDescent="0.4">
      <c r="A2052">
        <v>2891132</v>
      </c>
      <c r="B2052" t="s">
        <v>0</v>
      </c>
      <c r="C2052" t="s">
        <v>1936</v>
      </c>
      <c r="D2052" t="s">
        <v>1951</v>
      </c>
    </row>
    <row r="2053" spans="1:4" x14ac:dyDescent="0.4">
      <c r="A2053">
        <v>2891123</v>
      </c>
      <c r="B2053" t="s">
        <v>0</v>
      </c>
      <c r="C2053" t="s">
        <v>1936</v>
      </c>
      <c r="D2053" t="s">
        <v>1952</v>
      </c>
    </row>
    <row r="2054" spans="1:4" x14ac:dyDescent="0.4">
      <c r="A2054">
        <v>2891141</v>
      </c>
      <c r="B2054" t="s">
        <v>0</v>
      </c>
      <c r="C2054" t="s">
        <v>1936</v>
      </c>
      <c r="D2054" t="s">
        <v>1953</v>
      </c>
    </row>
    <row r="2055" spans="1:4" x14ac:dyDescent="0.4">
      <c r="A2055">
        <v>2891136</v>
      </c>
      <c r="B2055" t="s">
        <v>0</v>
      </c>
      <c r="C2055" t="s">
        <v>1936</v>
      </c>
      <c r="D2055" t="s">
        <v>1954</v>
      </c>
    </row>
    <row r="2056" spans="1:4" x14ac:dyDescent="0.4">
      <c r="A2056">
        <v>2891114</v>
      </c>
      <c r="B2056" t="s">
        <v>0</v>
      </c>
      <c r="C2056" t="s">
        <v>1936</v>
      </c>
      <c r="D2056" t="s">
        <v>1955</v>
      </c>
    </row>
    <row r="2057" spans="1:4" x14ac:dyDescent="0.4">
      <c r="A2057">
        <v>2891104</v>
      </c>
      <c r="B2057" t="s">
        <v>0</v>
      </c>
      <c r="C2057" t="s">
        <v>1936</v>
      </c>
      <c r="D2057" t="s">
        <v>1956</v>
      </c>
    </row>
    <row r="2058" spans="1:4" x14ac:dyDescent="0.4">
      <c r="A2058">
        <v>2891145</v>
      </c>
      <c r="B2058" t="s">
        <v>0</v>
      </c>
      <c r="C2058" t="s">
        <v>1936</v>
      </c>
      <c r="D2058" t="s">
        <v>507</v>
      </c>
    </row>
    <row r="2059" spans="1:4" x14ac:dyDescent="0.4">
      <c r="A2059">
        <v>2891138</v>
      </c>
      <c r="B2059" t="s">
        <v>0</v>
      </c>
      <c r="C2059" t="s">
        <v>1936</v>
      </c>
      <c r="D2059" t="s">
        <v>1957</v>
      </c>
    </row>
    <row r="2060" spans="1:4" x14ac:dyDescent="0.4">
      <c r="A2060">
        <v>2891143</v>
      </c>
      <c r="B2060" t="s">
        <v>0</v>
      </c>
      <c r="C2060" t="s">
        <v>1936</v>
      </c>
      <c r="D2060" t="s">
        <v>1958</v>
      </c>
    </row>
    <row r="2061" spans="1:4" x14ac:dyDescent="0.4">
      <c r="A2061">
        <v>2891144</v>
      </c>
      <c r="B2061" t="s">
        <v>0</v>
      </c>
      <c r="C2061" t="s">
        <v>1936</v>
      </c>
      <c r="D2061" t="s">
        <v>1959</v>
      </c>
    </row>
    <row r="2062" spans="1:4" x14ac:dyDescent="0.4">
      <c r="A2062">
        <v>2891107</v>
      </c>
      <c r="B2062" t="s">
        <v>0</v>
      </c>
      <c r="C2062" t="s">
        <v>1936</v>
      </c>
      <c r="D2062" t="s">
        <v>1960</v>
      </c>
    </row>
    <row r="2063" spans="1:4" x14ac:dyDescent="0.4">
      <c r="A2063">
        <v>2891103</v>
      </c>
      <c r="B2063" t="s">
        <v>0</v>
      </c>
      <c r="C2063" t="s">
        <v>1936</v>
      </c>
      <c r="D2063" t="s">
        <v>1961</v>
      </c>
    </row>
    <row r="2064" spans="1:4" x14ac:dyDescent="0.4">
      <c r="A2064">
        <v>2891115</v>
      </c>
      <c r="B2064" t="s">
        <v>0</v>
      </c>
      <c r="C2064" t="s">
        <v>1936</v>
      </c>
      <c r="D2064" t="s">
        <v>1962</v>
      </c>
    </row>
    <row r="2065" spans="1:4" x14ac:dyDescent="0.4">
      <c r="A2065">
        <v>2891113</v>
      </c>
      <c r="B2065" t="s">
        <v>0</v>
      </c>
      <c r="C2065" t="s">
        <v>1936</v>
      </c>
      <c r="D2065" t="s">
        <v>1963</v>
      </c>
    </row>
    <row r="2066" spans="1:4" x14ac:dyDescent="0.4">
      <c r="A2066">
        <v>2891124</v>
      </c>
      <c r="B2066" t="s">
        <v>0</v>
      </c>
      <c r="C2066" t="s">
        <v>1936</v>
      </c>
      <c r="D2066" t="s">
        <v>1964</v>
      </c>
    </row>
    <row r="2067" spans="1:4" x14ac:dyDescent="0.4">
      <c r="A2067">
        <v>2891133</v>
      </c>
      <c r="B2067" t="s">
        <v>0</v>
      </c>
      <c r="C2067" t="s">
        <v>1936</v>
      </c>
      <c r="D2067" t="s">
        <v>1965</v>
      </c>
    </row>
    <row r="2068" spans="1:4" x14ac:dyDescent="0.4">
      <c r="A2068">
        <v>2701300</v>
      </c>
      <c r="B2068" t="s">
        <v>0</v>
      </c>
      <c r="C2068" t="s">
        <v>1966</v>
      </c>
    </row>
    <row r="2069" spans="1:4" x14ac:dyDescent="0.4">
      <c r="A2069">
        <v>2701321</v>
      </c>
      <c r="B2069" t="s">
        <v>0</v>
      </c>
      <c r="C2069" t="s">
        <v>1966</v>
      </c>
      <c r="D2069" t="s">
        <v>1967</v>
      </c>
    </row>
    <row r="2070" spans="1:4" x14ac:dyDescent="0.4">
      <c r="A2070">
        <v>2701351</v>
      </c>
      <c r="B2070" t="s">
        <v>0</v>
      </c>
      <c r="C2070" t="s">
        <v>1966</v>
      </c>
      <c r="D2070" t="s">
        <v>767</v>
      </c>
    </row>
    <row r="2071" spans="1:4" x14ac:dyDescent="0.4">
      <c r="A2071">
        <v>2701353</v>
      </c>
      <c r="B2071" t="s">
        <v>0</v>
      </c>
      <c r="C2071" t="s">
        <v>1966</v>
      </c>
      <c r="D2071" t="s">
        <v>715</v>
      </c>
    </row>
    <row r="2072" spans="1:4" x14ac:dyDescent="0.4">
      <c r="A2072">
        <v>2701347</v>
      </c>
      <c r="B2072" t="s">
        <v>0</v>
      </c>
      <c r="C2072" t="s">
        <v>1966</v>
      </c>
      <c r="D2072" t="s">
        <v>1968</v>
      </c>
    </row>
    <row r="2073" spans="1:4" x14ac:dyDescent="0.4">
      <c r="A2073">
        <v>2701364</v>
      </c>
      <c r="B2073" t="s">
        <v>0</v>
      </c>
      <c r="C2073" t="s">
        <v>1966</v>
      </c>
      <c r="D2073" t="s">
        <v>1969</v>
      </c>
    </row>
    <row r="2074" spans="1:4" x14ac:dyDescent="0.4">
      <c r="A2074">
        <v>2701367</v>
      </c>
      <c r="B2074" t="s">
        <v>0</v>
      </c>
      <c r="C2074" t="s">
        <v>1966</v>
      </c>
      <c r="D2074" t="s">
        <v>1970</v>
      </c>
    </row>
    <row r="2075" spans="1:4" x14ac:dyDescent="0.4">
      <c r="A2075">
        <v>2701368</v>
      </c>
      <c r="B2075" t="s">
        <v>0</v>
      </c>
      <c r="C2075" t="s">
        <v>1966</v>
      </c>
      <c r="D2075" t="s">
        <v>1971</v>
      </c>
    </row>
    <row r="2076" spans="1:4" x14ac:dyDescent="0.4">
      <c r="A2076">
        <v>2701352</v>
      </c>
      <c r="B2076" t="s">
        <v>0</v>
      </c>
      <c r="C2076" t="s">
        <v>1966</v>
      </c>
      <c r="D2076" t="s">
        <v>1536</v>
      </c>
    </row>
    <row r="2077" spans="1:4" x14ac:dyDescent="0.4">
      <c r="A2077">
        <v>2701327</v>
      </c>
      <c r="B2077" t="s">
        <v>0</v>
      </c>
      <c r="C2077" t="s">
        <v>1966</v>
      </c>
      <c r="D2077" t="s">
        <v>538</v>
      </c>
    </row>
    <row r="2078" spans="1:4" x14ac:dyDescent="0.4">
      <c r="A2078">
        <v>2701358</v>
      </c>
      <c r="B2078" t="s">
        <v>0</v>
      </c>
      <c r="C2078" t="s">
        <v>1966</v>
      </c>
      <c r="D2078" t="s">
        <v>1972</v>
      </c>
    </row>
    <row r="2079" spans="1:4" x14ac:dyDescent="0.4">
      <c r="A2079">
        <v>2701356</v>
      </c>
      <c r="B2079" t="s">
        <v>0</v>
      </c>
      <c r="C2079" t="s">
        <v>1966</v>
      </c>
      <c r="D2079" t="s">
        <v>1973</v>
      </c>
    </row>
    <row r="2080" spans="1:4" x14ac:dyDescent="0.4">
      <c r="A2080">
        <v>2701363</v>
      </c>
      <c r="B2080" t="s">
        <v>0</v>
      </c>
      <c r="C2080" t="s">
        <v>1966</v>
      </c>
      <c r="D2080" t="s">
        <v>1974</v>
      </c>
    </row>
    <row r="2081" spans="1:4" x14ac:dyDescent="0.4">
      <c r="A2081">
        <v>2701362</v>
      </c>
      <c r="B2081" t="s">
        <v>0</v>
      </c>
      <c r="C2081" t="s">
        <v>1966</v>
      </c>
      <c r="D2081" t="s">
        <v>1975</v>
      </c>
    </row>
    <row r="2082" spans="1:4" x14ac:dyDescent="0.4">
      <c r="A2082">
        <v>2701326</v>
      </c>
      <c r="B2082" t="s">
        <v>0</v>
      </c>
      <c r="C2082" t="s">
        <v>1966</v>
      </c>
      <c r="D2082" t="s">
        <v>1976</v>
      </c>
    </row>
    <row r="2083" spans="1:4" x14ac:dyDescent="0.4">
      <c r="A2083">
        <v>2701323</v>
      </c>
      <c r="B2083" t="s">
        <v>0</v>
      </c>
      <c r="C2083" t="s">
        <v>1966</v>
      </c>
      <c r="D2083" t="s">
        <v>1977</v>
      </c>
    </row>
    <row r="2084" spans="1:4" x14ac:dyDescent="0.4">
      <c r="A2084">
        <v>2701328</v>
      </c>
      <c r="B2084" t="s">
        <v>0</v>
      </c>
      <c r="C2084" t="s">
        <v>1966</v>
      </c>
      <c r="D2084" t="s">
        <v>1978</v>
      </c>
    </row>
    <row r="2085" spans="1:4" x14ac:dyDescent="0.4">
      <c r="A2085">
        <v>2701359</v>
      </c>
      <c r="B2085" t="s">
        <v>0</v>
      </c>
      <c r="C2085" t="s">
        <v>1966</v>
      </c>
      <c r="D2085" t="s">
        <v>1979</v>
      </c>
    </row>
    <row r="2086" spans="1:4" x14ac:dyDescent="0.4">
      <c r="A2086">
        <v>2701343</v>
      </c>
      <c r="B2086" t="s">
        <v>0</v>
      </c>
      <c r="C2086" t="s">
        <v>1966</v>
      </c>
      <c r="D2086" t="s">
        <v>1980</v>
      </c>
    </row>
    <row r="2087" spans="1:4" x14ac:dyDescent="0.4">
      <c r="A2087">
        <v>2701365</v>
      </c>
      <c r="B2087" t="s">
        <v>0</v>
      </c>
      <c r="C2087" t="s">
        <v>1966</v>
      </c>
      <c r="D2087" t="s">
        <v>1981</v>
      </c>
    </row>
    <row r="2088" spans="1:4" x14ac:dyDescent="0.4">
      <c r="A2088">
        <v>2701318</v>
      </c>
      <c r="B2088" t="s">
        <v>0</v>
      </c>
      <c r="C2088" t="s">
        <v>1966</v>
      </c>
      <c r="D2088" t="s">
        <v>1982</v>
      </c>
    </row>
    <row r="2089" spans="1:4" x14ac:dyDescent="0.4">
      <c r="A2089">
        <v>2701315</v>
      </c>
      <c r="B2089" t="s">
        <v>0</v>
      </c>
      <c r="C2089" t="s">
        <v>1966</v>
      </c>
      <c r="D2089" t="s">
        <v>1983</v>
      </c>
    </row>
    <row r="2090" spans="1:4" x14ac:dyDescent="0.4">
      <c r="A2090">
        <v>2701316</v>
      </c>
      <c r="B2090" t="s">
        <v>0</v>
      </c>
      <c r="C2090" t="s">
        <v>1966</v>
      </c>
      <c r="D2090" t="s">
        <v>1984</v>
      </c>
    </row>
    <row r="2091" spans="1:4" x14ac:dyDescent="0.4">
      <c r="A2091">
        <v>2701313</v>
      </c>
      <c r="B2091" t="s">
        <v>0</v>
      </c>
      <c r="C2091" t="s">
        <v>1966</v>
      </c>
      <c r="D2091" t="s">
        <v>1985</v>
      </c>
    </row>
    <row r="2092" spans="1:4" x14ac:dyDescent="0.4">
      <c r="A2092">
        <v>2701366</v>
      </c>
      <c r="B2092" t="s">
        <v>0</v>
      </c>
      <c r="C2092" t="s">
        <v>1966</v>
      </c>
      <c r="D2092" t="s">
        <v>1849</v>
      </c>
    </row>
    <row r="2093" spans="1:4" x14ac:dyDescent="0.4">
      <c r="A2093">
        <v>2701322</v>
      </c>
      <c r="B2093" t="s">
        <v>0</v>
      </c>
      <c r="C2093" t="s">
        <v>1966</v>
      </c>
      <c r="D2093" t="s">
        <v>1986</v>
      </c>
    </row>
    <row r="2094" spans="1:4" x14ac:dyDescent="0.4">
      <c r="A2094">
        <v>2701337</v>
      </c>
      <c r="B2094" t="s">
        <v>0</v>
      </c>
      <c r="C2094" t="s">
        <v>1966</v>
      </c>
      <c r="D2094" t="s">
        <v>1987</v>
      </c>
    </row>
    <row r="2095" spans="1:4" x14ac:dyDescent="0.4">
      <c r="A2095">
        <v>2701333</v>
      </c>
      <c r="B2095" t="s">
        <v>0</v>
      </c>
      <c r="C2095" t="s">
        <v>1966</v>
      </c>
      <c r="D2095" t="s">
        <v>1988</v>
      </c>
    </row>
    <row r="2096" spans="1:4" x14ac:dyDescent="0.4">
      <c r="A2096">
        <v>2701342</v>
      </c>
      <c r="B2096" t="s">
        <v>0</v>
      </c>
      <c r="C2096" t="s">
        <v>1966</v>
      </c>
      <c r="D2096" t="s">
        <v>1989</v>
      </c>
    </row>
    <row r="2097" spans="1:4" x14ac:dyDescent="0.4">
      <c r="A2097">
        <v>2701325</v>
      </c>
      <c r="B2097" t="s">
        <v>0</v>
      </c>
      <c r="C2097" t="s">
        <v>1966</v>
      </c>
      <c r="D2097" t="s">
        <v>1990</v>
      </c>
    </row>
    <row r="2098" spans="1:4" x14ac:dyDescent="0.4">
      <c r="A2098">
        <v>2701346</v>
      </c>
      <c r="B2098" t="s">
        <v>0</v>
      </c>
      <c r="C2098" t="s">
        <v>1966</v>
      </c>
      <c r="D2098" t="s">
        <v>1991</v>
      </c>
    </row>
    <row r="2099" spans="1:4" x14ac:dyDescent="0.4">
      <c r="A2099">
        <v>2701350</v>
      </c>
      <c r="B2099" t="s">
        <v>0</v>
      </c>
      <c r="C2099" t="s">
        <v>1966</v>
      </c>
      <c r="D2099" t="s">
        <v>1992</v>
      </c>
    </row>
    <row r="2100" spans="1:4" x14ac:dyDescent="0.4">
      <c r="A2100">
        <v>2701340</v>
      </c>
      <c r="B2100" t="s">
        <v>0</v>
      </c>
      <c r="C2100" t="s">
        <v>1966</v>
      </c>
      <c r="D2100" t="s">
        <v>1993</v>
      </c>
    </row>
    <row r="2101" spans="1:4" x14ac:dyDescent="0.4">
      <c r="A2101">
        <v>2701348</v>
      </c>
      <c r="B2101" t="s">
        <v>0</v>
      </c>
      <c r="C2101" t="s">
        <v>1966</v>
      </c>
      <c r="D2101" t="s">
        <v>1994</v>
      </c>
    </row>
    <row r="2102" spans="1:4" x14ac:dyDescent="0.4">
      <c r="A2102">
        <v>2701349</v>
      </c>
      <c r="B2102" t="s">
        <v>0</v>
      </c>
      <c r="C2102" t="s">
        <v>1966</v>
      </c>
      <c r="D2102" t="s">
        <v>1995</v>
      </c>
    </row>
    <row r="2103" spans="1:4" x14ac:dyDescent="0.4">
      <c r="A2103">
        <v>2701334</v>
      </c>
      <c r="B2103" t="s">
        <v>0</v>
      </c>
      <c r="C2103" t="s">
        <v>1966</v>
      </c>
      <c r="D2103" t="s">
        <v>1996</v>
      </c>
    </row>
    <row r="2104" spans="1:4" x14ac:dyDescent="0.4">
      <c r="A2104">
        <v>2701335</v>
      </c>
      <c r="B2104" t="s">
        <v>0</v>
      </c>
      <c r="C2104" t="s">
        <v>1966</v>
      </c>
      <c r="D2104" t="s">
        <v>1997</v>
      </c>
    </row>
    <row r="2105" spans="1:4" x14ac:dyDescent="0.4">
      <c r="A2105">
        <v>2701341</v>
      </c>
      <c r="B2105" t="s">
        <v>0</v>
      </c>
      <c r="C2105" t="s">
        <v>1966</v>
      </c>
      <c r="D2105" t="s">
        <v>1880</v>
      </c>
    </row>
    <row r="2106" spans="1:4" x14ac:dyDescent="0.4">
      <c r="A2106">
        <v>2701336</v>
      </c>
      <c r="B2106" t="s">
        <v>0</v>
      </c>
      <c r="C2106" t="s">
        <v>1966</v>
      </c>
      <c r="D2106" t="s">
        <v>1998</v>
      </c>
    </row>
    <row r="2107" spans="1:4" x14ac:dyDescent="0.4">
      <c r="A2107">
        <v>2701324</v>
      </c>
      <c r="B2107" t="s">
        <v>0</v>
      </c>
      <c r="C2107" t="s">
        <v>1966</v>
      </c>
      <c r="D2107" t="s">
        <v>1999</v>
      </c>
    </row>
    <row r="2108" spans="1:4" x14ac:dyDescent="0.4">
      <c r="A2108">
        <v>2701345</v>
      </c>
      <c r="B2108" t="s">
        <v>0</v>
      </c>
      <c r="C2108" t="s">
        <v>1966</v>
      </c>
      <c r="D2108" t="s">
        <v>2000</v>
      </c>
    </row>
    <row r="2109" spans="1:4" x14ac:dyDescent="0.4">
      <c r="A2109">
        <v>2701332</v>
      </c>
      <c r="B2109" t="s">
        <v>0</v>
      </c>
      <c r="C2109" t="s">
        <v>1966</v>
      </c>
      <c r="D2109" t="s">
        <v>1606</v>
      </c>
    </row>
    <row r="2110" spans="1:4" x14ac:dyDescent="0.4">
      <c r="A2110">
        <v>2701361</v>
      </c>
      <c r="B2110" t="s">
        <v>0</v>
      </c>
      <c r="C2110" t="s">
        <v>1966</v>
      </c>
      <c r="D2110" t="s">
        <v>2001</v>
      </c>
    </row>
    <row r="2111" spans="1:4" x14ac:dyDescent="0.4">
      <c r="A2111">
        <v>2701357</v>
      </c>
      <c r="B2111" t="s">
        <v>0</v>
      </c>
      <c r="C2111" t="s">
        <v>1966</v>
      </c>
      <c r="D2111" t="s">
        <v>2002</v>
      </c>
    </row>
    <row r="2112" spans="1:4" x14ac:dyDescent="0.4">
      <c r="A2112">
        <v>2701344</v>
      </c>
      <c r="B2112" t="s">
        <v>0</v>
      </c>
      <c r="C2112" t="s">
        <v>1966</v>
      </c>
      <c r="D2112" t="s">
        <v>2003</v>
      </c>
    </row>
    <row r="2113" spans="1:4" x14ac:dyDescent="0.4">
      <c r="A2113">
        <v>2701338</v>
      </c>
      <c r="B2113" t="s">
        <v>0</v>
      </c>
      <c r="C2113" t="s">
        <v>1966</v>
      </c>
      <c r="D2113" t="s">
        <v>2004</v>
      </c>
    </row>
    <row r="2114" spans="1:4" x14ac:dyDescent="0.4">
      <c r="A2114">
        <v>2701354</v>
      </c>
      <c r="B2114" t="s">
        <v>0</v>
      </c>
      <c r="C2114" t="s">
        <v>1966</v>
      </c>
      <c r="D2114" t="s">
        <v>2005</v>
      </c>
    </row>
    <row r="2115" spans="1:4" x14ac:dyDescent="0.4">
      <c r="A2115">
        <v>2701355</v>
      </c>
      <c r="B2115" t="s">
        <v>0</v>
      </c>
      <c r="C2115" t="s">
        <v>1966</v>
      </c>
      <c r="D2115" t="s">
        <v>2006</v>
      </c>
    </row>
    <row r="2116" spans="1:4" x14ac:dyDescent="0.4">
      <c r="A2116">
        <v>2701400</v>
      </c>
      <c r="B2116" t="s">
        <v>0</v>
      </c>
      <c r="C2116" t="s">
        <v>2007</v>
      </c>
    </row>
    <row r="2117" spans="1:4" x14ac:dyDescent="0.4">
      <c r="A2117">
        <v>2701425</v>
      </c>
      <c r="B2117" t="s">
        <v>0</v>
      </c>
      <c r="C2117" t="s">
        <v>2007</v>
      </c>
      <c r="D2117" t="s">
        <v>2008</v>
      </c>
    </row>
    <row r="2118" spans="1:4" x14ac:dyDescent="0.4">
      <c r="A2118">
        <v>2701401</v>
      </c>
      <c r="B2118" t="s">
        <v>0</v>
      </c>
      <c r="C2118" t="s">
        <v>2007</v>
      </c>
      <c r="D2118" t="s">
        <v>2009</v>
      </c>
    </row>
    <row r="2119" spans="1:4" x14ac:dyDescent="0.4">
      <c r="A2119">
        <v>2701434</v>
      </c>
      <c r="B2119" t="s">
        <v>0</v>
      </c>
      <c r="C2119" t="s">
        <v>2007</v>
      </c>
      <c r="D2119" t="s">
        <v>2010</v>
      </c>
    </row>
    <row r="2120" spans="1:4" x14ac:dyDescent="0.4">
      <c r="A2120">
        <v>2701404</v>
      </c>
      <c r="B2120" t="s">
        <v>0</v>
      </c>
      <c r="C2120" t="s">
        <v>2007</v>
      </c>
      <c r="D2120" t="s">
        <v>2011</v>
      </c>
    </row>
    <row r="2121" spans="1:4" x14ac:dyDescent="0.4">
      <c r="A2121">
        <v>2701403</v>
      </c>
      <c r="B2121" t="s">
        <v>0</v>
      </c>
      <c r="C2121" t="s">
        <v>2007</v>
      </c>
      <c r="D2121" t="s">
        <v>2012</v>
      </c>
    </row>
    <row r="2122" spans="1:4" x14ac:dyDescent="0.4">
      <c r="A2122">
        <v>2701437</v>
      </c>
      <c r="B2122" t="s">
        <v>0</v>
      </c>
      <c r="C2122" t="s">
        <v>2007</v>
      </c>
      <c r="D2122" t="s">
        <v>2013</v>
      </c>
    </row>
    <row r="2123" spans="1:4" x14ac:dyDescent="0.4">
      <c r="A2123">
        <v>2701415</v>
      </c>
      <c r="B2123" t="s">
        <v>0</v>
      </c>
      <c r="C2123" t="s">
        <v>2007</v>
      </c>
      <c r="D2123" t="s">
        <v>2014</v>
      </c>
    </row>
    <row r="2124" spans="1:4" x14ac:dyDescent="0.4">
      <c r="A2124">
        <v>2701433</v>
      </c>
      <c r="B2124" t="s">
        <v>0</v>
      </c>
      <c r="C2124" t="s">
        <v>2007</v>
      </c>
      <c r="D2124" t="s">
        <v>2015</v>
      </c>
    </row>
    <row r="2125" spans="1:4" x14ac:dyDescent="0.4">
      <c r="A2125">
        <v>2701412</v>
      </c>
      <c r="B2125" t="s">
        <v>0</v>
      </c>
      <c r="C2125" t="s">
        <v>2007</v>
      </c>
      <c r="D2125" t="s">
        <v>2016</v>
      </c>
    </row>
    <row r="2126" spans="1:4" x14ac:dyDescent="0.4">
      <c r="A2126">
        <v>2701426</v>
      </c>
      <c r="B2126" t="s">
        <v>0</v>
      </c>
      <c r="C2126" t="s">
        <v>2007</v>
      </c>
      <c r="D2126" t="s">
        <v>2017</v>
      </c>
    </row>
    <row r="2127" spans="1:4" x14ac:dyDescent="0.4">
      <c r="A2127">
        <v>2701416</v>
      </c>
      <c r="B2127" t="s">
        <v>0</v>
      </c>
      <c r="C2127" t="s">
        <v>2007</v>
      </c>
      <c r="D2127" t="s">
        <v>2018</v>
      </c>
    </row>
    <row r="2128" spans="1:4" x14ac:dyDescent="0.4">
      <c r="A2128">
        <v>2701435</v>
      </c>
      <c r="B2128" t="s">
        <v>0</v>
      </c>
      <c r="C2128" t="s">
        <v>2007</v>
      </c>
      <c r="D2128" t="s">
        <v>2019</v>
      </c>
    </row>
    <row r="2129" spans="1:4" x14ac:dyDescent="0.4">
      <c r="A2129">
        <v>2701421</v>
      </c>
      <c r="B2129" t="s">
        <v>0</v>
      </c>
      <c r="C2129" t="s">
        <v>2007</v>
      </c>
      <c r="D2129" t="s">
        <v>2020</v>
      </c>
    </row>
    <row r="2130" spans="1:4" x14ac:dyDescent="0.4">
      <c r="A2130">
        <v>2701439</v>
      </c>
      <c r="B2130" t="s">
        <v>0</v>
      </c>
      <c r="C2130" t="s">
        <v>2007</v>
      </c>
      <c r="D2130" t="s">
        <v>2021</v>
      </c>
    </row>
    <row r="2131" spans="1:4" x14ac:dyDescent="0.4">
      <c r="A2131">
        <v>2701405</v>
      </c>
      <c r="B2131" t="s">
        <v>0</v>
      </c>
      <c r="C2131" t="s">
        <v>2007</v>
      </c>
      <c r="D2131" t="s">
        <v>2022</v>
      </c>
    </row>
    <row r="2132" spans="1:4" x14ac:dyDescent="0.4">
      <c r="A2132">
        <v>2701411</v>
      </c>
      <c r="B2132" t="s">
        <v>0</v>
      </c>
      <c r="C2132" t="s">
        <v>2007</v>
      </c>
      <c r="D2132" t="s">
        <v>2023</v>
      </c>
    </row>
    <row r="2133" spans="1:4" x14ac:dyDescent="0.4">
      <c r="A2133">
        <v>2701407</v>
      </c>
      <c r="B2133" t="s">
        <v>0</v>
      </c>
      <c r="C2133" t="s">
        <v>2007</v>
      </c>
      <c r="D2133" t="s">
        <v>2024</v>
      </c>
    </row>
    <row r="2134" spans="1:4" x14ac:dyDescent="0.4">
      <c r="A2134">
        <v>2701406</v>
      </c>
      <c r="B2134" t="s">
        <v>0</v>
      </c>
      <c r="C2134" t="s">
        <v>2007</v>
      </c>
      <c r="D2134" t="s">
        <v>2025</v>
      </c>
    </row>
    <row r="2135" spans="1:4" x14ac:dyDescent="0.4">
      <c r="A2135">
        <v>2701436</v>
      </c>
      <c r="B2135" t="s">
        <v>0</v>
      </c>
      <c r="C2135" t="s">
        <v>2007</v>
      </c>
      <c r="D2135" t="s">
        <v>2026</v>
      </c>
    </row>
    <row r="2136" spans="1:4" x14ac:dyDescent="0.4">
      <c r="A2136">
        <v>2701408</v>
      </c>
      <c r="B2136" t="s">
        <v>0</v>
      </c>
      <c r="C2136" t="s">
        <v>2007</v>
      </c>
      <c r="D2136" t="s">
        <v>2027</v>
      </c>
    </row>
    <row r="2137" spans="1:4" x14ac:dyDescent="0.4">
      <c r="A2137">
        <v>2701431</v>
      </c>
      <c r="B2137" t="s">
        <v>0</v>
      </c>
      <c r="C2137" t="s">
        <v>2007</v>
      </c>
      <c r="D2137" t="s">
        <v>2028</v>
      </c>
    </row>
    <row r="2138" spans="1:4" x14ac:dyDescent="0.4">
      <c r="A2138">
        <v>2701438</v>
      </c>
      <c r="B2138" t="s">
        <v>0</v>
      </c>
      <c r="C2138" t="s">
        <v>2007</v>
      </c>
      <c r="D2138" t="s">
        <v>2029</v>
      </c>
    </row>
    <row r="2139" spans="1:4" x14ac:dyDescent="0.4">
      <c r="A2139">
        <v>2701402</v>
      </c>
      <c r="B2139" t="s">
        <v>0</v>
      </c>
      <c r="C2139" t="s">
        <v>2007</v>
      </c>
      <c r="D2139" t="s">
        <v>2030</v>
      </c>
    </row>
    <row r="2140" spans="1:4" x14ac:dyDescent="0.4">
      <c r="A2140">
        <v>2701422</v>
      </c>
      <c r="B2140" t="s">
        <v>0</v>
      </c>
      <c r="C2140" t="s">
        <v>2007</v>
      </c>
      <c r="D2140" t="s">
        <v>2031</v>
      </c>
    </row>
    <row r="2141" spans="1:4" x14ac:dyDescent="0.4">
      <c r="A2141">
        <v>2701432</v>
      </c>
      <c r="B2141" t="s">
        <v>0</v>
      </c>
      <c r="C2141" t="s">
        <v>2007</v>
      </c>
      <c r="D2141" t="s">
        <v>2032</v>
      </c>
    </row>
    <row r="2142" spans="1:4" x14ac:dyDescent="0.4">
      <c r="A2142">
        <v>2701424</v>
      </c>
      <c r="B2142" t="s">
        <v>0</v>
      </c>
      <c r="C2142" t="s">
        <v>2007</v>
      </c>
      <c r="D2142" t="s">
        <v>2033</v>
      </c>
    </row>
    <row r="2143" spans="1:4" x14ac:dyDescent="0.4">
      <c r="A2143">
        <v>2701423</v>
      </c>
      <c r="B2143" t="s">
        <v>0</v>
      </c>
      <c r="C2143" t="s">
        <v>2007</v>
      </c>
      <c r="D2143" t="s">
        <v>2034</v>
      </c>
    </row>
    <row r="2144" spans="1:4" x14ac:dyDescent="0.4">
      <c r="A2144">
        <v>2701413</v>
      </c>
      <c r="B2144" t="s">
        <v>0</v>
      </c>
      <c r="C2144" t="s">
        <v>2007</v>
      </c>
      <c r="D2144" t="s">
        <v>2005</v>
      </c>
    </row>
    <row r="2145" spans="1:4" x14ac:dyDescent="0.4">
      <c r="A2145">
        <v>2701414</v>
      </c>
      <c r="B2145" t="s">
        <v>0</v>
      </c>
      <c r="C2145" t="s">
        <v>2007</v>
      </c>
      <c r="D2145" t="s">
        <v>2035</v>
      </c>
    </row>
    <row r="2146" spans="1:4" x14ac:dyDescent="0.4">
      <c r="A2146">
        <v>2860200</v>
      </c>
      <c r="B2146" t="s">
        <v>0</v>
      </c>
      <c r="C2146" t="s">
        <v>2036</v>
      </c>
    </row>
    <row r="2147" spans="1:4" x14ac:dyDescent="0.4">
      <c r="A2147">
        <v>2860204</v>
      </c>
      <c r="B2147" t="s">
        <v>0</v>
      </c>
      <c r="C2147" t="s">
        <v>2036</v>
      </c>
      <c r="D2147" t="s">
        <v>217</v>
      </c>
    </row>
    <row r="2148" spans="1:4" x14ac:dyDescent="0.4">
      <c r="A2148">
        <v>2860203</v>
      </c>
      <c r="B2148" t="s">
        <v>0</v>
      </c>
      <c r="C2148" t="s">
        <v>2036</v>
      </c>
      <c r="D2148" t="s">
        <v>2037</v>
      </c>
    </row>
    <row r="2149" spans="1:4" x14ac:dyDescent="0.4">
      <c r="A2149">
        <v>2860216</v>
      </c>
      <c r="B2149" t="s">
        <v>0</v>
      </c>
      <c r="C2149" t="s">
        <v>2036</v>
      </c>
      <c r="D2149" t="s">
        <v>2038</v>
      </c>
    </row>
    <row r="2150" spans="1:4" x14ac:dyDescent="0.4">
      <c r="A2150">
        <v>2860211</v>
      </c>
      <c r="B2150" t="s">
        <v>0</v>
      </c>
      <c r="C2150" t="s">
        <v>2036</v>
      </c>
      <c r="D2150" t="s">
        <v>2039</v>
      </c>
    </row>
    <row r="2151" spans="1:4" x14ac:dyDescent="0.4">
      <c r="A2151">
        <v>2860223</v>
      </c>
      <c r="B2151" t="s">
        <v>0</v>
      </c>
      <c r="C2151" t="s">
        <v>2036</v>
      </c>
      <c r="D2151" t="s">
        <v>2040</v>
      </c>
    </row>
    <row r="2152" spans="1:4" x14ac:dyDescent="0.4">
      <c r="A2152">
        <v>2860213</v>
      </c>
      <c r="B2152" t="s">
        <v>0</v>
      </c>
      <c r="C2152" t="s">
        <v>2036</v>
      </c>
      <c r="D2152" t="s">
        <v>1333</v>
      </c>
    </row>
    <row r="2153" spans="1:4" x14ac:dyDescent="0.4">
      <c r="A2153">
        <v>2860214</v>
      </c>
      <c r="B2153" t="s">
        <v>0</v>
      </c>
      <c r="C2153" t="s">
        <v>2036</v>
      </c>
      <c r="D2153" t="s">
        <v>2041</v>
      </c>
    </row>
    <row r="2154" spans="1:4" x14ac:dyDescent="0.4">
      <c r="A2154">
        <v>2860215</v>
      </c>
      <c r="B2154" t="s">
        <v>0</v>
      </c>
      <c r="C2154" t="s">
        <v>2036</v>
      </c>
      <c r="D2154" t="s">
        <v>2042</v>
      </c>
    </row>
    <row r="2155" spans="1:4" x14ac:dyDescent="0.4">
      <c r="A2155">
        <v>2860212</v>
      </c>
      <c r="B2155" t="s">
        <v>0</v>
      </c>
      <c r="C2155" t="s">
        <v>2036</v>
      </c>
      <c r="D2155" t="s">
        <v>2043</v>
      </c>
    </row>
    <row r="2156" spans="1:4" x14ac:dyDescent="0.4">
      <c r="A2156">
        <v>2860222</v>
      </c>
      <c r="B2156" t="s">
        <v>0</v>
      </c>
      <c r="C2156" t="s">
        <v>2036</v>
      </c>
      <c r="D2156" t="s">
        <v>2044</v>
      </c>
    </row>
    <row r="2157" spans="1:4" x14ac:dyDescent="0.4">
      <c r="A2157">
        <v>2860221</v>
      </c>
      <c r="B2157" t="s">
        <v>0</v>
      </c>
      <c r="C2157" t="s">
        <v>2036</v>
      </c>
      <c r="D2157" t="s">
        <v>2045</v>
      </c>
    </row>
    <row r="2158" spans="1:4" x14ac:dyDescent="0.4">
      <c r="A2158">
        <v>2860224</v>
      </c>
      <c r="B2158" t="s">
        <v>0</v>
      </c>
      <c r="C2158" t="s">
        <v>2036</v>
      </c>
      <c r="D2158" t="s">
        <v>2046</v>
      </c>
    </row>
    <row r="2159" spans="1:4" x14ac:dyDescent="0.4">
      <c r="A2159">
        <v>2860205</v>
      </c>
      <c r="B2159" t="s">
        <v>0</v>
      </c>
      <c r="C2159" t="s">
        <v>2036</v>
      </c>
      <c r="D2159" t="s">
        <v>2047</v>
      </c>
    </row>
    <row r="2160" spans="1:4" x14ac:dyDescent="0.4">
      <c r="A2160">
        <v>2860202</v>
      </c>
      <c r="B2160" t="s">
        <v>0</v>
      </c>
      <c r="C2160" t="s">
        <v>2036</v>
      </c>
      <c r="D2160" t="s">
        <v>2048</v>
      </c>
    </row>
    <row r="2161" spans="1:4" x14ac:dyDescent="0.4">
      <c r="A2161">
        <v>2860201</v>
      </c>
      <c r="B2161" t="s">
        <v>0</v>
      </c>
      <c r="C2161" t="s">
        <v>2036</v>
      </c>
      <c r="D2161" t="s">
        <v>459</v>
      </c>
    </row>
    <row r="2162" spans="1:4" x14ac:dyDescent="0.4">
      <c r="A2162">
        <v>2860225</v>
      </c>
      <c r="B2162" t="s">
        <v>0</v>
      </c>
      <c r="C2162" t="s">
        <v>2036</v>
      </c>
      <c r="D2162" t="s">
        <v>2049</v>
      </c>
    </row>
    <row r="2163" spans="1:4" x14ac:dyDescent="0.4">
      <c r="A2163">
        <v>1700001</v>
      </c>
      <c r="B2163" t="s">
        <v>815</v>
      </c>
      <c r="C2163" t="s">
        <v>1319</v>
      </c>
      <c r="D2163" t="s">
        <v>2050</v>
      </c>
    </row>
    <row r="2164" spans="1:4" x14ac:dyDescent="0.4">
      <c r="A2164">
        <v>2921144</v>
      </c>
      <c r="B2164" t="s">
        <v>0</v>
      </c>
      <c r="C2164" t="s">
        <v>812</v>
      </c>
      <c r="D2164" t="s">
        <v>2051</v>
      </c>
    </row>
    <row r="2165" spans="1:4" x14ac:dyDescent="0.4">
      <c r="A2165">
        <v>2991174</v>
      </c>
      <c r="B2165" t="s">
        <v>0</v>
      </c>
      <c r="C2165" t="s">
        <v>812</v>
      </c>
      <c r="D2165" t="s">
        <v>2052</v>
      </c>
    </row>
    <row r="2166" spans="1:4" x14ac:dyDescent="0.4">
      <c r="A2166">
        <v>2921174</v>
      </c>
      <c r="B2166" t="s">
        <v>0</v>
      </c>
      <c r="C2166" t="s">
        <v>812</v>
      </c>
      <c r="D2166" t="s">
        <v>2053</v>
      </c>
    </row>
    <row r="2167" spans="1:4" x14ac:dyDescent="0.4">
      <c r="A2167">
        <v>2991115</v>
      </c>
      <c r="B2167" t="s">
        <v>0</v>
      </c>
      <c r="C2167" t="s">
        <v>812</v>
      </c>
      <c r="D2167" t="s">
        <v>2054</v>
      </c>
    </row>
    <row r="2168" spans="1:4" x14ac:dyDescent="0.4">
      <c r="A2168">
        <v>2991154</v>
      </c>
      <c r="B2168" t="s">
        <v>0</v>
      </c>
      <c r="C2168" t="s">
        <v>812</v>
      </c>
      <c r="D2168" t="s">
        <v>2055</v>
      </c>
    </row>
    <row r="2169" spans="1:4" x14ac:dyDescent="0.4">
      <c r="A2169">
        <v>2991162</v>
      </c>
      <c r="B2169" t="s">
        <v>0</v>
      </c>
      <c r="C2169" t="s">
        <v>812</v>
      </c>
      <c r="D2169" t="s">
        <v>2056</v>
      </c>
    </row>
    <row r="2170" spans="1:4" x14ac:dyDescent="0.4">
      <c r="A2170">
        <v>2991172</v>
      </c>
      <c r="B2170" t="s">
        <v>0</v>
      </c>
      <c r="C2170" t="s">
        <v>812</v>
      </c>
      <c r="D2170" t="s">
        <v>2057</v>
      </c>
    </row>
    <row r="2171" spans="1:4" x14ac:dyDescent="0.4">
      <c r="A2171">
        <v>2920453</v>
      </c>
      <c r="B2171" t="s">
        <v>0</v>
      </c>
      <c r="C2171" t="s">
        <v>812</v>
      </c>
      <c r="D2171" t="s">
        <v>514</v>
      </c>
    </row>
    <row r="2172" spans="1:4" x14ac:dyDescent="0.4">
      <c r="A2172">
        <v>2991117</v>
      </c>
      <c r="B2172" t="s">
        <v>0</v>
      </c>
      <c r="C2172" t="s">
        <v>812</v>
      </c>
      <c r="D2172" t="s">
        <v>2058</v>
      </c>
    </row>
    <row r="2173" spans="1:4" x14ac:dyDescent="0.4">
      <c r="A2173">
        <v>2920434</v>
      </c>
      <c r="B2173" t="s">
        <v>0</v>
      </c>
      <c r="C2173" t="s">
        <v>812</v>
      </c>
      <c r="D2173" t="s">
        <v>2059</v>
      </c>
    </row>
    <row r="2174" spans="1:4" x14ac:dyDescent="0.4">
      <c r="A2174">
        <v>2991111</v>
      </c>
      <c r="B2174" t="s">
        <v>0</v>
      </c>
      <c r="C2174" t="s">
        <v>812</v>
      </c>
      <c r="D2174" t="s">
        <v>2060</v>
      </c>
    </row>
    <row r="2175" spans="1:4" x14ac:dyDescent="0.4">
      <c r="A2175">
        <v>2991163</v>
      </c>
      <c r="B2175" t="s">
        <v>0</v>
      </c>
      <c r="C2175" t="s">
        <v>812</v>
      </c>
      <c r="D2175" t="s">
        <v>2061</v>
      </c>
    </row>
    <row r="2176" spans="1:4" x14ac:dyDescent="0.4">
      <c r="A2176">
        <v>2991171</v>
      </c>
      <c r="B2176" t="s">
        <v>0</v>
      </c>
      <c r="C2176" t="s">
        <v>812</v>
      </c>
      <c r="D2176" t="s">
        <v>2062</v>
      </c>
    </row>
    <row r="2177" spans="1:4" x14ac:dyDescent="0.4">
      <c r="A2177">
        <v>2920515</v>
      </c>
      <c r="B2177" t="s">
        <v>0</v>
      </c>
      <c r="C2177" t="s">
        <v>812</v>
      </c>
      <c r="D2177" t="s">
        <v>2063</v>
      </c>
    </row>
    <row r="2178" spans="1:4" x14ac:dyDescent="0.4">
      <c r="A2178">
        <v>2991125</v>
      </c>
      <c r="B2178" t="s">
        <v>0</v>
      </c>
      <c r="C2178" t="s">
        <v>812</v>
      </c>
      <c r="D2178" t="s">
        <v>2064</v>
      </c>
    </row>
    <row r="2179" spans="1:4" x14ac:dyDescent="0.4">
      <c r="A2179">
        <v>2920501</v>
      </c>
      <c r="B2179" t="s">
        <v>0</v>
      </c>
      <c r="C2179" t="s">
        <v>812</v>
      </c>
      <c r="D2179" t="s">
        <v>2065</v>
      </c>
    </row>
    <row r="2180" spans="1:4" x14ac:dyDescent="0.4">
      <c r="A2180">
        <v>2920401</v>
      </c>
      <c r="B2180" t="s">
        <v>0</v>
      </c>
      <c r="C2180" t="s">
        <v>812</v>
      </c>
      <c r="D2180" t="s">
        <v>2066</v>
      </c>
    </row>
    <row r="2181" spans="1:4" x14ac:dyDescent="0.4">
      <c r="A2181">
        <v>2991134</v>
      </c>
      <c r="B2181" t="s">
        <v>0</v>
      </c>
      <c r="C2181" t="s">
        <v>812</v>
      </c>
      <c r="D2181" t="s">
        <v>2067</v>
      </c>
    </row>
    <row r="2182" spans="1:4" x14ac:dyDescent="0.4">
      <c r="A2182">
        <v>2991166</v>
      </c>
      <c r="B2182" t="s">
        <v>0</v>
      </c>
      <c r="C2182" t="s">
        <v>812</v>
      </c>
      <c r="D2182" t="s">
        <v>2068</v>
      </c>
    </row>
    <row r="2183" spans="1:4" x14ac:dyDescent="0.4">
      <c r="A2183">
        <v>2920413</v>
      </c>
      <c r="B2183" t="s">
        <v>0</v>
      </c>
      <c r="C2183" t="s">
        <v>812</v>
      </c>
      <c r="D2183" t="s">
        <v>2069</v>
      </c>
    </row>
    <row r="2184" spans="1:4" x14ac:dyDescent="0.4">
      <c r="A2184">
        <v>2930000</v>
      </c>
      <c r="B2184" t="s">
        <v>0</v>
      </c>
      <c r="C2184" t="s">
        <v>2070</v>
      </c>
    </row>
    <row r="2185" spans="1:4" x14ac:dyDescent="0.4">
      <c r="A2185">
        <v>2991615</v>
      </c>
      <c r="B2185" t="s">
        <v>0</v>
      </c>
      <c r="C2185" t="s">
        <v>2070</v>
      </c>
      <c r="D2185" t="s">
        <v>576</v>
      </c>
    </row>
    <row r="2186" spans="1:4" x14ac:dyDescent="0.4">
      <c r="A2186">
        <v>2930031</v>
      </c>
      <c r="B2186" t="s">
        <v>0</v>
      </c>
      <c r="C2186" t="s">
        <v>2070</v>
      </c>
      <c r="D2186" t="s">
        <v>2071</v>
      </c>
    </row>
    <row r="2187" spans="1:4" x14ac:dyDescent="0.4">
      <c r="A2187">
        <v>2930012</v>
      </c>
      <c r="B2187" t="s">
        <v>0</v>
      </c>
      <c r="C2187" t="s">
        <v>2070</v>
      </c>
      <c r="D2187" t="s">
        <v>2072</v>
      </c>
    </row>
    <row r="2188" spans="1:4" x14ac:dyDescent="0.4">
      <c r="A2188">
        <v>2930022</v>
      </c>
      <c r="B2188" t="s">
        <v>0</v>
      </c>
      <c r="C2188" t="s">
        <v>2070</v>
      </c>
      <c r="D2188" t="s">
        <v>590</v>
      </c>
    </row>
    <row r="2189" spans="1:4" x14ac:dyDescent="0.4">
      <c r="A2189">
        <v>2930033</v>
      </c>
      <c r="B2189" t="s">
        <v>0</v>
      </c>
      <c r="C2189" t="s">
        <v>2070</v>
      </c>
      <c r="D2189" t="s">
        <v>2073</v>
      </c>
    </row>
    <row r="2190" spans="1:4" x14ac:dyDescent="0.4">
      <c r="A2190">
        <v>2991613</v>
      </c>
      <c r="B2190" t="s">
        <v>0</v>
      </c>
      <c r="C2190" t="s">
        <v>2070</v>
      </c>
      <c r="D2190" t="s">
        <v>606</v>
      </c>
    </row>
    <row r="2191" spans="1:4" x14ac:dyDescent="0.4">
      <c r="A2191">
        <v>2991608</v>
      </c>
      <c r="B2191" t="s">
        <v>0</v>
      </c>
      <c r="C2191" t="s">
        <v>2070</v>
      </c>
      <c r="D2191" t="s">
        <v>2074</v>
      </c>
    </row>
    <row r="2192" spans="1:4" x14ac:dyDescent="0.4">
      <c r="A2192">
        <v>2930043</v>
      </c>
      <c r="B2192" t="s">
        <v>0</v>
      </c>
      <c r="C2192" t="s">
        <v>2070</v>
      </c>
      <c r="D2192" t="s">
        <v>223</v>
      </c>
    </row>
    <row r="2193" spans="1:4" x14ac:dyDescent="0.4">
      <c r="A2193">
        <v>2991746</v>
      </c>
      <c r="B2193" t="s">
        <v>0</v>
      </c>
      <c r="C2193" t="s">
        <v>2070</v>
      </c>
      <c r="D2193" t="s">
        <v>2075</v>
      </c>
    </row>
    <row r="2194" spans="1:4" x14ac:dyDescent="0.4">
      <c r="A2194">
        <v>2991753</v>
      </c>
      <c r="B2194" t="s">
        <v>0</v>
      </c>
      <c r="C2194" t="s">
        <v>2070</v>
      </c>
      <c r="D2194" t="s">
        <v>2076</v>
      </c>
    </row>
    <row r="2195" spans="1:4" x14ac:dyDescent="0.4">
      <c r="A2195">
        <v>2991732</v>
      </c>
      <c r="B2195" t="s">
        <v>0</v>
      </c>
      <c r="C2195" t="s">
        <v>2070</v>
      </c>
      <c r="D2195" t="s">
        <v>2077</v>
      </c>
    </row>
    <row r="2196" spans="1:4" x14ac:dyDescent="0.4">
      <c r="A2196">
        <v>2991617</v>
      </c>
      <c r="B2196" t="s">
        <v>0</v>
      </c>
      <c r="C2196" t="s">
        <v>2070</v>
      </c>
      <c r="D2196" t="s">
        <v>2078</v>
      </c>
    </row>
    <row r="2197" spans="1:4" x14ac:dyDescent="0.4">
      <c r="A2197">
        <v>2991736</v>
      </c>
      <c r="B2197" t="s">
        <v>0</v>
      </c>
      <c r="C2197" t="s">
        <v>2070</v>
      </c>
      <c r="D2197" t="s">
        <v>2079</v>
      </c>
    </row>
    <row r="2198" spans="1:4" x14ac:dyDescent="0.4">
      <c r="A2198">
        <v>2991735</v>
      </c>
      <c r="B2198" t="s">
        <v>0</v>
      </c>
      <c r="C2198" t="s">
        <v>2070</v>
      </c>
      <c r="D2198" t="s">
        <v>2080</v>
      </c>
    </row>
    <row r="2199" spans="1:4" x14ac:dyDescent="0.4">
      <c r="A2199">
        <v>2930001</v>
      </c>
      <c r="B2199" t="s">
        <v>0</v>
      </c>
      <c r="C2199" t="s">
        <v>2070</v>
      </c>
      <c r="D2199" t="s">
        <v>2081</v>
      </c>
    </row>
    <row r="2200" spans="1:4" x14ac:dyDescent="0.4">
      <c r="A2200">
        <v>2991758</v>
      </c>
      <c r="B2200" t="s">
        <v>0</v>
      </c>
      <c r="C2200" t="s">
        <v>2070</v>
      </c>
      <c r="D2200" t="s">
        <v>538</v>
      </c>
    </row>
    <row r="2201" spans="1:4" x14ac:dyDescent="0.4">
      <c r="A2201">
        <v>2991757</v>
      </c>
      <c r="B2201" t="s">
        <v>0</v>
      </c>
      <c r="C2201" t="s">
        <v>2070</v>
      </c>
      <c r="D2201" t="s">
        <v>781</v>
      </c>
    </row>
    <row r="2202" spans="1:4" x14ac:dyDescent="0.4">
      <c r="A2202">
        <v>2991751</v>
      </c>
      <c r="B2202" t="s">
        <v>0</v>
      </c>
      <c r="C2202" t="s">
        <v>2070</v>
      </c>
      <c r="D2202" t="s">
        <v>2082</v>
      </c>
    </row>
    <row r="2203" spans="1:4" x14ac:dyDescent="0.4">
      <c r="A2203">
        <v>2991616</v>
      </c>
      <c r="B2203" t="s">
        <v>0</v>
      </c>
      <c r="C2203" t="s">
        <v>2070</v>
      </c>
      <c r="D2203" t="s">
        <v>2083</v>
      </c>
    </row>
    <row r="2204" spans="1:4" x14ac:dyDescent="0.4">
      <c r="A2204">
        <v>2991606</v>
      </c>
      <c r="B2204" t="s">
        <v>0</v>
      </c>
      <c r="C2204" t="s">
        <v>2070</v>
      </c>
      <c r="D2204" t="s">
        <v>2084</v>
      </c>
    </row>
    <row r="2205" spans="1:4" x14ac:dyDescent="0.4">
      <c r="A2205">
        <v>2991609</v>
      </c>
      <c r="B2205" t="s">
        <v>0</v>
      </c>
      <c r="C2205" t="s">
        <v>2070</v>
      </c>
      <c r="D2205" t="s">
        <v>2085</v>
      </c>
    </row>
    <row r="2206" spans="1:4" x14ac:dyDescent="0.4">
      <c r="A2206">
        <v>2991861</v>
      </c>
      <c r="B2206" t="s">
        <v>0</v>
      </c>
      <c r="C2206" t="s">
        <v>2070</v>
      </c>
      <c r="D2206" t="s">
        <v>2086</v>
      </c>
    </row>
    <row r="2207" spans="1:4" x14ac:dyDescent="0.4">
      <c r="A2207">
        <v>2930041</v>
      </c>
      <c r="B2207" t="s">
        <v>0</v>
      </c>
      <c r="C2207" t="s">
        <v>2070</v>
      </c>
      <c r="D2207" t="s">
        <v>785</v>
      </c>
    </row>
    <row r="2208" spans="1:4" x14ac:dyDescent="0.4">
      <c r="A2208">
        <v>2930005</v>
      </c>
      <c r="B2208" t="s">
        <v>0</v>
      </c>
      <c r="C2208" t="s">
        <v>2070</v>
      </c>
      <c r="D2208" t="s">
        <v>2087</v>
      </c>
    </row>
    <row r="2209" spans="1:4" x14ac:dyDescent="0.4">
      <c r="A2209">
        <v>2930051</v>
      </c>
      <c r="B2209" t="s">
        <v>0</v>
      </c>
      <c r="C2209" t="s">
        <v>2070</v>
      </c>
      <c r="D2209" t="s">
        <v>860</v>
      </c>
    </row>
    <row r="2210" spans="1:4" x14ac:dyDescent="0.4">
      <c r="A2210">
        <v>2930057</v>
      </c>
      <c r="B2210" t="s">
        <v>0</v>
      </c>
      <c r="C2210" t="s">
        <v>2070</v>
      </c>
      <c r="D2210" t="s">
        <v>2088</v>
      </c>
    </row>
    <row r="2211" spans="1:4" x14ac:dyDescent="0.4">
      <c r="A2211">
        <v>2930023</v>
      </c>
      <c r="B2211" t="s">
        <v>0</v>
      </c>
      <c r="C2211" t="s">
        <v>2070</v>
      </c>
      <c r="D2211" t="s">
        <v>2089</v>
      </c>
    </row>
    <row r="2212" spans="1:4" x14ac:dyDescent="0.4">
      <c r="A2212">
        <v>2930034</v>
      </c>
      <c r="B2212" t="s">
        <v>0</v>
      </c>
      <c r="C2212" t="s">
        <v>2070</v>
      </c>
      <c r="D2212" t="s">
        <v>2090</v>
      </c>
    </row>
    <row r="2213" spans="1:4" x14ac:dyDescent="0.4">
      <c r="A2213">
        <v>2930042</v>
      </c>
      <c r="B2213" t="s">
        <v>0</v>
      </c>
      <c r="C2213" t="s">
        <v>2070</v>
      </c>
      <c r="D2213" t="s">
        <v>2091</v>
      </c>
    </row>
    <row r="2214" spans="1:4" x14ac:dyDescent="0.4">
      <c r="A2214">
        <v>2991747</v>
      </c>
      <c r="B2214" t="s">
        <v>0</v>
      </c>
      <c r="C2214" t="s">
        <v>2070</v>
      </c>
      <c r="D2214" t="s">
        <v>2092</v>
      </c>
    </row>
    <row r="2215" spans="1:4" x14ac:dyDescent="0.4">
      <c r="A2215">
        <v>2930046</v>
      </c>
      <c r="B2215" t="s">
        <v>0</v>
      </c>
      <c r="C2215" t="s">
        <v>2070</v>
      </c>
      <c r="D2215" t="s">
        <v>2093</v>
      </c>
    </row>
    <row r="2216" spans="1:4" x14ac:dyDescent="0.4">
      <c r="A2216">
        <v>2991602</v>
      </c>
      <c r="B2216" t="s">
        <v>0</v>
      </c>
      <c r="C2216" t="s">
        <v>2070</v>
      </c>
      <c r="D2216" t="s">
        <v>163</v>
      </c>
    </row>
    <row r="2217" spans="1:4" x14ac:dyDescent="0.4">
      <c r="A2217">
        <v>2991601</v>
      </c>
      <c r="B2217" t="s">
        <v>0</v>
      </c>
      <c r="C2217" t="s">
        <v>2070</v>
      </c>
      <c r="D2217" t="s">
        <v>2094</v>
      </c>
    </row>
    <row r="2218" spans="1:4" x14ac:dyDescent="0.4">
      <c r="A2218">
        <v>2930055</v>
      </c>
      <c r="B2218" t="s">
        <v>0</v>
      </c>
      <c r="C2218" t="s">
        <v>2070</v>
      </c>
      <c r="D2218" t="s">
        <v>2095</v>
      </c>
    </row>
    <row r="2219" spans="1:4" x14ac:dyDescent="0.4">
      <c r="A2219">
        <v>2930058</v>
      </c>
      <c r="B2219" t="s">
        <v>0</v>
      </c>
      <c r="C2219" t="s">
        <v>2070</v>
      </c>
      <c r="D2219" t="s">
        <v>2096</v>
      </c>
    </row>
    <row r="2220" spans="1:4" x14ac:dyDescent="0.4">
      <c r="A2220">
        <v>2991603</v>
      </c>
      <c r="B2220" t="s">
        <v>0</v>
      </c>
      <c r="C2220" t="s">
        <v>2070</v>
      </c>
      <c r="D2220" t="s">
        <v>2097</v>
      </c>
    </row>
    <row r="2221" spans="1:4" x14ac:dyDescent="0.4">
      <c r="A2221">
        <v>2991745</v>
      </c>
      <c r="B2221" t="s">
        <v>0</v>
      </c>
      <c r="C2221" t="s">
        <v>2070</v>
      </c>
      <c r="D2221" t="s">
        <v>2098</v>
      </c>
    </row>
    <row r="2222" spans="1:4" x14ac:dyDescent="0.4">
      <c r="A2222">
        <v>2930024</v>
      </c>
      <c r="B2222" t="s">
        <v>0</v>
      </c>
      <c r="C2222" t="s">
        <v>2070</v>
      </c>
      <c r="D2222" t="s">
        <v>2099</v>
      </c>
    </row>
    <row r="2223" spans="1:4" x14ac:dyDescent="0.4">
      <c r="A2223">
        <v>2930006</v>
      </c>
      <c r="B2223" t="s">
        <v>0</v>
      </c>
      <c r="C2223" t="s">
        <v>2070</v>
      </c>
      <c r="D2223" t="s">
        <v>2100</v>
      </c>
    </row>
    <row r="2224" spans="1:4" x14ac:dyDescent="0.4">
      <c r="A2224">
        <v>2930032</v>
      </c>
      <c r="B2224" t="s">
        <v>0</v>
      </c>
      <c r="C2224" t="s">
        <v>2070</v>
      </c>
      <c r="D2224" t="s">
        <v>2101</v>
      </c>
    </row>
    <row r="2225" spans="1:4" x14ac:dyDescent="0.4">
      <c r="A2225">
        <v>2930011</v>
      </c>
      <c r="B2225" t="s">
        <v>0</v>
      </c>
      <c r="C2225" t="s">
        <v>2070</v>
      </c>
      <c r="D2225" t="s">
        <v>1102</v>
      </c>
    </row>
    <row r="2226" spans="1:4" x14ac:dyDescent="0.4">
      <c r="A2226">
        <v>2991734</v>
      </c>
      <c r="B2226" t="s">
        <v>0</v>
      </c>
      <c r="C2226" t="s">
        <v>2070</v>
      </c>
      <c r="D2226" t="s">
        <v>1850</v>
      </c>
    </row>
    <row r="2227" spans="1:4" x14ac:dyDescent="0.4">
      <c r="A2227">
        <v>2991752</v>
      </c>
      <c r="B2227" t="s">
        <v>0</v>
      </c>
      <c r="C2227" t="s">
        <v>2070</v>
      </c>
      <c r="D2227" t="s">
        <v>2102</v>
      </c>
    </row>
    <row r="2228" spans="1:4" x14ac:dyDescent="0.4">
      <c r="A2228">
        <v>2991604</v>
      </c>
      <c r="B2228" t="s">
        <v>0</v>
      </c>
      <c r="C2228" t="s">
        <v>2070</v>
      </c>
      <c r="D2228" t="s">
        <v>2103</v>
      </c>
    </row>
    <row r="2229" spans="1:4" x14ac:dyDescent="0.4">
      <c r="A2229">
        <v>2991733</v>
      </c>
      <c r="B2229" t="s">
        <v>0</v>
      </c>
      <c r="C2229" t="s">
        <v>2070</v>
      </c>
      <c r="D2229" t="s">
        <v>2104</v>
      </c>
    </row>
    <row r="2230" spans="1:4" x14ac:dyDescent="0.4">
      <c r="A2230">
        <v>2991731</v>
      </c>
      <c r="B2230" t="s">
        <v>0</v>
      </c>
      <c r="C2230" t="s">
        <v>2070</v>
      </c>
      <c r="D2230" t="s">
        <v>2105</v>
      </c>
    </row>
    <row r="2231" spans="1:4" x14ac:dyDescent="0.4">
      <c r="A2231">
        <v>2991621</v>
      </c>
      <c r="B2231" t="s">
        <v>0</v>
      </c>
      <c r="C2231" t="s">
        <v>2070</v>
      </c>
      <c r="D2231" t="s">
        <v>2106</v>
      </c>
    </row>
    <row r="2232" spans="1:4" x14ac:dyDescent="0.4">
      <c r="A2232">
        <v>2991755</v>
      </c>
      <c r="B2232" t="s">
        <v>0</v>
      </c>
      <c r="C2232" t="s">
        <v>2070</v>
      </c>
      <c r="D2232" t="s">
        <v>2107</v>
      </c>
    </row>
    <row r="2233" spans="1:4" x14ac:dyDescent="0.4">
      <c r="A2233">
        <v>2930036</v>
      </c>
      <c r="B2233" t="s">
        <v>0</v>
      </c>
      <c r="C2233" t="s">
        <v>2070</v>
      </c>
      <c r="D2233" t="s">
        <v>2108</v>
      </c>
    </row>
    <row r="2234" spans="1:4" x14ac:dyDescent="0.4">
      <c r="A2234">
        <v>2930054</v>
      </c>
      <c r="B2234" t="s">
        <v>0</v>
      </c>
      <c r="C2234" t="s">
        <v>2070</v>
      </c>
      <c r="D2234" t="s">
        <v>2109</v>
      </c>
    </row>
    <row r="2235" spans="1:4" x14ac:dyDescent="0.4">
      <c r="A2235">
        <v>2991759</v>
      </c>
      <c r="B2235" t="s">
        <v>0</v>
      </c>
      <c r="C2235" t="s">
        <v>2070</v>
      </c>
      <c r="D2235" t="s">
        <v>2110</v>
      </c>
    </row>
    <row r="2236" spans="1:4" x14ac:dyDescent="0.4">
      <c r="A2236">
        <v>2991742</v>
      </c>
      <c r="B2236" t="s">
        <v>0</v>
      </c>
      <c r="C2236" t="s">
        <v>2070</v>
      </c>
      <c r="D2236" t="s">
        <v>2111</v>
      </c>
    </row>
    <row r="2237" spans="1:4" x14ac:dyDescent="0.4">
      <c r="A2237">
        <v>2930044</v>
      </c>
      <c r="B2237" t="s">
        <v>0</v>
      </c>
      <c r="C2237" t="s">
        <v>2070</v>
      </c>
      <c r="D2237" t="s">
        <v>2025</v>
      </c>
    </row>
    <row r="2238" spans="1:4" x14ac:dyDescent="0.4">
      <c r="A2238">
        <v>2991611</v>
      </c>
      <c r="B2238" t="s">
        <v>0</v>
      </c>
      <c r="C2238" t="s">
        <v>2070</v>
      </c>
      <c r="D2238" t="s">
        <v>2112</v>
      </c>
    </row>
    <row r="2239" spans="1:4" x14ac:dyDescent="0.4">
      <c r="A2239">
        <v>2991744</v>
      </c>
      <c r="B2239" t="s">
        <v>0</v>
      </c>
      <c r="C2239" t="s">
        <v>2070</v>
      </c>
      <c r="D2239" t="s">
        <v>2113</v>
      </c>
    </row>
    <row r="2240" spans="1:4" x14ac:dyDescent="0.4">
      <c r="A2240">
        <v>2991614</v>
      </c>
      <c r="B2240" t="s">
        <v>0</v>
      </c>
      <c r="C2240" t="s">
        <v>2070</v>
      </c>
      <c r="D2240" t="s">
        <v>2114</v>
      </c>
    </row>
    <row r="2241" spans="1:4" x14ac:dyDescent="0.4">
      <c r="A2241">
        <v>2930035</v>
      </c>
      <c r="B2241" t="s">
        <v>0</v>
      </c>
      <c r="C2241" t="s">
        <v>2070</v>
      </c>
      <c r="D2241" t="s">
        <v>2115</v>
      </c>
    </row>
    <row r="2242" spans="1:4" x14ac:dyDescent="0.4">
      <c r="A2242">
        <v>2930013</v>
      </c>
      <c r="B2242" t="s">
        <v>0</v>
      </c>
      <c r="C2242" t="s">
        <v>2070</v>
      </c>
      <c r="D2242" t="s">
        <v>2116</v>
      </c>
    </row>
    <row r="2243" spans="1:4" x14ac:dyDescent="0.4">
      <c r="A2243">
        <v>2991622</v>
      </c>
      <c r="B2243" t="s">
        <v>0</v>
      </c>
      <c r="C2243" t="s">
        <v>2070</v>
      </c>
      <c r="D2243" t="s">
        <v>2117</v>
      </c>
    </row>
    <row r="2244" spans="1:4" x14ac:dyDescent="0.4">
      <c r="A2244">
        <v>2930053</v>
      </c>
      <c r="B2244" t="s">
        <v>0</v>
      </c>
      <c r="C2244" t="s">
        <v>2070</v>
      </c>
      <c r="D2244" t="s">
        <v>2118</v>
      </c>
    </row>
    <row r="2245" spans="1:4" x14ac:dyDescent="0.4">
      <c r="A2245">
        <v>2991618</v>
      </c>
      <c r="B2245" t="s">
        <v>0</v>
      </c>
      <c r="C2245" t="s">
        <v>2070</v>
      </c>
      <c r="D2245" t="s">
        <v>2119</v>
      </c>
    </row>
    <row r="2246" spans="1:4" x14ac:dyDescent="0.4">
      <c r="A2246">
        <v>2991737</v>
      </c>
      <c r="B2246" t="s">
        <v>0</v>
      </c>
      <c r="C2246" t="s">
        <v>2070</v>
      </c>
      <c r="D2246" t="s">
        <v>2120</v>
      </c>
    </row>
    <row r="2247" spans="1:4" x14ac:dyDescent="0.4">
      <c r="A2247">
        <v>2930002</v>
      </c>
      <c r="B2247" t="s">
        <v>0</v>
      </c>
      <c r="C2247" t="s">
        <v>2070</v>
      </c>
      <c r="D2247" t="s">
        <v>2121</v>
      </c>
    </row>
    <row r="2248" spans="1:4" x14ac:dyDescent="0.4">
      <c r="A2248">
        <v>2930021</v>
      </c>
      <c r="B2248" t="s">
        <v>0</v>
      </c>
      <c r="C2248" t="s">
        <v>2070</v>
      </c>
      <c r="D2248" t="s">
        <v>2122</v>
      </c>
    </row>
    <row r="2249" spans="1:4" x14ac:dyDescent="0.4">
      <c r="A2249">
        <v>2930052</v>
      </c>
      <c r="B2249" t="s">
        <v>0</v>
      </c>
      <c r="C2249" t="s">
        <v>2070</v>
      </c>
      <c r="D2249" t="s">
        <v>2123</v>
      </c>
    </row>
    <row r="2250" spans="1:4" x14ac:dyDescent="0.4">
      <c r="A2250">
        <v>2930003</v>
      </c>
      <c r="B2250" t="s">
        <v>0</v>
      </c>
      <c r="C2250" t="s">
        <v>2070</v>
      </c>
      <c r="D2250" t="s">
        <v>210</v>
      </c>
    </row>
    <row r="2251" spans="1:4" x14ac:dyDescent="0.4">
      <c r="A2251">
        <v>2930004</v>
      </c>
      <c r="B2251" t="s">
        <v>0</v>
      </c>
      <c r="C2251" t="s">
        <v>2070</v>
      </c>
      <c r="D2251" t="s">
        <v>2124</v>
      </c>
    </row>
    <row r="2252" spans="1:4" x14ac:dyDescent="0.4">
      <c r="A2252">
        <v>2991607</v>
      </c>
      <c r="B2252" t="s">
        <v>0</v>
      </c>
      <c r="C2252" t="s">
        <v>2070</v>
      </c>
      <c r="D2252" t="s">
        <v>2125</v>
      </c>
    </row>
    <row r="2253" spans="1:4" x14ac:dyDescent="0.4">
      <c r="A2253">
        <v>2991741</v>
      </c>
      <c r="B2253" t="s">
        <v>0</v>
      </c>
      <c r="C2253" t="s">
        <v>2070</v>
      </c>
      <c r="D2253" t="s">
        <v>2126</v>
      </c>
    </row>
    <row r="2254" spans="1:4" x14ac:dyDescent="0.4">
      <c r="A2254">
        <v>2991756</v>
      </c>
      <c r="B2254" t="s">
        <v>0</v>
      </c>
      <c r="C2254" t="s">
        <v>2070</v>
      </c>
      <c r="D2254" t="s">
        <v>2127</v>
      </c>
    </row>
    <row r="2255" spans="1:4" x14ac:dyDescent="0.4">
      <c r="A2255">
        <v>2991605</v>
      </c>
      <c r="B2255" t="s">
        <v>0</v>
      </c>
      <c r="C2255" t="s">
        <v>2070</v>
      </c>
      <c r="D2255" t="s">
        <v>2128</v>
      </c>
    </row>
    <row r="2256" spans="1:4" x14ac:dyDescent="0.4">
      <c r="A2256">
        <v>2930045</v>
      </c>
      <c r="B2256" t="s">
        <v>0</v>
      </c>
      <c r="C2256" t="s">
        <v>2070</v>
      </c>
      <c r="D2256" t="s">
        <v>2129</v>
      </c>
    </row>
    <row r="2257" spans="1:4" x14ac:dyDescent="0.4">
      <c r="A2257">
        <v>2991743</v>
      </c>
      <c r="B2257" t="s">
        <v>0</v>
      </c>
      <c r="C2257" t="s">
        <v>2070</v>
      </c>
      <c r="D2257" t="s">
        <v>2130</v>
      </c>
    </row>
    <row r="2258" spans="1:4" x14ac:dyDescent="0.4">
      <c r="A2258">
        <v>2991754</v>
      </c>
      <c r="B2258" t="s">
        <v>0</v>
      </c>
      <c r="C2258" t="s">
        <v>2070</v>
      </c>
      <c r="D2258" t="s">
        <v>2131</v>
      </c>
    </row>
    <row r="2259" spans="1:4" x14ac:dyDescent="0.4">
      <c r="A2259">
        <v>2930056</v>
      </c>
      <c r="B2259" t="s">
        <v>0</v>
      </c>
      <c r="C2259" t="s">
        <v>2070</v>
      </c>
      <c r="D2259" t="s">
        <v>2067</v>
      </c>
    </row>
    <row r="2260" spans="1:4" x14ac:dyDescent="0.4">
      <c r="A2260">
        <v>2991612</v>
      </c>
      <c r="B2260" t="s">
        <v>0</v>
      </c>
      <c r="C2260" t="s">
        <v>2070</v>
      </c>
      <c r="D2260" t="s">
        <v>2132</v>
      </c>
    </row>
    <row r="2261" spans="1:4" x14ac:dyDescent="0.4">
      <c r="A2261">
        <v>2790000</v>
      </c>
      <c r="B2261" t="s">
        <v>0</v>
      </c>
      <c r="C2261" t="s">
        <v>2133</v>
      </c>
    </row>
    <row r="2262" spans="1:4" x14ac:dyDescent="0.4">
      <c r="A2262">
        <v>2790014</v>
      </c>
      <c r="B2262" t="s">
        <v>0</v>
      </c>
      <c r="C2262" t="s">
        <v>2133</v>
      </c>
      <c r="D2262" t="s">
        <v>2134</v>
      </c>
    </row>
    <row r="2263" spans="1:4" x14ac:dyDescent="0.4">
      <c r="A2263">
        <v>2790022</v>
      </c>
      <c r="B2263" t="s">
        <v>0</v>
      </c>
      <c r="C2263" t="s">
        <v>2133</v>
      </c>
      <c r="D2263" t="s">
        <v>2135</v>
      </c>
    </row>
    <row r="2264" spans="1:4" x14ac:dyDescent="0.4">
      <c r="A2264">
        <v>2790012</v>
      </c>
      <c r="B2264" t="s">
        <v>0</v>
      </c>
      <c r="C2264" t="s">
        <v>2133</v>
      </c>
      <c r="D2264" t="s">
        <v>1097</v>
      </c>
    </row>
    <row r="2265" spans="1:4" x14ac:dyDescent="0.4">
      <c r="A2265">
        <v>2790003</v>
      </c>
      <c r="B2265" t="s">
        <v>0</v>
      </c>
      <c r="C2265" t="s">
        <v>2133</v>
      </c>
      <c r="D2265" t="s">
        <v>2136</v>
      </c>
    </row>
    <row r="2266" spans="1:4" x14ac:dyDescent="0.4">
      <c r="A2266">
        <v>2790002</v>
      </c>
      <c r="B2266" t="s">
        <v>0</v>
      </c>
      <c r="C2266" t="s">
        <v>2133</v>
      </c>
      <c r="D2266" t="s">
        <v>2137</v>
      </c>
    </row>
    <row r="2267" spans="1:4" x14ac:dyDescent="0.4">
      <c r="A2267">
        <v>2790023</v>
      </c>
      <c r="B2267" t="s">
        <v>0</v>
      </c>
      <c r="C2267" t="s">
        <v>2133</v>
      </c>
      <c r="D2267" t="s">
        <v>74</v>
      </c>
    </row>
    <row r="2268" spans="1:4" x14ac:dyDescent="0.4">
      <c r="A2268">
        <v>2790032</v>
      </c>
      <c r="B2268" t="s">
        <v>0</v>
      </c>
      <c r="C2268" t="s">
        <v>2133</v>
      </c>
      <c r="D2268" t="s">
        <v>2138</v>
      </c>
    </row>
    <row r="2269" spans="1:4" x14ac:dyDescent="0.4">
      <c r="A2269">
        <v>2790025</v>
      </c>
      <c r="B2269" t="s">
        <v>0</v>
      </c>
      <c r="C2269" t="s">
        <v>2133</v>
      </c>
      <c r="D2269" t="s">
        <v>2139</v>
      </c>
    </row>
    <row r="2270" spans="1:4" x14ac:dyDescent="0.4">
      <c r="A2270">
        <v>2790001</v>
      </c>
      <c r="B2270" t="s">
        <v>0</v>
      </c>
      <c r="C2270" t="s">
        <v>2133</v>
      </c>
      <c r="D2270" t="s">
        <v>2140</v>
      </c>
    </row>
    <row r="2271" spans="1:4" x14ac:dyDescent="0.4">
      <c r="A2271">
        <v>2790021</v>
      </c>
      <c r="B2271" t="s">
        <v>0</v>
      </c>
      <c r="C2271" t="s">
        <v>2133</v>
      </c>
      <c r="D2271" t="s">
        <v>911</v>
      </c>
    </row>
    <row r="2272" spans="1:4" x14ac:dyDescent="0.4">
      <c r="A2272">
        <v>2790004</v>
      </c>
      <c r="B2272" t="s">
        <v>0</v>
      </c>
      <c r="C2272" t="s">
        <v>2133</v>
      </c>
      <c r="D2272" t="s">
        <v>2141</v>
      </c>
    </row>
    <row r="2273" spans="1:4" x14ac:dyDescent="0.4">
      <c r="A2273">
        <v>2790042</v>
      </c>
      <c r="B2273" t="s">
        <v>0</v>
      </c>
      <c r="C2273" t="s">
        <v>2133</v>
      </c>
      <c r="D2273" t="s">
        <v>2142</v>
      </c>
    </row>
    <row r="2274" spans="1:4" x14ac:dyDescent="0.4">
      <c r="A2274">
        <v>2790013</v>
      </c>
      <c r="B2274" t="s">
        <v>0</v>
      </c>
      <c r="C2274" t="s">
        <v>2133</v>
      </c>
      <c r="D2274" t="s">
        <v>748</v>
      </c>
    </row>
    <row r="2275" spans="1:4" x14ac:dyDescent="0.4">
      <c r="A2275">
        <v>2790043</v>
      </c>
      <c r="B2275" t="s">
        <v>0</v>
      </c>
      <c r="C2275" t="s">
        <v>2133</v>
      </c>
      <c r="D2275" t="s">
        <v>207</v>
      </c>
    </row>
    <row r="2276" spans="1:4" x14ac:dyDescent="0.4">
      <c r="A2276">
        <v>2790026</v>
      </c>
      <c r="B2276" t="s">
        <v>0</v>
      </c>
      <c r="C2276" t="s">
        <v>2133</v>
      </c>
      <c r="D2276" t="s">
        <v>2143</v>
      </c>
    </row>
    <row r="2277" spans="1:4" x14ac:dyDescent="0.4">
      <c r="A2277">
        <v>2790041</v>
      </c>
      <c r="B2277" t="s">
        <v>0</v>
      </c>
      <c r="C2277" t="s">
        <v>2133</v>
      </c>
      <c r="D2277" t="s">
        <v>2144</v>
      </c>
    </row>
    <row r="2278" spans="1:4" x14ac:dyDescent="0.4">
      <c r="A2278">
        <v>2790031</v>
      </c>
      <c r="B2278" t="s">
        <v>0</v>
      </c>
      <c r="C2278" t="s">
        <v>2133</v>
      </c>
      <c r="D2278" t="s">
        <v>2145</v>
      </c>
    </row>
    <row r="2279" spans="1:4" x14ac:dyDescent="0.4">
      <c r="A2279">
        <v>2790024</v>
      </c>
      <c r="B2279" t="s">
        <v>0</v>
      </c>
      <c r="C2279" t="s">
        <v>2133</v>
      </c>
      <c r="D2279" t="s">
        <v>2146</v>
      </c>
    </row>
    <row r="2280" spans="1:4" x14ac:dyDescent="0.4">
      <c r="A2280">
        <v>2790011</v>
      </c>
      <c r="B2280" t="s">
        <v>0</v>
      </c>
      <c r="C2280" t="s">
        <v>2133</v>
      </c>
      <c r="D2280" t="s">
        <v>118</v>
      </c>
    </row>
    <row r="2281" spans="1:4" x14ac:dyDescent="0.4">
      <c r="A2281">
        <v>2840000</v>
      </c>
      <c r="B2281" t="s">
        <v>0</v>
      </c>
      <c r="C2281" t="s">
        <v>2147</v>
      </c>
    </row>
    <row r="2282" spans="1:4" x14ac:dyDescent="0.4">
      <c r="A2282">
        <v>2840024</v>
      </c>
      <c r="B2282" t="s">
        <v>0</v>
      </c>
      <c r="C2282" t="s">
        <v>2147</v>
      </c>
      <c r="D2282" t="s">
        <v>2148</v>
      </c>
    </row>
    <row r="2283" spans="1:4" x14ac:dyDescent="0.4">
      <c r="A2283">
        <v>2840014</v>
      </c>
      <c r="B2283" t="s">
        <v>0</v>
      </c>
      <c r="C2283" t="s">
        <v>2147</v>
      </c>
      <c r="D2283" t="s">
        <v>2149</v>
      </c>
    </row>
    <row r="2284" spans="1:4" x14ac:dyDescent="0.4">
      <c r="A2284">
        <v>2840041</v>
      </c>
      <c r="B2284" t="s">
        <v>0</v>
      </c>
      <c r="C2284" t="s">
        <v>2147</v>
      </c>
      <c r="D2284" t="s">
        <v>533</v>
      </c>
    </row>
    <row r="2285" spans="1:4" x14ac:dyDescent="0.4">
      <c r="A2285">
        <v>2840013</v>
      </c>
      <c r="B2285" t="s">
        <v>0</v>
      </c>
      <c r="C2285" t="s">
        <v>2147</v>
      </c>
      <c r="D2285" t="s">
        <v>2150</v>
      </c>
    </row>
    <row r="2286" spans="1:4" x14ac:dyDescent="0.4">
      <c r="A2286">
        <v>2840045</v>
      </c>
      <c r="B2286" t="s">
        <v>0</v>
      </c>
      <c r="C2286" t="s">
        <v>2147</v>
      </c>
      <c r="D2286" t="s">
        <v>2151</v>
      </c>
    </row>
    <row r="2287" spans="1:4" x14ac:dyDescent="0.4">
      <c r="A2287">
        <v>2840042</v>
      </c>
      <c r="B2287" t="s">
        <v>0</v>
      </c>
      <c r="C2287" t="s">
        <v>2147</v>
      </c>
      <c r="D2287" t="s">
        <v>2152</v>
      </c>
    </row>
    <row r="2288" spans="1:4" x14ac:dyDescent="0.4">
      <c r="A2288">
        <v>2840011</v>
      </c>
      <c r="B2288" t="s">
        <v>0</v>
      </c>
      <c r="C2288" t="s">
        <v>2147</v>
      </c>
      <c r="D2288" t="s">
        <v>2153</v>
      </c>
    </row>
    <row r="2289" spans="1:4" x14ac:dyDescent="0.4">
      <c r="A2289">
        <v>2840002</v>
      </c>
      <c r="B2289" t="s">
        <v>0</v>
      </c>
      <c r="C2289" t="s">
        <v>2147</v>
      </c>
      <c r="D2289" t="s">
        <v>2154</v>
      </c>
    </row>
    <row r="2290" spans="1:4" x14ac:dyDescent="0.4">
      <c r="A2290">
        <v>2840027</v>
      </c>
      <c r="B2290" t="s">
        <v>0</v>
      </c>
      <c r="C2290" t="s">
        <v>2147</v>
      </c>
      <c r="D2290" t="s">
        <v>239</v>
      </c>
    </row>
    <row r="2291" spans="1:4" x14ac:dyDescent="0.4">
      <c r="A2291">
        <v>2840025</v>
      </c>
      <c r="B2291" t="s">
        <v>0</v>
      </c>
      <c r="C2291" t="s">
        <v>2147</v>
      </c>
      <c r="D2291" t="s">
        <v>2155</v>
      </c>
    </row>
    <row r="2292" spans="1:4" x14ac:dyDescent="0.4">
      <c r="A2292">
        <v>2840007</v>
      </c>
      <c r="B2292" t="s">
        <v>0</v>
      </c>
      <c r="C2292" t="s">
        <v>2147</v>
      </c>
      <c r="D2292" t="s">
        <v>2156</v>
      </c>
    </row>
    <row r="2293" spans="1:4" x14ac:dyDescent="0.4">
      <c r="A2293">
        <v>2840003</v>
      </c>
      <c r="B2293" t="s">
        <v>0</v>
      </c>
      <c r="C2293" t="s">
        <v>2147</v>
      </c>
      <c r="D2293" t="s">
        <v>2157</v>
      </c>
    </row>
    <row r="2294" spans="1:4" x14ac:dyDescent="0.4">
      <c r="A2294">
        <v>2840006</v>
      </c>
      <c r="B2294" t="s">
        <v>0</v>
      </c>
      <c r="C2294" t="s">
        <v>2147</v>
      </c>
      <c r="D2294" t="s">
        <v>2158</v>
      </c>
    </row>
    <row r="2295" spans="1:4" x14ac:dyDescent="0.4">
      <c r="A2295">
        <v>2840001</v>
      </c>
      <c r="B2295" t="s">
        <v>0</v>
      </c>
      <c r="C2295" t="s">
        <v>2147</v>
      </c>
      <c r="D2295" t="s">
        <v>2159</v>
      </c>
    </row>
    <row r="2296" spans="1:4" x14ac:dyDescent="0.4">
      <c r="A2296">
        <v>2840033</v>
      </c>
      <c r="B2296" t="s">
        <v>0</v>
      </c>
      <c r="C2296" t="s">
        <v>2147</v>
      </c>
      <c r="D2296" t="s">
        <v>2160</v>
      </c>
    </row>
    <row r="2297" spans="1:4" x14ac:dyDescent="0.4">
      <c r="A2297">
        <v>2840015</v>
      </c>
      <c r="B2297" t="s">
        <v>0</v>
      </c>
      <c r="C2297" t="s">
        <v>2147</v>
      </c>
      <c r="D2297" t="s">
        <v>2161</v>
      </c>
    </row>
    <row r="2298" spans="1:4" x14ac:dyDescent="0.4">
      <c r="A2298">
        <v>2840026</v>
      </c>
      <c r="B2298" t="s">
        <v>0</v>
      </c>
      <c r="C2298" t="s">
        <v>2147</v>
      </c>
      <c r="D2298" t="s">
        <v>2162</v>
      </c>
    </row>
    <row r="2299" spans="1:4" x14ac:dyDescent="0.4">
      <c r="A2299">
        <v>2840037</v>
      </c>
      <c r="B2299" t="s">
        <v>0</v>
      </c>
      <c r="C2299" t="s">
        <v>2147</v>
      </c>
      <c r="D2299" t="s">
        <v>2163</v>
      </c>
    </row>
    <row r="2300" spans="1:4" x14ac:dyDescent="0.4">
      <c r="A2300">
        <v>2840036</v>
      </c>
      <c r="B2300" t="s">
        <v>0</v>
      </c>
      <c r="C2300" t="s">
        <v>2147</v>
      </c>
      <c r="D2300" t="s">
        <v>194</v>
      </c>
    </row>
    <row r="2301" spans="1:4" x14ac:dyDescent="0.4">
      <c r="A2301">
        <v>2840021</v>
      </c>
      <c r="B2301" t="s">
        <v>0</v>
      </c>
      <c r="C2301" t="s">
        <v>2147</v>
      </c>
      <c r="D2301" t="s">
        <v>2164</v>
      </c>
    </row>
    <row r="2302" spans="1:4" x14ac:dyDescent="0.4">
      <c r="A2302">
        <v>2840034</v>
      </c>
      <c r="B2302" t="s">
        <v>0</v>
      </c>
      <c r="C2302" t="s">
        <v>2147</v>
      </c>
      <c r="D2302" t="s">
        <v>2165</v>
      </c>
    </row>
    <row r="2303" spans="1:4" x14ac:dyDescent="0.4">
      <c r="A2303">
        <v>2840031</v>
      </c>
      <c r="B2303" t="s">
        <v>0</v>
      </c>
      <c r="C2303" t="s">
        <v>2147</v>
      </c>
      <c r="D2303" t="s">
        <v>2166</v>
      </c>
    </row>
    <row r="2304" spans="1:4" x14ac:dyDescent="0.4">
      <c r="A2304">
        <v>2840023</v>
      </c>
      <c r="B2304" t="s">
        <v>0</v>
      </c>
      <c r="C2304" t="s">
        <v>2147</v>
      </c>
      <c r="D2304" t="s">
        <v>2167</v>
      </c>
    </row>
    <row r="2305" spans="1:4" x14ac:dyDescent="0.4">
      <c r="A2305">
        <v>2840004</v>
      </c>
      <c r="B2305" t="s">
        <v>0</v>
      </c>
      <c r="C2305" t="s">
        <v>2147</v>
      </c>
      <c r="D2305" t="s">
        <v>2168</v>
      </c>
    </row>
    <row r="2306" spans="1:4" x14ac:dyDescent="0.4">
      <c r="A2306">
        <v>2840043</v>
      </c>
      <c r="B2306" t="s">
        <v>0</v>
      </c>
      <c r="C2306" t="s">
        <v>2147</v>
      </c>
      <c r="D2306" t="s">
        <v>2169</v>
      </c>
    </row>
    <row r="2307" spans="1:4" x14ac:dyDescent="0.4">
      <c r="A2307">
        <v>2840016</v>
      </c>
      <c r="B2307" t="s">
        <v>0</v>
      </c>
      <c r="C2307" t="s">
        <v>2147</v>
      </c>
      <c r="D2307" t="s">
        <v>2170</v>
      </c>
    </row>
    <row r="2308" spans="1:4" x14ac:dyDescent="0.4">
      <c r="A2308">
        <v>2840012</v>
      </c>
      <c r="B2308" t="s">
        <v>0</v>
      </c>
      <c r="C2308" t="s">
        <v>2147</v>
      </c>
      <c r="D2308" t="s">
        <v>2171</v>
      </c>
    </row>
    <row r="2309" spans="1:4" x14ac:dyDescent="0.4">
      <c r="A2309">
        <v>2840022</v>
      </c>
      <c r="B2309" t="s">
        <v>0</v>
      </c>
      <c r="C2309" t="s">
        <v>2147</v>
      </c>
      <c r="D2309" t="s">
        <v>2172</v>
      </c>
    </row>
    <row r="2310" spans="1:4" x14ac:dyDescent="0.4">
      <c r="A2310">
        <v>2840032</v>
      </c>
      <c r="B2310" t="s">
        <v>0</v>
      </c>
      <c r="C2310" t="s">
        <v>2147</v>
      </c>
      <c r="D2310" t="s">
        <v>2173</v>
      </c>
    </row>
    <row r="2311" spans="1:4" x14ac:dyDescent="0.4">
      <c r="A2311">
        <v>2840005</v>
      </c>
      <c r="B2311" t="s">
        <v>0</v>
      </c>
      <c r="C2311" t="s">
        <v>2147</v>
      </c>
      <c r="D2311" t="s">
        <v>2174</v>
      </c>
    </row>
    <row r="2312" spans="1:4" x14ac:dyDescent="0.4">
      <c r="A2312">
        <v>2840008</v>
      </c>
      <c r="B2312" t="s">
        <v>0</v>
      </c>
      <c r="C2312" t="s">
        <v>2147</v>
      </c>
      <c r="D2312" t="s">
        <v>2175</v>
      </c>
    </row>
    <row r="2313" spans="1:4" x14ac:dyDescent="0.4">
      <c r="A2313">
        <v>2840035</v>
      </c>
      <c r="B2313" t="s">
        <v>0</v>
      </c>
      <c r="C2313" t="s">
        <v>2147</v>
      </c>
      <c r="D2313" t="s">
        <v>2176</v>
      </c>
    </row>
    <row r="2314" spans="1:4" x14ac:dyDescent="0.4">
      <c r="A2314">
        <v>2840044</v>
      </c>
      <c r="B2314" t="s">
        <v>0</v>
      </c>
      <c r="C2314" t="s">
        <v>2147</v>
      </c>
      <c r="D2314" t="s">
        <v>2177</v>
      </c>
    </row>
    <row r="2315" spans="1:4" x14ac:dyDescent="0.4">
      <c r="A2315">
        <v>2990200</v>
      </c>
      <c r="B2315" t="s">
        <v>0</v>
      </c>
      <c r="C2315" t="s">
        <v>814</v>
      </c>
    </row>
    <row r="2316" spans="1:4" x14ac:dyDescent="0.4">
      <c r="A2316">
        <v>2990216</v>
      </c>
      <c r="B2316" t="s">
        <v>0</v>
      </c>
      <c r="C2316" t="s">
        <v>814</v>
      </c>
      <c r="D2316" t="s">
        <v>2178</v>
      </c>
    </row>
    <row r="2317" spans="1:4" x14ac:dyDescent="0.4">
      <c r="A2317">
        <v>2990256</v>
      </c>
      <c r="B2317" t="s">
        <v>0</v>
      </c>
      <c r="C2317" t="s">
        <v>814</v>
      </c>
      <c r="D2317" t="s">
        <v>2179</v>
      </c>
    </row>
    <row r="2318" spans="1:4" x14ac:dyDescent="0.4">
      <c r="A2318">
        <v>2990264</v>
      </c>
      <c r="B2318" t="s">
        <v>0</v>
      </c>
      <c r="C2318" t="s">
        <v>814</v>
      </c>
      <c r="D2318" t="s">
        <v>2009</v>
      </c>
    </row>
    <row r="2319" spans="1:4" x14ac:dyDescent="0.4">
      <c r="A2319">
        <v>2990233</v>
      </c>
      <c r="B2319" t="s">
        <v>0</v>
      </c>
      <c r="C2319" t="s">
        <v>814</v>
      </c>
      <c r="D2319" t="s">
        <v>2180</v>
      </c>
    </row>
    <row r="2320" spans="1:4" x14ac:dyDescent="0.4">
      <c r="A2320">
        <v>2990217</v>
      </c>
      <c r="B2320" t="s">
        <v>0</v>
      </c>
      <c r="C2320" t="s">
        <v>814</v>
      </c>
      <c r="D2320" t="s">
        <v>2181</v>
      </c>
    </row>
    <row r="2321" spans="1:4" x14ac:dyDescent="0.4">
      <c r="A2321">
        <v>2990232</v>
      </c>
      <c r="B2321" t="s">
        <v>0</v>
      </c>
      <c r="C2321" t="s">
        <v>814</v>
      </c>
      <c r="D2321" t="s">
        <v>2182</v>
      </c>
    </row>
    <row r="2322" spans="1:4" x14ac:dyDescent="0.4">
      <c r="A2322">
        <v>2990221</v>
      </c>
      <c r="B2322" t="s">
        <v>0</v>
      </c>
      <c r="C2322" t="s">
        <v>814</v>
      </c>
      <c r="D2322" t="s">
        <v>2183</v>
      </c>
    </row>
    <row r="2323" spans="1:4" x14ac:dyDescent="0.4">
      <c r="A2323">
        <v>2990237</v>
      </c>
      <c r="B2323" t="s">
        <v>0</v>
      </c>
      <c r="C2323" t="s">
        <v>814</v>
      </c>
      <c r="D2323" t="s">
        <v>2184</v>
      </c>
    </row>
    <row r="2324" spans="1:4" x14ac:dyDescent="0.4">
      <c r="A2324">
        <v>2990253</v>
      </c>
      <c r="B2324" t="s">
        <v>0</v>
      </c>
      <c r="C2324" t="s">
        <v>814</v>
      </c>
      <c r="D2324" t="s">
        <v>2185</v>
      </c>
    </row>
    <row r="2325" spans="1:4" x14ac:dyDescent="0.4">
      <c r="A2325">
        <v>2990252</v>
      </c>
      <c r="B2325" t="s">
        <v>0</v>
      </c>
      <c r="C2325" t="s">
        <v>814</v>
      </c>
      <c r="D2325" t="s">
        <v>2186</v>
      </c>
    </row>
    <row r="2326" spans="1:4" x14ac:dyDescent="0.4">
      <c r="A2326">
        <v>2990205</v>
      </c>
      <c r="B2326" t="s">
        <v>0</v>
      </c>
      <c r="C2326" t="s">
        <v>814</v>
      </c>
      <c r="D2326" t="s">
        <v>2187</v>
      </c>
    </row>
    <row r="2327" spans="1:4" x14ac:dyDescent="0.4">
      <c r="A2327">
        <v>2990222</v>
      </c>
      <c r="B2327" t="s">
        <v>0</v>
      </c>
      <c r="C2327" t="s">
        <v>814</v>
      </c>
      <c r="D2327" t="s">
        <v>2188</v>
      </c>
    </row>
    <row r="2328" spans="1:4" x14ac:dyDescent="0.4">
      <c r="A2328">
        <v>2990201</v>
      </c>
      <c r="B2328" t="s">
        <v>0</v>
      </c>
      <c r="C2328" t="s">
        <v>814</v>
      </c>
      <c r="D2328" t="s">
        <v>2189</v>
      </c>
    </row>
    <row r="2329" spans="1:4" x14ac:dyDescent="0.4">
      <c r="A2329">
        <v>2990257</v>
      </c>
      <c r="B2329" t="s">
        <v>0</v>
      </c>
      <c r="C2329" t="s">
        <v>814</v>
      </c>
      <c r="D2329" t="s">
        <v>2190</v>
      </c>
    </row>
    <row r="2330" spans="1:4" x14ac:dyDescent="0.4">
      <c r="A2330">
        <v>2990266</v>
      </c>
      <c r="B2330" t="s">
        <v>0</v>
      </c>
      <c r="C2330" t="s">
        <v>814</v>
      </c>
      <c r="D2330" t="s">
        <v>2191</v>
      </c>
    </row>
    <row r="2331" spans="1:4" x14ac:dyDescent="0.4">
      <c r="A2331">
        <v>2990242</v>
      </c>
      <c r="B2331" t="s">
        <v>0</v>
      </c>
      <c r="C2331" t="s">
        <v>814</v>
      </c>
      <c r="D2331" t="s">
        <v>2192</v>
      </c>
    </row>
    <row r="2332" spans="1:4" x14ac:dyDescent="0.4">
      <c r="A2332">
        <v>2990243</v>
      </c>
      <c r="B2332" t="s">
        <v>0</v>
      </c>
      <c r="C2332" t="s">
        <v>814</v>
      </c>
      <c r="D2332" t="s">
        <v>2193</v>
      </c>
    </row>
    <row r="2333" spans="1:4" x14ac:dyDescent="0.4">
      <c r="A2333">
        <v>2990245</v>
      </c>
      <c r="B2333" t="s">
        <v>0</v>
      </c>
      <c r="C2333" t="s">
        <v>814</v>
      </c>
      <c r="D2333" t="s">
        <v>2194</v>
      </c>
    </row>
    <row r="2334" spans="1:4" x14ac:dyDescent="0.4">
      <c r="A2334">
        <v>2990262</v>
      </c>
      <c r="B2334" t="s">
        <v>0</v>
      </c>
      <c r="C2334" t="s">
        <v>814</v>
      </c>
      <c r="D2334" t="s">
        <v>162</v>
      </c>
    </row>
    <row r="2335" spans="1:4" x14ac:dyDescent="0.4">
      <c r="A2335">
        <v>2990212</v>
      </c>
      <c r="B2335" t="s">
        <v>0</v>
      </c>
      <c r="C2335" t="s">
        <v>814</v>
      </c>
      <c r="D2335" t="s">
        <v>2195</v>
      </c>
    </row>
    <row r="2336" spans="1:4" x14ac:dyDescent="0.4">
      <c r="A2336">
        <v>2990247</v>
      </c>
      <c r="B2336" t="s">
        <v>0</v>
      </c>
      <c r="C2336" t="s">
        <v>814</v>
      </c>
      <c r="D2336" t="s">
        <v>2196</v>
      </c>
    </row>
    <row r="2337" spans="1:4" x14ac:dyDescent="0.4">
      <c r="A2337">
        <v>2990231</v>
      </c>
      <c r="B2337" t="s">
        <v>0</v>
      </c>
      <c r="C2337" t="s">
        <v>814</v>
      </c>
      <c r="D2337" t="s">
        <v>2197</v>
      </c>
    </row>
    <row r="2338" spans="1:4" x14ac:dyDescent="0.4">
      <c r="A2338">
        <v>2990255</v>
      </c>
      <c r="B2338" t="s">
        <v>0</v>
      </c>
      <c r="C2338" t="s">
        <v>814</v>
      </c>
      <c r="D2338" t="s">
        <v>2198</v>
      </c>
    </row>
    <row r="2339" spans="1:4" x14ac:dyDescent="0.4">
      <c r="A2339">
        <v>2990214</v>
      </c>
      <c r="B2339" t="s">
        <v>0</v>
      </c>
      <c r="C2339" t="s">
        <v>814</v>
      </c>
      <c r="D2339" t="s">
        <v>2199</v>
      </c>
    </row>
    <row r="2340" spans="1:4" x14ac:dyDescent="0.4">
      <c r="A2340">
        <v>2300000</v>
      </c>
      <c r="B2340" t="s">
        <v>2200</v>
      </c>
      <c r="C2340" t="s">
        <v>2201</v>
      </c>
    </row>
    <row r="2341" spans="1:4" x14ac:dyDescent="0.4">
      <c r="A2341">
        <v>2206205</v>
      </c>
      <c r="B2341" t="s">
        <v>2200</v>
      </c>
      <c r="C2341" t="s">
        <v>2202</v>
      </c>
      <c r="D2341" t="s">
        <v>2203</v>
      </c>
    </row>
    <row r="2342" spans="1:4" x14ac:dyDescent="0.4">
      <c r="A2342">
        <v>2400022</v>
      </c>
      <c r="B2342" t="s">
        <v>2200</v>
      </c>
      <c r="C2342" t="s">
        <v>2204</v>
      </c>
      <c r="D2342" t="s">
        <v>2205</v>
      </c>
    </row>
    <row r="2343" spans="1:4" x14ac:dyDescent="0.4">
      <c r="A2343">
        <v>2470021</v>
      </c>
      <c r="B2343" t="s">
        <v>2200</v>
      </c>
      <c r="C2343" t="s">
        <v>2206</v>
      </c>
      <c r="D2343" t="s">
        <v>2207</v>
      </c>
    </row>
    <row r="2344" spans="1:4" x14ac:dyDescent="0.4">
      <c r="A2344">
        <v>2140005</v>
      </c>
      <c r="B2344" t="s">
        <v>2200</v>
      </c>
      <c r="C2344" t="s">
        <v>2208</v>
      </c>
      <c r="D2344" t="s">
        <v>2209</v>
      </c>
    </row>
    <row r="2345" spans="1:4" x14ac:dyDescent="0.4">
      <c r="A2345">
        <v>2140012</v>
      </c>
      <c r="B2345" t="s">
        <v>2200</v>
      </c>
      <c r="C2345" t="s">
        <v>2208</v>
      </c>
      <c r="D2345" t="s">
        <v>2210</v>
      </c>
    </row>
    <row r="2346" spans="1:4" x14ac:dyDescent="0.4">
      <c r="A2346">
        <v>2140023</v>
      </c>
      <c r="B2346" t="s">
        <v>2200</v>
      </c>
      <c r="C2346" t="s">
        <v>2208</v>
      </c>
      <c r="D2346" t="s">
        <v>2211</v>
      </c>
    </row>
    <row r="2347" spans="1:4" x14ac:dyDescent="0.4">
      <c r="A2347">
        <v>2140035</v>
      </c>
      <c r="B2347" t="s">
        <v>2200</v>
      </c>
      <c r="C2347" t="s">
        <v>2208</v>
      </c>
      <c r="D2347" t="s">
        <v>2212</v>
      </c>
    </row>
    <row r="2348" spans="1:4" x14ac:dyDescent="0.4">
      <c r="A2348">
        <v>2140037</v>
      </c>
      <c r="B2348" t="s">
        <v>2200</v>
      </c>
      <c r="C2348" t="s">
        <v>2208</v>
      </c>
      <c r="D2348" t="s">
        <v>2213</v>
      </c>
    </row>
    <row r="2349" spans="1:4" x14ac:dyDescent="0.4">
      <c r="A2349">
        <v>2140014</v>
      </c>
      <c r="B2349" t="s">
        <v>2200</v>
      </c>
      <c r="C2349" t="s">
        <v>2208</v>
      </c>
      <c r="D2349" t="s">
        <v>1688</v>
      </c>
    </row>
    <row r="2350" spans="1:4" x14ac:dyDescent="0.4">
      <c r="A2350">
        <v>2140013</v>
      </c>
      <c r="B2350" t="s">
        <v>2200</v>
      </c>
      <c r="C2350" t="s">
        <v>2208</v>
      </c>
      <c r="D2350" t="s">
        <v>2214</v>
      </c>
    </row>
    <row r="2351" spans="1:4" x14ac:dyDescent="0.4">
      <c r="A2351">
        <v>2140031</v>
      </c>
      <c r="B2351" t="s">
        <v>2200</v>
      </c>
      <c r="C2351" t="s">
        <v>2208</v>
      </c>
      <c r="D2351" t="s">
        <v>2215</v>
      </c>
    </row>
    <row r="2352" spans="1:4" x14ac:dyDescent="0.4">
      <c r="A2352">
        <v>2140033</v>
      </c>
      <c r="B2352" t="s">
        <v>2200</v>
      </c>
      <c r="C2352" t="s">
        <v>2208</v>
      </c>
      <c r="D2352" t="s">
        <v>2216</v>
      </c>
    </row>
    <row r="2353" spans="1:4" x14ac:dyDescent="0.4">
      <c r="A2353">
        <v>2140011</v>
      </c>
      <c r="B2353" t="s">
        <v>2200</v>
      </c>
      <c r="C2353" t="s">
        <v>2208</v>
      </c>
      <c r="D2353" t="s">
        <v>2217</v>
      </c>
    </row>
    <row r="2354" spans="1:4" x14ac:dyDescent="0.4">
      <c r="A2354">
        <v>2140032</v>
      </c>
      <c r="B2354" t="s">
        <v>2200</v>
      </c>
      <c r="C2354" t="s">
        <v>2208</v>
      </c>
      <c r="D2354" t="s">
        <v>2218</v>
      </c>
    </row>
    <row r="2355" spans="1:4" x14ac:dyDescent="0.4">
      <c r="A2355">
        <v>2140034</v>
      </c>
      <c r="B2355" t="s">
        <v>2200</v>
      </c>
      <c r="C2355" t="s">
        <v>2208</v>
      </c>
      <c r="D2355" t="s">
        <v>2219</v>
      </c>
    </row>
    <row r="2356" spans="1:4" x14ac:dyDescent="0.4">
      <c r="A2356">
        <v>2140036</v>
      </c>
      <c r="B2356" t="s">
        <v>2200</v>
      </c>
      <c r="C2356" t="s">
        <v>2208</v>
      </c>
      <c r="D2356" t="s">
        <v>2220</v>
      </c>
    </row>
    <row r="2357" spans="1:4" x14ac:dyDescent="0.4">
      <c r="A2357">
        <v>2160000</v>
      </c>
      <c r="B2357" t="s">
        <v>2200</v>
      </c>
      <c r="C2357" t="s">
        <v>2221</v>
      </c>
    </row>
    <row r="2358" spans="1:4" x14ac:dyDescent="0.4">
      <c r="A2358">
        <v>2160003</v>
      </c>
      <c r="B2358" t="s">
        <v>2200</v>
      </c>
      <c r="C2358" t="s">
        <v>2221</v>
      </c>
      <c r="D2358" t="s">
        <v>2222</v>
      </c>
    </row>
    <row r="2359" spans="1:4" x14ac:dyDescent="0.4">
      <c r="A2359">
        <v>2160011</v>
      </c>
      <c r="B2359" t="s">
        <v>2200</v>
      </c>
      <c r="C2359" t="s">
        <v>2221</v>
      </c>
      <c r="D2359" t="s">
        <v>2223</v>
      </c>
    </row>
    <row r="2360" spans="1:4" x14ac:dyDescent="0.4">
      <c r="A2360">
        <v>2160034</v>
      </c>
      <c r="B2360" t="s">
        <v>2200</v>
      </c>
      <c r="C2360" t="s">
        <v>2221</v>
      </c>
      <c r="D2360" t="s">
        <v>2224</v>
      </c>
    </row>
    <row r="2361" spans="1:4" x14ac:dyDescent="0.4">
      <c r="A2361">
        <v>2160023</v>
      </c>
      <c r="B2361" t="s">
        <v>2200</v>
      </c>
      <c r="C2361" t="s">
        <v>2221</v>
      </c>
      <c r="D2361" t="s">
        <v>2225</v>
      </c>
    </row>
    <row r="2362" spans="1:4" x14ac:dyDescent="0.4">
      <c r="A2362">
        <v>2160021</v>
      </c>
      <c r="B2362" t="s">
        <v>2200</v>
      </c>
      <c r="C2362" t="s">
        <v>2221</v>
      </c>
      <c r="D2362" t="s">
        <v>2226</v>
      </c>
    </row>
    <row r="2363" spans="1:4" x14ac:dyDescent="0.4">
      <c r="A2363">
        <v>2160007</v>
      </c>
      <c r="B2363" t="s">
        <v>2200</v>
      </c>
      <c r="C2363" t="s">
        <v>2221</v>
      </c>
      <c r="D2363" t="s">
        <v>1371</v>
      </c>
    </row>
    <row r="2364" spans="1:4" x14ac:dyDescent="0.4">
      <c r="A2364">
        <v>2160004</v>
      </c>
      <c r="B2364" t="s">
        <v>2200</v>
      </c>
      <c r="C2364" t="s">
        <v>2221</v>
      </c>
      <c r="D2364" t="s">
        <v>2227</v>
      </c>
    </row>
    <row r="2365" spans="1:4" x14ac:dyDescent="0.4">
      <c r="A2365">
        <v>2160013</v>
      </c>
      <c r="B2365" t="s">
        <v>2200</v>
      </c>
      <c r="C2365" t="s">
        <v>2221</v>
      </c>
      <c r="D2365" t="s">
        <v>2228</v>
      </c>
    </row>
    <row r="2366" spans="1:4" x14ac:dyDescent="0.4">
      <c r="A2366">
        <v>2160032</v>
      </c>
      <c r="B2366" t="s">
        <v>2200</v>
      </c>
      <c r="C2366" t="s">
        <v>2221</v>
      </c>
      <c r="D2366" t="s">
        <v>2229</v>
      </c>
    </row>
    <row r="2367" spans="1:4" x14ac:dyDescent="0.4">
      <c r="A2367">
        <v>2160031</v>
      </c>
      <c r="B2367" t="s">
        <v>2200</v>
      </c>
      <c r="C2367" t="s">
        <v>2221</v>
      </c>
      <c r="D2367" t="s">
        <v>2230</v>
      </c>
    </row>
    <row r="2368" spans="1:4" x14ac:dyDescent="0.4">
      <c r="A2368">
        <v>2160025</v>
      </c>
      <c r="B2368" t="s">
        <v>2200</v>
      </c>
      <c r="C2368" t="s">
        <v>2221</v>
      </c>
      <c r="D2368" t="s">
        <v>2231</v>
      </c>
    </row>
    <row r="2369" spans="1:4" x14ac:dyDescent="0.4">
      <c r="A2369">
        <v>2160015</v>
      </c>
      <c r="B2369" t="s">
        <v>2200</v>
      </c>
      <c r="C2369" t="s">
        <v>2221</v>
      </c>
      <c r="D2369" t="s">
        <v>179</v>
      </c>
    </row>
    <row r="2370" spans="1:4" x14ac:dyDescent="0.4">
      <c r="A2370">
        <v>2160014</v>
      </c>
      <c r="B2370" t="s">
        <v>2200</v>
      </c>
      <c r="C2370" t="s">
        <v>2221</v>
      </c>
      <c r="D2370" t="s">
        <v>2232</v>
      </c>
    </row>
    <row r="2371" spans="1:4" x14ac:dyDescent="0.4">
      <c r="A2371">
        <v>2160022</v>
      </c>
      <c r="B2371" t="s">
        <v>2200</v>
      </c>
      <c r="C2371" t="s">
        <v>2221</v>
      </c>
      <c r="D2371" t="s">
        <v>2233</v>
      </c>
    </row>
    <row r="2372" spans="1:4" x14ac:dyDescent="0.4">
      <c r="A2372">
        <v>2160005</v>
      </c>
      <c r="B2372" t="s">
        <v>2200</v>
      </c>
      <c r="C2372" t="s">
        <v>2221</v>
      </c>
      <c r="D2372" t="s">
        <v>2234</v>
      </c>
    </row>
    <row r="2373" spans="1:4" x14ac:dyDescent="0.4">
      <c r="A2373">
        <v>2160024</v>
      </c>
      <c r="B2373" t="s">
        <v>2200</v>
      </c>
      <c r="C2373" t="s">
        <v>2221</v>
      </c>
      <c r="D2373" t="s">
        <v>2235</v>
      </c>
    </row>
    <row r="2374" spans="1:4" x14ac:dyDescent="0.4">
      <c r="A2374">
        <v>2160001</v>
      </c>
      <c r="B2374" t="s">
        <v>2200</v>
      </c>
      <c r="C2374" t="s">
        <v>2221</v>
      </c>
      <c r="D2374" t="s">
        <v>2236</v>
      </c>
    </row>
    <row r="2375" spans="1:4" x14ac:dyDescent="0.4">
      <c r="A2375">
        <v>2160026</v>
      </c>
      <c r="B2375" t="s">
        <v>2200</v>
      </c>
      <c r="C2375" t="s">
        <v>2221</v>
      </c>
      <c r="D2375" t="s">
        <v>2237</v>
      </c>
    </row>
    <row r="2376" spans="1:4" x14ac:dyDescent="0.4">
      <c r="A2376">
        <v>2160002</v>
      </c>
      <c r="B2376" t="s">
        <v>2200</v>
      </c>
      <c r="C2376" t="s">
        <v>2221</v>
      </c>
      <c r="D2376" t="s">
        <v>2238</v>
      </c>
    </row>
    <row r="2377" spans="1:4" x14ac:dyDescent="0.4">
      <c r="A2377">
        <v>2160035</v>
      </c>
      <c r="B2377" t="s">
        <v>2200</v>
      </c>
      <c r="C2377" t="s">
        <v>2221</v>
      </c>
      <c r="D2377" t="s">
        <v>2239</v>
      </c>
    </row>
    <row r="2378" spans="1:4" x14ac:dyDescent="0.4">
      <c r="A2378">
        <v>2160012</v>
      </c>
      <c r="B2378" t="s">
        <v>2200</v>
      </c>
      <c r="C2378" t="s">
        <v>2221</v>
      </c>
      <c r="D2378" t="s">
        <v>2240</v>
      </c>
    </row>
    <row r="2379" spans="1:4" x14ac:dyDescent="0.4">
      <c r="A2379">
        <v>2160033</v>
      </c>
      <c r="B2379" t="s">
        <v>2200</v>
      </c>
      <c r="C2379" t="s">
        <v>2221</v>
      </c>
      <c r="D2379" t="s">
        <v>2241</v>
      </c>
    </row>
    <row r="2380" spans="1:4" x14ac:dyDescent="0.4">
      <c r="A2380">
        <v>2160006</v>
      </c>
      <c r="B2380" t="s">
        <v>2200</v>
      </c>
      <c r="C2380" t="s">
        <v>2221</v>
      </c>
      <c r="D2380" t="s">
        <v>2242</v>
      </c>
    </row>
    <row r="2381" spans="1:4" x14ac:dyDescent="0.4">
      <c r="A2381">
        <v>2150000</v>
      </c>
      <c r="B2381" t="s">
        <v>2200</v>
      </c>
      <c r="C2381" t="s">
        <v>2243</v>
      </c>
    </row>
    <row r="2382" spans="1:4" x14ac:dyDescent="0.4">
      <c r="A2382">
        <v>2150013</v>
      </c>
      <c r="B2382" t="s">
        <v>2200</v>
      </c>
      <c r="C2382" t="s">
        <v>2243</v>
      </c>
      <c r="D2382" t="s">
        <v>2244</v>
      </c>
    </row>
    <row r="2383" spans="1:4" x14ac:dyDescent="0.4">
      <c r="A2383">
        <v>2150017</v>
      </c>
      <c r="B2383" t="s">
        <v>2200</v>
      </c>
      <c r="C2383" t="s">
        <v>2243</v>
      </c>
      <c r="D2383" t="s">
        <v>2245</v>
      </c>
    </row>
    <row r="2384" spans="1:4" x14ac:dyDescent="0.4">
      <c r="A2384">
        <v>2150018</v>
      </c>
      <c r="B2384" t="s">
        <v>2200</v>
      </c>
      <c r="C2384" t="s">
        <v>2243</v>
      </c>
      <c r="D2384" t="s">
        <v>2246</v>
      </c>
    </row>
    <row r="2385" spans="1:4" x14ac:dyDescent="0.4">
      <c r="A2385">
        <v>2150027</v>
      </c>
      <c r="B2385" t="s">
        <v>2200</v>
      </c>
      <c r="C2385" t="s">
        <v>2243</v>
      </c>
      <c r="D2385" t="s">
        <v>2247</v>
      </c>
    </row>
    <row r="2386" spans="1:4" x14ac:dyDescent="0.4">
      <c r="A2386">
        <v>2150023</v>
      </c>
      <c r="B2386" t="s">
        <v>2200</v>
      </c>
      <c r="C2386" t="s">
        <v>2243</v>
      </c>
      <c r="D2386" t="s">
        <v>2248</v>
      </c>
    </row>
    <row r="2387" spans="1:4" x14ac:dyDescent="0.4">
      <c r="A2387">
        <v>2150006</v>
      </c>
      <c r="B2387" t="s">
        <v>2200</v>
      </c>
      <c r="C2387" t="s">
        <v>2243</v>
      </c>
      <c r="D2387" t="s">
        <v>2249</v>
      </c>
    </row>
    <row r="2388" spans="1:4" x14ac:dyDescent="0.4">
      <c r="A2388">
        <v>2150021</v>
      </c>
      <c r="B2388" t="s">
        <v>2200</v>
      </c>
      <c r="C2388" t="s">
        <v>2243</v>
      </c>
      <c r="D2388" t="s">
        <v>2250</v>
      </c>
    </row>
    <row r="2389" spans="1:4" x14ac:dyDescent="0.4">
      <c r="A2389">
        <v>2150033</v>
      </c>
      <c r="B2389" t="s">
        <v>2200</v>
      </c>
      <c r="C2389" t="s">
        <v>2243</v>
      </c>
      <c r="D2389" t="s">
        <v>2251</v>
      </c>
    </row>
    <row r="2390" spans="1:4" x14ac:dyDescent="0.4">
      <c r="A2390">
        <v>2150032</v>
      </c>
      <c r="B2390" t="s">
        <v>2200</v>
      </c>
      <c r="C2390" t="s">
        <v>2243</v>
      </c>
      <c r="D2390" t="s">
        <v>2252</v>
      </c>
    </row>
    <row r="2391" spans="1:4" x14ac:dyDescent="0.4">
      <c r="A2391">
        <v>2150031</v>
      </c>
      <c r="B2391" t="s">
        <v>2200</v>
      </c>
      <c r="C2391" t="s">
        <v>2243</v>
      </c>
      <c r="D2391" t="s">
        <v>2253</v>
      </c>
    </row>
    <row r="2392" spans="1:4" x14ac:dyDescent="0.4">
      <c r="A2392">
        <v>2150035</v>
      </c>
      <c r="B2392" t="s">
        <v>2200</v>
      </c>
      <c r="C2392" t="s">
        <v>2243</v>
      </c>
      <c r="D2392" t="s">
        <v>2254</v>
      </c>
    </row>
    <row r="2393" spans="1:4" x14ac:dyDescent="0.4">
      <c r="A2393">
        <v>2150025</v>
      </c>
      <c r="B2393" t="s">
        <v>2200</v>
      </c>
      <c r="C2393" t="s">
        <v>2243</v>
      </c>
      <c r="D2393" t="s">
        <v>2255</v>
      </c>
    </row>
    <row r="2394" spans="1:4" x14ac:dyDescent="0.4">
      <c r="A2394">
        <v>2150022</v>
      </c>
      <c r="B2394" t="s">
        <v>2200</v>
      </c>
      <c r="C2394" t="s">
        <v>2243</v>
      </c>
      <c r="D2394" t="s">
        <v>2256</v>
      </c>
    </row>
    <row r="2395" spans="1:4" x14ac:dyDescent="0.4">
      <c r="A2395">
        <v>2150024</v>
      </c>
      <c r="B2395" t="s">
        <v>2200</v>
      </c>
      <c r="C2395" t="s">
        <v>2243</v>
      </c>
      <c r="D2395" t="s">
        <v>1452</v>
      </c>
    </row>
    <row r="2396" spans="1:4" x14ac:dyDescent="0.4">
      <c r="A2396">
        <v>2150003</v>
      </c>
      <c r="B2396" t="s">
        <v>2200</v>
      </c>
      <c r="C2396" t="s">
        <v>2243</v>
      </c>
      <c r="D2396" t="s">
        <v>2257</v>
      </c>
    </row>
    <row r="2397" spans="1:4" x14ac:dyDescent="0.4">
      <c r="A2397">
        <v>2150002</v>
      </c>
      <c r="B2397" t="s">
        <v>2200</v>
      </c>
      <c r="C2397" t="s">
        <v>2243</v>
      </c>
      <c r="D2397" t="s">
        <v>2258</v>
      </c>
    </row>
    <row r="2398" spans="1:4" x14ac:dyDescent="0.4">
      <c r="A2398">
        <v>2150005</v>
      </c>
      <c r="B2398" t="s">
        <v>2200</v>
      </c>
      <c r="C2398" t="s">
        <v>2243</v>
      </c>
      <c r="D2398" t="s">
        <v>2259</v>
      </c>
    </row>
    <row r="2399" spans="1:4" x14ac:dyDescent="0.4">
      <c r="A2399">
        <v>2150015</v>
      </c>
      <c r="B2399" t="s">
        <v>2200</v>
      </c>
      <c r="C2399" t="s">
        <v>2243</v>
      </c>
      <c r="D2399" t="s">
        <v>2260</v>
      </c>
    </row>
    <row r="2400" spans="1:4" x14ac:dyDescent="0.4">
      <c r="A2400">
        <v>2150014</v>
      </c>
      <c r="B2400" t="s">
        <v>2200</v>
      </c>
      <c r="C2400" t="s">
        <v>2243</v>
      </c>
      <c r="D2400" t="s">
        <v>746</v>
      </c>
    </row>
    <row r="2401" spans="1:4" x14ac:dyDescent="0.4">
      <c r="A2401">
        <v>2150016</v>
      </c>
      <c r="B2401" t="s">
        <v>2200</v>
      </c>
      <c r="C2401" t="s">
        <v>2243</v>
      </c>
      <c r="D2401" t="s">
        <v>2261</v>
      </c>
    </row>
    <row r="2402" spans="1:4" x14ac:dyDescent="0.4">
      <c r="A2402">
        <v>2150036</v>
      </c>
      <c r="B2402" t="s">
        <v>2200</v>
      </c>
      <c r="C2402" t="s">
        <v>2243</v>
      </c>
      <c r="D2402" t="s">
        <v>2262</v>
      </c>
    </row>
    <row r="2403" spans="1:4" x14ac:dyDescent="0.4">
      <c r="A2403">
        <v>2150012</v>
      </c>
      <c r="B2403" t="s">
        <v>2200</v>
      </c>
      <c r="C2403" t="s">
        <v>2243</v>
      </c>
      <c r="D2403" t="s">
        <v>2263</v>
      </c>
    </row>
    <row r="2404" spans="1:4" x14ac:dyDescent="0.4">
      <c r="A2404">
        <v>2150026</v>
      </c>
      <c r="B2404" t="s">
        <v>2200</v>
      </c>
      <c r="C2404" t="s">
        <v>2243</v>
      </c>
      <c r="D2404" t="s">
        <v>2264</v>
      </c>
    </row>
    <row r="2405" spans="1:4" x14ac:dyDescent="0.4">
      <c r="A2405">
        <v>2150001</v>
      </c>
      <c r="B2405" t="s">
        <v>2200</v>
      </c>
      <c r="C2405" t="s">
        <v>2243</v>
      </c>
      <c r="D2405" t="s">
        <v>2265</v>
      </c>
    </row>
    <row r="2406" spans="1:4" x14ac:dyDescent="0.4">
      <c r="A2406">
        <v>2150004</v>
      </c>
      <c r="B2406" t="s">
        <v>2200</v>
      </c>
      <c r="C2406" t="s">
        <v>2243</v>
      </c>
      <c r="D2406" t="s">
        <v>2266</v>
      </c>
    </row>
    <row r="2407" spans="1:4" x14ac:dyDescent="0.4">
      <c r="A2407">
        <v>2150034</v>
      </c>
      <c r="B2407" t="s">
        <v>2200</v>
      </c>
      <c r="C2407" t="s">
        <v>2243</v>
      </c>
      <c r="D2407" t="s">
        <v>2267</v>
      </c>
    </row>
    <row r="2408" spans="1:4" x14ac:dyDescent="0.4">
      <c r="A2408">
        <v>2150007</v>
      </c>
      <c r="B2408" t="s">
        <v>2200</v>
      </c>
      <c r="C2408" t="s">
        <v>2243</v>
      </c>
      <c r="D2408" t="s">
        <v>2268</v>
      </c>
    </row>
    <row r="2409" spans="1:4" x14ac:dyDescent="0.4">
      <c r="A2409">
        <v>2150011</v>
      </c>
      <c r="B2409" t="s">
        <v>2200</v>
      </c>
      <c r="C2409" t="s">
        <v>2243</v>
      </c>
      <c r="D2409" t="s">
        <v>2269</v>
      </c>
    </row>
    <row r="2410" spans="1:4" x14ac:dyDescent="0.4">
      <c r="A2410">
        <v>2380000</v>
      </c>
      <c r="B2410" t="s">
        <v>2200</v>
      </c>
      <c r="C2410" t="s">
        <v>2270</v>
      </c>
    </row>
    <row r="2411" spans="1:4" x14ac:dyDescent="0.4">
      <c r="A2411">
        <v>2400105</v>
      </c>
      <c r="B2411" t="s">
        <v>2200</v>
      </c>
      <c r="C2411" t="s">
        <v>2270</v>
      </c>
      <c r="D2411" t="s">
        <v>2271</v>
      </c>
    </row>
    <row r="2412" spans="1:4" x14ac:dyDescent="0.4">
      <c r="A2412">
        <v>2400104</v>
      </c>
      <c r="B2412" t="s">
        <v>2200</v>
      </c>
      <c r="C2412" t="s">
        <v>2270</v>
      </c>
      <c r="D2412" t="s">
        <v>2272</v>
      </c>
    </row>
    <row r="2413" spans="1:4" x14ac:dyDescent="0.4">
      <c r="A2413">
        <v>2380033</v>
      </c>
      <c r="B2413" t="s">
        <v>2200</v>
      </c>
      <c r="C2413" t="s">
        <v>2270</v>
      </c>
      <c r="D2413" t="s">
        <v>2273</v>
      </c>
    </row>
    <row r="2414" spans="1:4" x14ac:dyDescent="0.4">
      <c r="A2414">
        <v>2390845</v>
      </c>
      <c r="B2414" t="s">
        <v>2200</v>
      </c>
      <c r="C2414" t="s">
        <v>2270</v>
      </c>
      <c r="D2414" t="s">
        <v>2274</v>
      </c>
    </row>
    <row r="2415" spans="1:4" x14ac:dyDescent="0.4">
      <c r="A2415">
        <v>2380048</v>
      </c>
      <c r="B2415" t="s">
        <v>2200</v>
      </c>
      <c r="C2415" t="s">
        <v>2270</v>
      </c>
      <c r="D2415" t="s">
        <v>2275</v>
      </c>
    </row>
    <row r="2416" spans="1:4" x14ac:dyDescent="0.4">
      <c r="A2416">
        <v>2380035</v>
      </c>
      <c r="B2416" t="s">
        <v>2200</v>
      </c>
      <c r="C2416" t="s">
        <v>2270</v>
      </c>
      <c r="D2416" t="s">
        <v>2276</v>
      </c>
    </row>
    <row r="2417" spans="1:4" x14ac:dyDescent="0.4">
      <c r="A2417">
        <v>2390806</v>
      </c>
      <c r="B2417" t="s">
        <v>2200</v>
      </c>
      <c r="C2417" t="s">
        <v>2270</v>
      </c>
      <c r="D2417" t="s">
        <v>2277</v>
      </c>
    </row>
    <row r="2418" spans="1:4" x14ac:dyDescent="0.4">
      <c r="A2418">
        <v>2380003</v>
      </c>
      <c r="B2418" t="s">
        <v>2200</v>
      </c>
      <c r="C2418" t="s">
        <v>2270</v>
      </c>
      <c r="D2418" t="s">
        <v>2278</v>
      </c>
    </row>
    <row r="2419" spans="1:4" x14ac:dyDescent="0.4">
      <c r="A2419">
        <v>2380051</v>
      </c>
      <c r="B2419" t="s">
        <v>2200</v>
      </c>
      <c r="C2419" t="s">
        <v>2270</v>
      </c>
      <c r="D2419" t="s">
        <v>2279</v>
      </c>
    </row>
    <row r="2420" spans="1:4" x14ac:dyDescent="0.4">
      <c r="A2420">
        <v>2390844</v>
      </c>
      <c r="B2420" t="s">
        <v>2200</v>
      </c>
      <c r="C2420" t="s">
        <v>2270</v>
      </c>
      <c r="D2420" t="s">
        <v>2280</v>
      </c>
    </row>
    <row r="2421" spans="1:4" x14ac:dyDescent="0.4">
      <c r="A2421">
        <v>2390836</v>
      </c>
      <c r="B2421" t="s">
        <v>2200</v>
      </c>
      <c r="C2421" t="s">
        <v>2270</v>
      </c>
      <c r="D2421" t="s">
        <v>2281</v>
      </c>
    </row>
    <row r="2422" spans="1:4" x14ac:dyDescent="0.4">
      <c r="A2422">
        <v>2390837</v>
      </c>
      <c r="B2422" t="s">
        <v>2200</v>
      </c>
      <c r="C2422" t="s">
        <v>2270</v>
      </c>
      <c r="D2422" t="s">
        <v>2282</v>
      </c>
    </row>
    <row r="2423" spans="1:4" x14ac:dyDescent="0.4">
      <c r="A2423">
        <v>2390822</v>
      </c>
      <c r="B2423" t="s">
        <v>2200</v>
      </c>
      <c r="C2423" t="s">
        <v>2270</v>
      </c>
      <c r="D2423" t="s">
        <v>2283</v>
      </c>
    </row>
    <row r="2424" spans="1:4" x14ac:dyDescent="0.4">
      <c r="A2424">
        <v>2390823</v>
      </c>
      <c r="B2424" t="s">
        <v>2200</v>
      </c>
      <c r="C2424" t="s">
        <v>2270</v>
      </c>
      <c r="D2424" t="s">
        <v>2284</v>
      </c>
    </row>
    <row r="2425" spans="1:4" x14ac:dyDescent="0.4">
      <c r="A2425">
        <v>2390815</v>
      </c>
      <c r="B2425" t="s">
        <v>2200</v>
      </c>
      <c r="C2425" t="s">
        <v>2270</v>
      </c>
      <c r="D2425" t="s">
        <v>2285</v>
      </c>
    </row>
    <row r="2426" spans="1:4" x14ac:dyDescent="0.4">
      <c r="A2426">
        <v>2370062</v>
      </c>
      <c r="B2426" t="s">
        <v>2200</v>
      </c>
      <c r="C2426" t="s">
        <v>2270</v>
      </c>
      <c r="D2426" t="s">
        <v>2286</v>
      </c>
    </row>
    <row r="2427" spans="1:4" x14ac:dyDescent="0.4">
      <c r="A2427">
        <v>2380017</v>
      </c>
      <c r="B2427" t="s">
        <v>2200</v>
      </c>
      <c r="C2427" t="s">
        <v>2270</v>
      </c>
      <c r="D2427" t="s">
        <v>2287</v>
      </c>
    </row>
    <row r="2428" spans="1:4" x14ac:dyDescent="0.4">
      <c r="A2428">
        <v>2380311</v>
      </c>
      <c r="B2428" t="s">
        <v>2200</v>
      </c>
      <c r="C2428" t="s">
        <v>2270</v>
      </c>
      <c r="D2428" t="s">
        <v>2288</v>
      </c>
    </row>
    <row r="2429" spans="1:4" x14ac:dyDescent="0.4">
      <c r="A2429">
        <v>2380008</v>
      </c>
      <c r="B2429" t="s">
        <v>2200</v>
      </c>
      <c r="C2429" t="s">
        <v>2270</v>
      </c>
      <c r="D2429" t="s">
        <v>2289</v>
      </c>
    </row>
    <row r="2430" spans="1:4" x14ac:dyDescent="0.4">
      <c r="A2430">
        <v>2390808</v>
      </c>
      <c r="B2430" t="s">
        <v>2200</v>
      </c>
      <c r="C2430" t="s">
        <v>2270</v>
      </c>
      <c r="D2430" t="s">
        <v>2290</v>
      </c>
    </row>
    <row r="2431" spans="1:4" x14ac:dyDescent="0.4">
      <c r="A2431">
        <v>2380024</v>
      </c>
      <c r="B2431" t="s">
        <v>2200</v>
      </c>
      <c r="C2431" t="s">
        <v>2270</v>
      </c>
      <c r="D2431" t="s">
        <v>2291</v>
      </c>
    </row>
    <row r="2432" spans="1:4" x14ac:dyDescent="0.4">
      <c r="A2432">
        <v>2380004</v>
      </c>
      <c r="B2432" t="s">
        <v>2200</v>
      </c>
      <c r="C2432" t="s">
        <v>2270</v>
      </c>
      <c r="D2432" t="s">
        <v>2292</v>
      </c>
    </row>
    <row r="2433" spans="1:4" x14ac:dyDescent="0.4">
      <c r="A2433">
        <v>2400102</v>
      </c>
      <c r="B2433" t="s">
        <v>2200</v>
      </c>
      <c r="C2433" t="s">
        <v>2270</v>
      </c>
      <c r="D2433" t="s">
        <v>2293</v>
      </c>
    </row>
    <row r="2434" spans="1:4" x14ac:dyDescent="0.4">
      <c r="A2434">
        <v>2370063</v>
      </c>
      <c r="B2434" t="s">
        <v>2200</v>
      </c>
      <c r="C2434" t="s">
        <v>2270</v>
      </c>
      <c r="D2434" t="s">
        <v>2294</v>
      </c>
    </row>
    <row r="2435" spans="1:4" x14ac:dyDescent="0.4">
      <c r="A2435">
        <v>2370065</v>
      </c>
      <c r="B2435" t="s">
        <v>2200</v>
      </c>
      <c r="C2435" t="s">
        <v>2270</v>
      </c>
      <c r="D2435" t="s">
        <v>2295</v>
      </c>
    </row>
    <row r="2436" spans="1:4" x14ac:dyDescent="0.4">
      <c r="A2436">
        <v>2370068</v>
      </c>
      <c r="B2436" t="s">
        <v>2200</v>
      </c>
      <c r="C2436" t="s">
        <v>2270</v>
      </c>
      <c r="D2436" t="s">
        <v>2296</v>
      </c>
    </row>
    <row r="2437" spans="1:4" x14ac:dyDescent="0.4">
      <c r="A2437">
        <v>2370064</v>
      </c>
      <c r="B2437" t="s">
        <v>2200</v>
      </c>
      <c r="C2437" t="s">
        <v>2270</v>
      </c>
      <c r="D2437" t="s">
        <v>2297</v>
      </c>
    </row>
    <row r="2438" spans="1:4" x14ac:dyDescent="0.4">
      <c r="A2438">
        <v>2390812</v>
      </c>
      <c r="B2438" t="s">
        <v>2200</v>
      </c>
      <c r="C2438" t="s">
        <v>2270</v>
      </c>
      <c r="D2438" t="s">
        <v>2298</v>
      </c>
    </row>
    <row r="2439" spans="1:4" x14ac:dyDescent="0.4">
      <c r="A2439">
        <v>2380034</v>
      </c>
      <c r="B2439" t="s">
        <v>2200</v>
      </c>
      <c r="C2439" t="s">
        <v>2270</v>
      </c>
      <c r="D2439" t="s">
        <v>2086</v>
      </c>
    </row>
    <row r="2440" spans="1:4" x14ac:dyDescent="0.4">
      <c r="A2440">
        <v>2390813</v>
      </c>
      <c r="B2440" t="s">
        <v>2200</v>
      </c>
      <c r="C2440" t="s">
        <v>2270</v>
      </c>
      <c r="D2440" t="s">
        <v>2299</v>
      </c>
    </row>
    <row r="2441" spans="1:4" x14ac:dyDescent="0.4">
      <c r="A2441">
        <v>2380031</v>
      </c>
      <c r="B2441" t="s">
        <v>2200</v>
      </c>
      <c r="C2441" t="s">
        <v>2270</v>
      </c>
      <c r="D2441" t="s">
        <v>2300</v>
      </c>
    </row>
    <row r="2442" spans="1:4" x14ac:dyDescent="0.4">
      <c r="A2442">
        <v>2380025</v>
      </c>
      <c r="B2442" t="s">
        <v>2200</v>
      </c>
      <c r="C2442" t="s">
        <v>2270</v>
      </c>
      <c r="D2442" t="s">
        <v>2301</v>
      </c>
    </row>
    <row r="2443" spans="1:4" x14ac:dyDescent="0.4">
      <c r="A2443">
        <v>2380022</v>
      </c>
      <c r="B2443" t="s">
        <v>2200</v>
      </c>
      <c r="C2443" t="s">
        <v>2270</v>
      </c>
      <c r="D2443" t="s">
        <v>2302</v>
      </c>
    </row>
    <row r="2444" spans="1:4" x14ac:dyDescent="0.4">
      <c r="A2444">
        <v>2380002</v>
      </c>
      <c r="B2444" t="s">
        <v>2200</v>
      </c>
      <c r="C2444" t="s">
        <v>2270</v>
      </c>
      <c r="D2444" t="s">
        <v>2303</v>
      </c>
    </row>
    <row r="2445" spans="1:4" x14ac:dyDescent="0.4">
      <c r="A2445">
        <v>2390828</v>
      </c>
      <c r="B2445" t="s">
        <v>2200</v>
      </c>
      <c r="C2445" t="s">
        <v>2270</v>
      </c>
      <c r="D2445" t="s">
        <v>2304</v>
      </c>
    </row>
    <row r="2446" spans="1:4" x14ac:dyDescent="0.4">
      <c r="A2446">
        <v>2390834</v>
      </c>
      <c r="B2446" t="s">
        <v>2200</v>
      </c>
      <c r="C2446" t="s">
        <v>2270</v>
      </c>
      <c r="D2446" t="s">
        <v>2305</v>
      </c>
    </row>
    <row r="2447" spans="1:4" x14ac:dyDescent="0.4">
      <c r="A2447">
        <v>2390831</v>
      </c>
      <c r="B2447" t="s">
        <v>2200</v>
      </c>
      <c r="C2447" t="s">
        <v>2270</v>
      </c>
      <c r="D2447" t="s">
        <v>2306</v>
      </c>
    </row>
    <row r="2448" spans="1:4" x14ac:dyDescent="0.4">
      <c r="A2448">
        <v>2390827</v>
      </c>
      <c r="B2448" t="s">
        <v>2200</v>
      </c>
      <c r="C2448" t="s">
        <v>2270</v>
      </c>
      <c r="D2448" t="s">
        <v>2307</v>
      </c>
    </row>
    <row r="2449" spans="1:4" x14ac:dyDescent="0.4">
      <c r="A2449">
        <v>2390846</v>
      </c>
      <c r="B2449" t="s">
        <v>2200</v>
      </c>
      <c r="C2449" t="s">
        <v>2270</v>
      </c>
      <c r="D2449" t="s">
        <v>2308</v>
      </c>
    </row>
    <row r="2450" spans="1:4" x14ac:dyDescent="0.4">
      <c r="A2450">
        <v>2390820</v>
      </c>
      <c r="B2450" t="s">
        <v>2200</v>
      </c>
      <c r="C2450" t="s">
        <v>2270</v>
      </c>
      <c r="D2450" t="s">
        <v>2309</v>
      </c>
    </row>
    <row r="2451" spans="1:4" x14ac:dyDescent="0.4">
      <c r="A2451">
        <v>2400106</v>
      </c>
      <c r="B2451" t="s">
        <v>2200</v>
      </c>
      <c r="C2451" t="s">
        <v>2270</v>
      </c>
      <c r="D2451" t="s">
        <v>2310</v>
      </c>
    </row>
    <row r="2452" spans="1:4" x14ac:dyDescent="0.4">
      <c r="A2452">
        <v>2380026</v>
      </c>
      <c r="B2452" t="s">
        <v>2200</v>
      </c>
      <c r="C2452" t="s">
        <v>2270</v>
      </c>
      <c r="D2452" t="s">
        <v>2311</v>
      </c>
    </row>
    <row r="2453" spans="1:4" x14ac:dyDescent="0.4">
      <c r="A2453">
        <v>2380043</v>
      </c>
      <c r="B2453" t="s">
        <v>2200</v>
      </c>
      <c r="C2453" t="s">
        <v>2270</v>
      </c>
      <c r="D2453" t="s">
        <v>2312</v>
      </c>
    </row>
    <row r="2454" spans="1:4" x14ac:dyDescent="0.4">
      <c r="A2454">
        <v>2390803</v>
      </c>
      <c r="B2454" t="s">
        <v>2200</v>
      </c>
      <c r="C2454" t="s">
        <v>2270</v>
      </c>
      <c r="D2454" t="s">
        <v>2313</v>
      </c>
    </row>
    <row r="2455" spans="1:4" x14ac:dyDescent="0.4">
      <c r="A2455">
        <v>2400103</v>
      </c>
      <c r="B2455" t="s">
        <v>2200</v>
      </c>
      <c r="C2455" t="s">
        <v>2270</v>
      </c>
      <c r="D2455" t="s">
        <v>2314</v>
      </c>
    </row>
    <row r="2456" spans="1:4" x14ac:dyDescent="0.4">
      <c r="A2456">
        <v>2400108</v>
      </c>
      <c r="B2456" t="s">
        <v>2200</v>
      </c>
      <c r="C2456" t="s">
        <v>2270</v>
      </c>
      <c r="D2456" t="s">
        <v>2315</v>
      </c>
    </row>
    <row r="2457" spans="1:4" x14ac:dyDescent="0.4">
      <c r="A2457">
        <v>2380052</v>
      </c>
      <c r="B2457" t="s">
        <v>2200</v>
      </c>
      <c r="C2457" t="s">
        <v>2270</v>
      </c>
      <c r="D2457" t="s">
        <v>2316</v>
      </c>
    </row>
    <row r="2458" spans="1:4" x14ac:dyDescent="0.4">
      <c r="A2458">
        <v>2390835</v>
      </c>
      <c r="B2458" t="s">
        <v>2200</v>
      </c>
      <c r="C2458" t="s">
        <v>2270</v>
      </c>
      <c r="D2458" t="s">
        <v>2317</v>
      </c>
    </row>
    <row r="2459" spans="1:4" x14ac:dyDescent="0.4">
      <c r="A2459">
        <v>2380019</v>
      </c>
      <c r="B2459" t="s">
        <v>2200</v>
      </c>
      <c r="C2459" t="s">
        <v>2270</v>
      </c>
      <c r="D2459" t="s">
        <v>2318</v>
      </c>
    </row>
    <row r="2460" spans="1:4" x14ac:dyDescent="0.4">
      <c r="A2460">
        <v>2380042</v>
      </c>
      <c r="B2460" t="s">
        <v>2200</v>
      </c>
      <c r="C2460" t="s">
        <v>2270</v>
      </c>
      <c r="D2460" t="s">
        <v>2319</v>
      </c>
    </row>
    <row r="2461" spans="1:4" x14ac:dyDescent="0.4">
      <c r="A2461">
        <v>2380054</v>
      </c>
      <c r="B2461" t="s">
        <v>2200</v>
      </c>
      <c r="C2461" t="s">
        <v>2270</v>
      </c>
      <c r="D2461" t="s">
        <v>2320</v>
      </c>
    </row>
    <row r="2462" spans="1:4" x14ac:dyDescent="0.4">
      <c r="A2462">
        <v>2400107</v>
      </c>
      <c r="B2462" t="s">
        <v>2200</v>
      </c>
      <c r="C2462" t="s">
        <v>2270</v>
      </c>
      <c r="D2462" t="s">
        <v>2321</v>
      </c>
    </row>
    <row r="2463" spans="1:4" x14ac:dyDescent="0.4">
      <c r="A2463">
        <v>2370066</v>
      </c>
      <c r="B2463" t="s">
        <v>2200</v>
      </c>
      <c r="C2463" t="s">
        <v>2270</v>
      </c>
      <c r="D2463" t="s">
        <v>2322</v>
      </c>
    </row>
    <row r="2464" spans="1:4" x14ac:dyDescent="0.4">
      <c r="A2464">
        <v>2380005</v>
      </c>
      <c r="B2464" t="s">
        <v>2200</v>
      </c>
      <c r="C2464" t="s">
        <v>2270</v>
      </c>
      <c r="D2464" t="s">
        <v>2323</v>
      </c>
    </row>
    <row r="2465" spans="1:4" x14ac:dyDescent="0.4">
      <c r="A2465">
        <v>2390832</v>
      </c>
      <c r="B2465" t="s">
        <v>2200</v>
      </c>
      <c r="C2465" t="s">
        <v>2270</v>
      </c>
      <c r="D2465" t="s">
        <v>2324</v>
      </c>
    </row>
    <row r="2466" spans="1:4" x14ac:dyDescent="0.4">
      <c r="A2466">
        <v>2380314</v>
      </c>
      <c r="B2466" t="s">
        <v>2200</v>
      </c>
      <c r="C2466" t="s">
        <v>2270</v>
      </c>
      <c r="D2466" t="s">
        <v>2325</v>
      </c>
    </row>
    <row r="2467" spans="1:4" x14ac:dyDescent="0.4">
      <c r="A2467">
        <v>2370073</v>
      </c>
      <c r="B2467" t="s">
        <v>2200</v>
      </c>
      <c r="C2467" t="s">
        <v>2270</v>
      </c>
      <c r="D2467" t="s">
        <v>2326</v>
      </c>
    </row>
    <row r="2468" spans="1:4" x14ac:dyDescent="0.4">
      <c r="A2468">
        <v>2370074</v>
      </c>
      <c r="B2468" t="s">
        <v>2200</v>
      </c>
      <c r="C2468" t="s">
        <v>2270</v>
      </c>
      <c r="D2468" t="s">
        <v>2327</v>
      </c>
    </row>
    <row r="2469" spans="1:4" x14ac:dyDescent="0.4">
      <c r="A2469">
        <v>2370071</v>
      </c>
      <c r="B2469" t="s">
        <v>2200</v>
      </c>
      <c r="C2469" t="s">
        <v>2270</v>
      </c>
      <c r="D2469" t="s">
        <v>2328</v>
      </c>
    </row>
    <row r="2470" spans="1:4" x14ac:dyDescent="0.4">
      <c r="A2470">
        <v>2370075</v>
      </c>
      <c r="B2470" t="s">
        <v>2200</v>
      </c>
      <c r="C2470" t="s">
        <v>2270</v>
      </c>
      <c r="D2470" t="s">
        <v>2329</v>
      </c>
    </row>
    <row r="2471" spans="1:4" x14ac:dyDescent="0.4">
      <c r="A2471">
        <v>2370067</v>
      </c>
      <c r="B2471" t="s">
        <v>2200</v>
      </c>
      <c r="C2471" t="s">
        <v>2270</v>
      </c>
      <c r="D2471" t="s">
        <v>2330</v>
      </c>
    </row>
    <row r="2472" spans="1:4" x14ac:dyDescent="0.4">
      <c r="A2472">
        <v>2380313</v>
      </c>
      <c r="B2472" t="s">
        <v>2200</v>
      </c>
      <c r="C2472" t="s">
        <v>2270</v>
      </c>
      <c r="D2472" t="s">
        <v>2331</v>
      </c>
    </row>
    <row r="2473" spans="1:4" x14ac:dyDescent="0.4">
      <c r="A2473">
        <v>2380015</v>
      </c>
      <c r="B2473" t="s">
        <v>2200</v>
      </c>
      <c r="C2473" t="s">
        <v>2270</v>
      </c>
      <c r="D2473" t="s">
        <v>2332</v>
      </c>
    </row>
    <row r="2474" spans="1:4" x14ac:dyDescent="0.4">
      <c r="A2474">
        <v>2390843</v>
      </c>
      <c r="B2474" t="s">
        <v>2200</v>
      </c>
      <c r="C2474" t="s">
        <v>2270</v>
      </c>
      <c r="D2474" t="s">
        <v>2333</v>
      </c>
    </row>
    <row r="2475" spans="1:4" x14ac:dyDescent="0.4">
      <c r="A2475">
        <v>2380056</v>
      </c>
      <c r="B2475" t="s">
        <v>2200</v>
      </c>
      <c r="C2475" t="s">
        <v>2270</v>
      </c>
      <c r="D2475" t="s">
        <v>2334</v>
      </c>
    </row>
    <row r="2476" spans="1:4" x14ac:dyDescent="0.4">
      <c r="A2476">
        <v>2380001</v>
      </c>
      <c r="B2476" t="s">
        <v>2200</v>
      </c>
      <c r="C2476" t="s">
        <v>2270</v>
      </c>
      <c r="D2476" t="s">
        <v>2335</v>
      </c>
    </row>
    <row r="2477" spans="1:4" x14ac:dyDescent="0.4">
      <c r="A2477">
        <v>2380316</v>
      </c>
      <c r="B2477" t="s">
        <v>2200</v>
      </c>
      <c r="C2477" t="s">
        <v>2270</v>
      </c>
      <c r="D2477" t="s">
        <v>2336</v>
      </c>
    </row>
    <row r="2478" spans="1:4" x14ac:dyDescent="0.4">
      <c r="A2478">
        <v>2370072</v>
      </c>
      <c r="B2478" t="s">
        <v>2200</v>
      </c>
      <c r="C2478" t="s">
        <v>2270</v>
      </c>
      <c r="D2478" t="s">
        <v>2337</v>
      </c>
    </row>
    <row r="2479" spans="1:4" x14ac:dyDescent="0.4">
      <c r="A2479">
        <v>2400101</v>
      </c>
      <c r="B2479" t="s">
        <v>2200</v>
      </c>
      <c r="C2479" t="s">
        <v>2270</v>
      </c>
      <c r="D2479" t="s">
        <v>2338</v>
      </c>
    </row>
    <row r="2480" spans="1:4" x14ac:dyDescent="0.4">
      <c r="A2480">
        <v>2390842</v>
      </c>
      <c r="B2480" t="s">
        <v>2200</v>
      </c>
      <c r="C2480" t="s">
        <v>2270</v>
      </c>
      <c r="D2480" t="s">
        <v>2212</v>
      </c>
    </row>
    <row r="2481" spans="1:4" x14ac:dyDescent="0.4">
      <c r="A2481">
        <v>2390826</v>
      </c>
      <c r="B2481" t="s">
        <v>2200</v>
      </c>
      <c r="C2481" t="s">
        <v>2270</v>
      </c>
      <c r="D2481" t="s">
        <v>2339</v>
      </c>
    </row>
    <row r="2482" spans="1:4" x14ac:dyDescent="0.4">
      <c r="A2482">
        <v>2370061</v>
      </c>
      <c r="B2482" t="s">
        <v>2200</v>
      </c>
      <c r="C2482" t="s">
        <v>2270</v>
      </c>
      <c r="D2482" t="s">
        <v>2340</v>
      </c>
    </row>
    <row r="2483" spans="1:4" x14ac:dyDescent="0.4">
      <c r="A2483">
        <v>2390824</v>
      </c>
      <c r="B2483" t="s">
        <v>2200</v>
      </c>
      <c r="C2483" t="s">
        <v>2270</v>
      </c>
      <c r="D2483" t="s">
        <v>2341</v>
      </c>
    </row>
    <row r="2484" spans="1:4" x14ac:dyDescent="0.4">
      <c r="A2484">
        <v>2380046</v>
      </c>
      <c r="B2484" t="s">
        <v>2200</v>
      </c>
      <c r="C2484" t="s">
        <v>2270</v>
      </c>
      <c r="D2484" t="s">
        <v>2342</v>
      </c>
    </row>
    <row r="2485" spans="1:4" x14ac:dyDescent="0.4">
      <c r="A2485">
        <v>2390807</v>
      </c>
      <c r="B2485" t="s">
        <v>2200</v>
      </c>
      <c r="C2485" t="s">
        <v>2270</v>
      </c>
      <c r="D2485" t="s">
        <v>2343</v>
      </c>
    </row>
    <row r="2486" spans="1:4" x14ac:dyDescent="0.4">
      <c r="A2486">
        <v>2390841</v>
      </c>
      <c r="B2486" t="s">
        <v>2200</v>
      </c>
      <c r="C2486" t="s">
        <v>2270</v>
      </c>
      <c r="D2486" t="s">
        <v>2344</v>
      </c>
    </row>
    <row r="2487" spans="1:4" x14ac:dyDescent="0.4">
      <c r="A2487">
        <v>2390833</v>
      </c>
      <c r="B2487" t="s">
        <v>2200</v>
      </c>
      <c r="C2487" t="s">
        <v>2270</v>
      </c>
      <c r="D2487" t="s">
        <v>2345</v>
      </c>
    </row>
    <row r="2488" spans="1:4" x14ac:dyDescent="0.4">
      <c r="A2488">
        <v>2370078</v>
      </c>
      <c r="B2488" t="s">
        <v>2200</v>
      </c>
      <c r="C2488" t="s">
        <v>2270</v>
      </c>
      <c r="D2488" t="s">
        <v>2346</v>
      </c>
    </row>
    <row r="2489" spans="1:4" x14ac:dyDescent="0.4">
      <c r="A2489">
        <v>2390811</v>
      </c>
      <c r="B2489" t="s">
        <v>2200</v>
      </c>
      <c r="C2489" t="s">
        <v>2270</v>
      </c>
      <c r="D2489" t="s">
        <v>2347</v>
      </c>
    </row>
    <row r="2490" spans="1:4" x14ac:dyDescent="0.4">
      <c r="A2490">
        <v>2370077</v>
      </c>
      <c r="B2490" t="s">
        <v>2200</v>
      </c>
      <c r="C2490" t="s">
        <v>2270</v>
      </c>
      <c r="D2490" t="s">
        <v>2348</v>
      </c>
    </row>
    <row r="2491" spans="1:4" x14ac:dyDescent="0.4">
      <c r="A2491">
        <v>2380315</v>
      </c>
      <c r="B2491" t="s">
        <v>2200</v>
      </c>
      <c r="C2491" t="s">
        <v>2270</v>
      </c>
      <c r="D2491" t="s">
        <v>1929</v>
      </c>
    </row>
    <row r="2492" spans="1:4" x14ac:dyDescent="0.4">
      <c r="A2492">
        <v>2390821</v>
      </c>
      <c r="B2492" t="s">
        <v>2200</v>
      </c>
      <c r="C2492" t="s">
        <v>2270</v>
      </c>
      <c r="D2492" t="s">
        <v>2349</v>
      </c>
    </row>
    <row r="2493" spans="1:4" x14ac:dyDescent="0.4">
      <c r="A2493">
        <v>2380045</v>
      </c>
      <c r="B2493" t="s">
        <v>2200</v>
      </c>
      <c r="C2493" t="s">
        <v>2270</v>
      </c>
      <c r="D2493" t="s">
        <v>2350</v>
      </c>
    </row>
    <row r="2494" spans="1:4" x14ac:dyDescent="0.4">
      <c r="A2494">
        <v>2390847</v>
      </c>
      <c r="B2494" t="s">
        <v>2200</v>
      </c>
      <c r="C2494" t="s">
        <v>2270</v>
      </c>
      <c r="D2494" t="s">
        <v>2351</v>
      </c>
    </row>
    <row r="2495" spans="1:4" x14ac:dyDescent="0.4">
      <c r="A2495">
        <v>2380006</v>
      </c>
      <c r="B2495" t="s">
        <v>2200</v>
      </c>
      <c r="C2495" t="s">
        <v>2270</v>
      </c>
      <c r="D2495" t="s">
        <v>206</v>
      </c>
    </row>
    <row r="2496" spans="1:4" x14ac:dyDescent="0.4">
      <c r="A2496">
        <v>2206206</v>
      </c>
      <c r="B2496" t="s">
        <v>2200</v>
      </c>
      <c r="C2496" t="s">
        <v>2202</v>
      </c>
      <c r="D2496" t="s">
        <v>2352</v>
      </c>
    </row>
    <row r="2497" spans="1:4" x14ac:dyDescent="0.4">
      <c r="A2497">
        <v>2206207</v>
      </c>
      <c r="B2497" t="s">
        <v>2200</v>
      </c>
      <c r="C2497" t="s">
        <v>2202</v>
      </c>
      <c r="D2497" t="s">
        <v>2353</v>
      </c>
    </row>
    <row r="2498" spans="1:4" x14ac:dyDescent="0.4">
      <c r="A2498">
        <v>2206208</v>
      </c>
      <c r="B2498" t="s">
        <v>2200</v>
      </c>
      <c r="C2498" t="s">
        <v>2202</v>
      </c>
      <c r="D2498" t="s">
        <v>2354</v>
      </c>
    </row>
    <row r="2499" spans="1:4" x14ac:dyDescent="0.4">
      <c r="A2499">
        <v>2206209</v>
      </c>
      <c r="B2499" t="s">
        <v>2200</v>
      </c>
      <c r="C2499" t="s">
        <v>2202</v>
      </c>
      <c r="D2499" t="s">
        <v>2355</v>
      </c>
    </row>
    <row r="2500" spans="1:4" x14ac:dyDescent="0.4">
      <c r="A2500">
        <v>2206210</v>
      </c>
      <c r="B2500" t="s">
        <v>2200</v>
      </c>
      <c r="C2500" t="s">
        <v>2202</v>
      </c>
      <c r="D2500" t="s">
        <v>2356</v>
      </c>
    </row>
    <row r="2501" spans="1:4" x14ac:dyDescent="0.4">
      <c r="A2501">
        <v>2206211</v>
      </c>
      <c r="B2501" t="s">
        <v>2200</v>
      </c>
      <c r="C2501" t="s">
        <v>2202</v>
      </c>
      <c r="D2501" t="s">
        <v>2357</v>
      </c>
    </row>
    <row r="2502" spans="1:4" x14ac:dyDescent="0.4">
      <c r="A2502">
        <v>2206212</v>
      </c>
      <c r="B2502" t="s">
        <v>2200</v>
      </c>
      <c r="C2502" t="s">
        <v>2202</v>
      </c>
      <c r="D2502" t="s">
        <v>2358</v>
      </c>
    </row>
    <row r="2503" spans="1:4" x14ac:dyDescent="0.4">
      <c r="A2503">
        <v>2206213</v>
      </c>
      <c r="B2503" t="s">
        <v>2200</v>
      </c>
      <c r="C2503" t="s">
        <v>2202</v>
      </c>
      <c r="D2503" t="s">
        <v>2359</v>
      </c>
    </row>
    <row r="2504" spans="1:4" x14ac:dyDescent="0.4">
      <c r="A2504">
        <v>2206214</v>
      </c>
      <c r="B2504" t="s">
        <v>2200</v>
      </c>
      <c r="C2504" t="s">
        <v>2202</v>
      </c>
      <c r="D2504" t="s">
        <v>2360</v>
      </c>
    </row>
    <row r="2505" spans="1:4" x14ac:dyDescent="0.4">
      <c r="A2505">
        <v>2206215</v>
      </c>
      <c r="B2505" t="s">
        <v>2200</v>
      </c>
      <c r="C2505" t="s">
        <v>2202</v>
      </c>
      <c r="D2505" t="s">
        <v>2361</v>
      </c>
    </row>
    <row r="2506" spans="1:4" x14ac:dyDescent="0.4">
      <c r="A2506">
        <v>2206216</v>
      </c>
      <c r="B2506" t="s">
        <v>2200</v>
      </c>
      <c r="C2506" t="s">
        <v>2202</v>
      </c>
      <c r="D2506" t="s">
        <v>2362</v>
      </c>
    </row>
    <row r="2507" spans="1:4" x14ac:dyDescent="0.4">
      <c r="A2507">
        <v>2206217</v>
      </c>
      <c r="B2507" t="s">
        <v>2200</v>
      </c>
      <c r="C2507" t="s">
        <v>2202</v>
      </c>
      <c r="D2507" t="s">
        <v>2363</v>
      </c>
    </row>
    <row r="2508" spans="1:4" x14ac:dyDescent="0.4">
      <c r="A2508">
        <v>2206218</v>
      </c>
      <c r="B2508" t="s">
        <v>2200</v>
      </c>
      <c r="C2508" t="s">
        <v>2202</v>
      </c>
      <c r="D2508" t="s">
        <v>2364</v>
      </c>
    </row>
    <row r="2509" spans="1:4" x14ac:dyDescent="0.4">
      <c r="A2509">
        <v>2206219</v>
      </c>
      <c r="B2509" t="s">
        <v>2200</v>
      </c>
      <c r="C2509" t="s">
        <v>2202</v>
      </c>
      <c r="D2509" t="s">
        <v>2365</v>
      </c>
    </row>
    <row r="2510" spans="1:4" x14ac:dyDescent="0.4">
      <c r="A2510">
        <v>2206220</v>
      </c>
      <c r="B2510" t="s">
        <v>2200</v>
      </c>
      <c r="C2510" t="s">
        <v>2202</v>
      </c>
      <c r="D2510" t="s">
        <v>2366</v>
      </c>
    </row>
    <row r="2511" spans="1:4" x14ac:dyDescent="0.4">
      <c r="A2511">
        <v>2206221</v>
      </c>
      <c r="B2511" t="s">
        <v>2200</v>
      </c>
      <c r="C2511" t="s">
        <v>2202</v>
      </c>
      <c r="D2511" t="s">
        <v>2367</v>
      </c>
    </row>
    <row r="2512" spans="1:4" x14ac:dyDescent="0.4">
      <c r="A2512">
        <v>2208190</v>
      </c>
      <c r="B2512" t="s">
        <v>2200</v>
      </c>
      <c r="C2512" t="s">
        <v>2202</v>
      </c>
      <c r="D2512" t="s">
        <v>2368</v>
      </c>
    </row>
    <row r="2513" spans="1:4" x14ac:dyDescent="0.4">
      <c r="A2513">
        <v>2208101</v>
      </c>
      <c r="B2513" t="s">
        <v>2200</v>
      </c>
      <c r="C2513" t="s">
        <v>2202</v>
      </c>
      <c r="D2513" t="s">
        <v>2369</v>
      </c>
    </row>
    <row r="2514" spans="1:4" x14ac:dyDescent="0.4">
      <c r="A2514">
        <v>2208102</v>
      </c>
      <c r="B2514" t="s">
        <v>2200</v>
      </c>
      <c r="C2514" t="s">
        <v>2202</v>
      </c>
      <c r="D2514" t="s">
        <v>2370</v>
      </c>
    </row>
    <row r="2515" spans="1:4" x14ac:dyDescent="0.4">
      <c r="A2515">
        <v>2208103</v>
      </c>
      <c r="B2515" t="s">
        <v>2200</v>
      </c>
      <c r="C2515" t="s">
        <v>2202</v>
      </c>
      <c r="D2515" t="s">
        <v>2371</v>
      </c>
    </row>
    <row r="2516" spans="1:4" x14ac:dyDescent="0.4">
      <c r="A2516">
        <v>2208104</v>
      </c>
      <c r="B2516" t="s">
        <v>2200</v>
      </c>
      <c r="C2516" t="s">
        <v>2202</v>
      </c>
      <c r="D2516" t="s">
        <v>2372</v>
      </c>
    </row>
    <row r="2517" spans="1:4" x14ac:dyDescent="0.4">
      <c r="A2517">
        <v>2208105</v>
      </c>
      <c r="B2517" t="s">
        <v>2200</v>
      </c>
      <c r="C2517" t="s">
        <v>2202</v>
      </c>
      <c r="D2517" t="s">
        <v>2373</v>
      </c>
    </row>
    <row r="2518" spans="1:4" x14ac:dyDescent="0.4">
      <c r="A2518">
        <v>2208106</v>
      </c>
      <c r="B2518" t="s">
        <v>2200</v>
      </c>
      <c r="C2518" t="s">
        <v>2202</v>
      </c>
      <c r="D2518" t="s">
        <v>2374</v>
      </c>
    </row>
    <row r="2519" spans="1:4" x14ac:dyDescent="0.4">
      <c r="A2519">
        <v>2208107</v>
      </c>
      <c r="B2519" t="s">
        <v>2200</v>
      </c>
      <c r="C2519" t="s">
        <v>2202</v>
      </c>
      <c r="D2519" t="s">
        <v>2375</v>
      </c>
    </row>
    <row r="2520" spans="1:4" x14ac:dyDescent="0.4">
      <c r="A2520">
        <v>2208108</v>
      </c>
      <c r="B2520" t="s">
        <v>2200</v>
      </c>
      <c r="C2520" t="s">
        <v>2202</v>
      </c>
      <c r="D2520" t="s">
        <v>2376</v>
      </c>
    </row>
    <row r="2521" spans="1:4" x14ac:dyDescent="0.4">
      <c r="A2521">
        <v>2208109</v>
      </c>
      <c r="B2521" t="s">
        <v>2200</v>
      </c>
      <c r="C2521" t="s">
        <v>2202</v>
      </c>
      <c r="D2521" t="s">
        <v>2377</v>
      </c>
    </row>
    <row r="2522" spans="1:4" x14ac:dyDescent="0.4">
      <c r="A2522">
        <v>2208110</v>
      </c>
      <c r="B2522" t="s">
        <v>2200</v>
      </c>
      <c r="C2522" t="s">
        <v>2202</v>
      </c>
      <c r="D2522" t="s">
        <v>2378</v>
      </c>
    </row>
    <row r="2523" spans="1:4" x14ac:dyDescent="0.4">
      <c r="A2523">
        <v>2208111</v>
      </c>
      <c r="B2523" t="s">
        <v>2200</v>
      </c>
      <c r="C2523" t="s">
        <v>2202</v>
      </c>
      <c r="D2523" t="s">
        <v>2379</v>
      </c>
    </row>
    <row r="2524" spans="1:4" x14ac:dyDescent="0.4">
      <c r="A2524">
        <v>2208112</v>
      </c>
      <c r="B2524" t="s">
        <v>2200</v>
      </c>
      <c r="C2524" t="s">
        <v>2202</v>
      </c>
      <c r="D2524" t="s">
        <v>2380</v>
      </c>
    </row>
    <row r="2525" spans="1:4" x14ac:dyDescent="0.4">
      <c r="A2525">
        <v>2208113</v>
      </c>
      <c r="B2525" t="s">
        <v>2200</v>
      </c>
      <c r="C2525" t="s">
        <v>2202</v>
      </c>
      <c r="D2525" t="s">
        <v>2381</v>
      </c>
    </row>
    <row r="2526" spans="1:4" x14ac:dyDescent="0.4">
      <c r="A2526">
        <v>2208114</v>
      </c>
      <c r="B2526" t="s">
        <v>2200</v>
      </c>
      <c r="C2526" t="s">
        <v>2202</v>
      </c>
      <c r="D2526" t="s">
        <v>2382</v>
      </c>
    </row>
    <row r="2527" spans="1:4" x14ac:dyDescent="0.4">
      <c r="A2527">
        <v>2208115</v>
      </c>
      <c r="B2527" t="s">
        <v>2200</v>
      </c>
      <c r="C2527" t="s">
        <v>2202</v>
      </c>
      <c r="D2527" t="s">
        <v>2383</v>
      </c>
    </row>
    <row r="2528" spans="1:4" x14ac:dyDescent="0.4">
      <c r="A2528">
        <v>2208116</v>
      </c>
      <c r="B2528" t="s">
        <v>2200</v>
      </c>
      <c r="C2528" t="s">
        <v>2202</v>
      </c>
      <c r="D2528" t="s">
        <v>2384</v>
      </c>
    </row>
    <row r="2529" spans="1:4" x14ac:dyDescent="0.4">
      <c r="A2529">
        <v>2208117</v>
      </c>
      <c r="B2529" t="s">
        <v>2200</v>
      </c>
      <c r="C2529" t="s">
        <v>2202</v>
      </c>
      <c r="D2529" t="s">
        <v>2385</v>
      </c>
    </row>
    <row r="2530" spans="1:4" x14ac:dyDescent="0.4">
      <c r="A2530">
        <v>2208118</v>
      </c>
      <c r="B2530" t="s">
        <v>2200</v>
      </c>
      <c r="C2530" t="s">
        <v>2202</v>
      </c>
      <c r="D2530" t="s">
        <v>2386</v>
      </c>
    </row>
    <row r="2531" spans="1:4" x14ac:dyDescent="0.4">
      <c r="A2531">
        <v>2208119</v>
      </c>
      <c r="B2531" t="s">
        <v>2200</v>
      </c>
      <c r="C2531" t="s">
        <v>2202</v>
      </c>
      <c r="D2531" t="s">
        <v>2387</v>
      </c>
    </row>
    <row r="2532" spans="1:4" x14ac:dyDescent="0.4">
      <c r="A2532">
        <v>2208120</v>
      </c>
      <c r="B2532" t="s">
        <v>2200</v>
      </c>
      <c r="C2532" t="s">
        <v>2202</v>
      </c>
      <c r="D2532" t="s">
        <v>2388</v>
      </c>
    </row>
    <row r="2533" spans="1:4" x14ac:dyDescent="0.4">
      <c r="A2533">
        <v>2208121</v>
      </c>
      <c r="B2533" t="s">
        <v>2200</v>
      </c>
      <c r="C2533" t="s">
        <v>2202</v>
      </c>
      <c r="D2533" t="s">
        <v>2389</v>
      </c>
    </row>
    <row r="2534" spans="1:4" x14ac:dyDescent="0.4">
      <c r="A2534">
        <v>2208122</v>
      </c>
      <c r="B2534" t="s">
        <v>2200</v>
      </c>
      <c r="C2534" t="s">
        <v>2202</v>
      </c>
      <c r="D2534" t="s">
        <v>2390</v>
      </c>
    </row>
    <row r="2535" spans="1:4" x14ac:dyDescent="0.4">
      <c r="A2535">
        <v>2208123</v>
      </c>
      <c r="B2535" t="s">
        <v>2200</v>
      </c>
      <c r="C2535" t="s">
        <v>2202</v>
      </c>
      <c r="D2535" t="s">
        <v>2391</v>
      </c>
    </row>
    <row r="2536" spans="1:4" x14ac:dyDescent="0.4">
      <c r="A2536">
        <v>2208124</v>
      </c>
      <c r="B2536" t="s">
        <v>2200</v>
      </c>
      <c r="C2536" t="s">
        <v>2202</v>
      </c>
      <c r="D2536" t="s">
        <v>2392</v>
      </c>
    </row>
    <row r="2537" spans="1:4" x14ac:dyDescent="0.4">
      <c r="A2537">
        <v>2208125</v>
      </c>
      <c r="B2537" t="s">
        <v>2200</v>
      </c>
      <c r="C2537" t="s">
        <v>2202</v>
      </c>
      <c r="D2537" t="s">
        <v>2393</v>
      </c>
    </row>
    <row r="2538" spans="1:4" x14ac:dyDescent="0.4">
      <c r="A2538">
        <v>2208126</v>
      </c>
      <c r="B2538" t="s">
        <v>2200</v>
      </c>
      <c r="C2538" t="s">
        <v>2202</v>
      </c>
      <c r="D2538" t="s">
        <v>2394</v>
      </c>
    </row>
    <row r="2539" spans="1:4" x14ac:dyDescent="0.4">
      <c r="A2539">
        <v>2208127</v>
      </c>
      <c r="B2539" t="s">
        <v>2200</v>
      </c>
      <c r="C2539" t="s">
        <v>2202</v>
      </c>
      <c r="D2539" t="s">
        <v>2395</v>
      </c>
    </row>
    <row r="2540" spans="1:4" x14ac:dyDescent="0.4">
      <c r="A2540">
        <v>2208128</v>
      </c>
      <c r="B2540" t="s">
        <v>2200</v>
      </c>
      <c r="C2540" t="s">
        <v>2202</v>
      </c>
      <c r="D2540" t="s">
        <v>2396</v>
      </c>
    </row>
    <row r="2541" spans="1:4" x14ac:dyDescent="0.4">
      <c r="A2541">
        <v>2208129</v>
      </c>
      <c r="B2541" t="s">
        <v>2200</v>
      </c>
      <c r="C2541" t="s">
        <v>2202</v>
      </c>
      <c r="D2541" t="s">
        <v>2397</v>
      </c>
    </row>
    <row r="2542" spans="1:4" x14ac:dyDescent="0.4">
      <c r="A2542">
        <v>2208130</v>
      </c>
      <c r="B2542" t="s">
        <v>2200</v>
      </c>
      <c r="C2542" t="s">
        <v>2202</v>
      </c>
      <c r="D2542" t="s">
        <v>2398</v>
      </c>
    </row>
    <row r="2543" spans="1:4" x14ac:dyDescent="0.4">
      <c r="A2543">
        <v>2208131</v>
      </c>
      <c r="B2543" t="s">
        <v>2200</v>
      </c>
      <c r="C2543" t="s">
        <v>2202</v>
      </c>
      <c r="D2543" t="s">
        <v>2399</v>
      </c>
    </row>
    <row r="2544" spans="1:4" x14ac:dyDescent="0.4">
      <c r="A2544">
        <v>2208132</v>
      </c>
      <c r="B2544" t="s">
        <v>2200</v>
      </c>
      <c r="C2544" t="s">
        <v>2202</v>
      </c>
      <c r="D2544" t="s">
        <v>2400</v>
      </c>
    </row>
    <row r="2545" spans="1:4" x14ac:dyDescent="0.4">
      <c r="A2545">
        <v>2208133</v>
      </c>
      <c r="B2545" t="s">
        <v>2200</v>
      </c>
      <c r="C2545" t="s">
        <v>2202</v>
      </c>
      <c r="D2545" t="s">
        <v>2401</v>
      </c>
    </row>
    <row r="2546" spans="1:4" x14ac:dyDescent="0.4">
      <c r="A2546">
        <v>2208134</v>
      </c>
      <c r="B2546" t="s">
        <v>2200</v>
      </c>
      <c r="C2546" t="s">
        <v>2202</v>
      </c>
      <c r="D2546" t="s">
        <v>2402</v>
      </c>
    </row>
    <row r="2547" spans="1:4" x14ac:dyDescent="0.4">
      <c r="A2547">
        <v>2208135</v>
      </c>
      <c r="B2547" t="s">
        <v>2200</v>
      </c>
      <c r="C2547" t="s">
        <v>2202</v>
      </c>
      <c r="D2547" t="s">
        <v>2403</v>
      </c>
    </row>
    <row r="2548" spans="1:4" x14ac:dyDescent="0.4">
      <c r="A2548">
        <v>2208136</v>
      </c>
      <c r="B2548" t="s">
        <v>2200</v>
      </c>
      <c r="C2548" t="s">
        <v>2202</v>
      </c>
      <c r="D2548" t="s">
        <v>2404</v>
      </c>
    </row>
    <row r="2549" spans="1:4" x14ac:dyDescent="0.4">
      <c r="A2549">
        <v>2208137</v>
      </c>
      <c r="B2549" t="s">
        <v>2200</v>
      </c>
      <c r="C2549" t="s">
        <v>2202</v>
      </c>
      <c r="D2549" t="s">
        <v>2405</v>
      </c>
    </row>
    <row r="2550" spans="1:4" x14ac:dyDescent="0.4">
      <c r="A2550">
        <v>2208138</v>
      </c>
      <c r="B2550" t="s">
        <v>2200</v>
      </c>
      <c r="C2550" t="s">
        <v>2202</v>
      </c>
      <c r="D2550" t="s">
        <v>2406</v>
      </c>
    </row>
    <row r="2551" spans="1:4" x14ac:dyDescent="0.4">
      <c r="A2551">
        <v>2208139</v>
      </c>
      <c r="B2551" t="s">
        <v>2200</v>
      </c>
      <c r="C2551" t="s">
        <v>2202</v>
      </c>
      <c r="D2551" t="s">
        <v>2407</v>
      </c>
    </row>
    <row r="2552" spans="1:4" x14ac:dyDescent="0.4">
      <c r="A2552">
        <v>2208140</v>
      </c>
      <c r="B2552" t="s">
        <v>2200</v>
      </c>
      <c r="C2552" t="s">
        <v>2202</v>
      </c>
      <c r="D2552" t="s">
        <v>2408</v>
      </c>
    </row>
    <row r="2553" spans="1:4" x14ac:dyDescent="0.4">
      <c r="A2553">
        <v>2208141</v>
      </c>
      <c r="B2553" t="s">
        <v>2200</v>
      </c>
      <c r="C2553" t="s">
        <v>2202</v>
      </c>
      <c r="D2553" t="s">
        <v>2409</v>
      </c>
    </row>
    <row r="2554" spans="1:4" x14ac:dyDescent="0.4">
      <c r="A2554">
        <v>2208142</v>
      </c>
      <c r="B2554" t="s">
        <v>2200</v>
      </c>
      <c r="C2554" t="s">
        <v>2202</v>
      </c>
      <c r="D2554" t="s">
        <v>2410</v>
      </c>
    </row>
    <row r="2555" spans="1:4" x14ac:dyDescent="0.4">
      <c r="A2555">
        <v>2208143</v>
      </c>
      <c r="B2555" t="s">
        <v>2200</v>
      </c>
      <c r="C2555" t="s">
        <v>2202</v>
      </c>
      <c r="D2555" t="s">
        <v>2411</v>
      </c>
    </row>
    <row r="2556" spans="1:4" x14ac:dyDescent="0.4">
      <c r="A2556">
        <v>2208144</v>
      </c>
      <c r="B2556" t="s">
        <v>2200</v>
      </c>
      <c r="C2556" t="s">
        <v>2202</v>
      </c>
      <c r="D2556" t="s">
        <v>2412</v>
      </c>
    </row>
    <row r="2557" spans="1:4" x14ac:dyDescent="0.4">
      <c r="A2557">
        <v>2208145</v>
      </c>
      <c r="B2557" t="s">
        <v>2200</v>
      </c>
      <c r="C2557" t="s">
        <v>2202</v>
      </c>
      <c r="D2557" t="s">
        <v>2413</v>
      </c>
    </row>
    <row r="2558" spans="1:4" x14ac:dyDescent="0.4">
      <c r="A2558">
        <v>2208146</v>
      </c>
      <c r="B2558" t="s">
        <v>2200</v>
      </c>
      <c r="C2558" t="s">
        <v>2202</v>
      </c>
      <c r="D2558" t="s">
        <v>2414</v>
      </c>
    </row>
    <row r="2559" spans="1:4" x14ac:dyDescent="0.4">
      <c r="A2559">
        <v>2208147</v>
      </c>
      <c r="B2559" t="s">
        <v>2200</v>
      </c>
      <c r="C2559" t="s">
        <v>2202</v>
      </c>
      <c r="D2559" t="s">
        <v>2415</v>
      </c>
    </row>
    <row r="2560" spans="1:4" x14ac:dyDescent="0.4">
      <c r="A2560">
        <v>2208148</v>
      </c>
      <c r="B2560" t="s">
        <v>2200</v>
      </c>
      <c r="C2560" t="s">
        <v>2202</v>
      </c>
      <c r="D2560" t="s">
        <v>2416</v>
      </c>
    </row>
    <row r="2561" spans="1:4" x14ac:dyDescent="0.4">
      <c r="A2561">
        <v>2208149</v>
      </c>
      <c r="B2561" t="s">
        <v>2200</v>
      </c>
      <c r="C2561" t="s">
        <v>2202</v>
      </c>
      <c r="D2561" t="s">
        <v>2417</v>
      </c>
    </row>
    <row r="2562" spans="1:4" x14ac:dyDescent="0.4">
      <c r="A2562">
        <v>2208150</v>
      </c>
      <c r="B2562" t="s">
        <v>2200</v>
      </c>
      <c r="C2562" t="s">
        <v>2202</v>
      </c>
      <c r="D2562" t="s">
        <v>2418</v>
      </c>
    </row>
    <row r="2563" spans="1:4" x14ac:dyDescent="0.4">
      <c r="A2563">
        <v>2208151</v>
      </c>
      <c r="B2563" t="s">
        <v>2200</v>
      </c>
      <c r="C2563" t="s">
        <v>2202</v>
      </c>
      <c r="D2563" t="s">
        <v>2419</v>
      </c>
    </row>
    <row r="2564" spans="1:4" x14ac:dyDescent="0.4">
      <c r="A2564">
        <v>2208152</v>
      </c>
      <c r="B2564" t="s">
        <v>2200</v>
      </c>
      <c r="C2564" t="s">
        <v>2202</v>
      </c>
      <c r="D2564" t="s">
        <v>2420</v>
      </c>
    </row>
    <row r="2565" spans="1:4" x14ac:dyDescent="0.4">
      <c r="A2565">
        <v>2208153</v>
      </c>
      <c r="B2565" t="s">
        <v>2200</v>
      </c>
      <c r="C2565" t="s">
        <v>2202</v>
      </c>
      <c r="D2565" t="s">
        <v>2421</v>
      </c>
    </row>
    <row r="2566" spans="1:4" x14ac:dyDescent="0.4">
      <c r="A2566">
        <v>2208154</v>
      </c>
      <c r="B2566" t="s">
        <v>2200</v>
      </c>
      <c r="C2566" t="s">
        <v>2202</v>
      </c>
      <c r="D2566" t="s">
        <v>2422</v>
      </c>
    </row>
    <row r="2567" spans="1:4" x14ac:dyDescent="0.4">
      <c r="A2567">
        <v>2208155</v>
      </c>
      <c r="B2567" t="s">
        <v>2200</v>
      </c>
      <c r="C2567" t="s">
        <v>2202</v>
      </c>
      <c r="D2567" t="s">
        <v>2423</v>
      </c>
    </row>
    <row r="2568" spans="1:4" x14ac:dyDescent="0.4">
      <c r="A2568">
        <v>2208156</v>
      </c>
      <c r="B2568" t="s">
        <v>2200</v>
      </c>
      <c r="C2568" t="s">
        <v>2202</v>
      </c>
      <c r="D2568" t="s">
        <v>2424</v>
      </c>
    </row>
    <row r="2569" spans="1:4" x14ac:dyDescent="0.4">
      <c r="A2569">
        <v>2208157</v>
      </c>
      <c r="B2569" t="s">
        <v>2200</v>
      </c>
      <c r="C2569" t="s">
        <v>2202</v>
      </c>
      <c r="D2569" t="s">
        <v>2425</v>
      </c>
    </row>
    <row r="2570" spans="1:4" x14ac:dyDescent="0.4">
      <c r="A2570">
        <v>2208158</v>
      </c>
      <c r="B2570" t="s">
        <v>2200</v>
      </c>
      <c r="C2570" t="s">
        <v>2202</v>
      </c>
      <c r="D2570" t="s">
        <v>2426</v>
      </c>
    </row>
    <row r="2571" spans="1:4" x14ac:dyDescent="0.4">
      <c r="A2571">
        <v>2208159</v>
      </c>
      <c r="B2571" t="s">
        <v>2200</v>
      </c>
      <c r="C2571" t="s">
        <v>2202</v>
      </c>
      <c r="D2571" t="s">
        <v>2427</v>
      </c>
    </row>
    <row r="2572" spans="1:4" x14ac:dyDescent="0.4">
      <c r="A2572">
        <v>2208160</v>
      </c>
      <c r="B2572" t="s">
        <v>2200</v>
      </c>
      <c r="C2572" t="s">
        <v>2202</v>
      </c>
      <c r="D2572" t="s">
        <v>2428</v>
      </c>
    </row>
    <row r="2573" spans="1:4" x14ac:dyDescent="0.4">
      <c r="A2573">
        <v>2208161</v>
      </c>
      <c r="B2573" t="s">
        <v>2200</v>
      </c>
      <c r="C2573" t="s">
        <v>2202</v>
      </c>
      <c r="D2573" t="s">
        <v>2429</v>
      </c>
    </row>
    <row r="2574" spans="1:4" x14ac:dyDescent="0.4">
      <c r="A2574">
        <v>2208162</v>
      </c>
      <c r="B2574" t="s">
        <v>2200</v>
      </c>
      <c r="C2574" t="s">
        <v>2202</v>
      </c>
      <c r="D2574" t="s">
        <v>2430</v>
      </c>
    </row>
    <row r="2575" spans="1:4" x14ac:dyDescent="0.4">
      <c r="A2575">
        <v>2208163</v>
      </c>
      <c r="B2575" t="s">
        <v>2200</v>
      </c>
      <c r="C2575" t="s">
        <v>2202</v>
      </c>
      <c r="D2575" t="s">
        <v>2431</v>
      </c>
    </row>
    <row r="2576" spans="1:4" x14ac:dyDescent="0.4">
      <c r="A2576">
        <v>2208164</v>
      </c>
      <c r="B2576" t="s">
        <v>2200</v>
      </c>
      <c r="C2576" t="s">
        <v>2202</v>
      </c>
      <c r="D2576" t="s">
        <v>2432</v>
      </c>
    </row>
    <row r="2577" spans="1:4" x14ac:dyDescent="0.4">
      <c r="A2577">
        <v>2208165</v>
      </c>
      <c r="B2577" t="s">
        <v>2200</v>
      </c>
      <c r="C2577" t="s">
        <v>2202</v>
      </c>
      <c r="D2577" t="s">
        <v>2433</v>
      </c>
    </row>
    <row r="2578" spans="1:4" x14ac:dyDescent="0.4">
      <c r="A2578">
        <v>2208166</v>
      </c>
      <c r="B2578" t="s">
        <v>2200</v>
      </c>
      <c r="C2578" t="s">
        <v>2202</v>
      </c>
      <c r="D2578" t="s">
        <v>2434</v>
      </c>
    </row>
    <row r="2579" spans="1:4" x14ac:dyDescent="0.4">
      <c r="A2579">
        <v>2208167</v>
      </c>
      <c r="B2579" t="s">
        <v>2200</v>
      </c>
      <c r="C2579" t="s">
        <v>2202</v>
      </c>
      <c r="D2579" t="s">
        <v>2435</v>
      </c>
    </row>
    <row r="2580" spans="1:4" x14ac:dyDescent="0.4">
      <c r="A2580">
        <v>2208168</v>
      </c>
      <c r="B2580" t="s">
        <v>2200</v>
      </c>
      <c r="C2580" t="s">
        <v>2202</v>
      </c>
      <c r="D2580" t="s">
        <v>2436</v>
      </c>
    </row>
    <row r="2581" spans="1:4" x14ac:dyDescent="0.4">
      <c r="A2581">
        <v>2208169</v>
      </c>
      <c r="B2581" t="s">
        <v>2200</v>
      </c>
      <c r="C2581" t="s">
        <v>2202</v>
      </c>
      <c r="D2581" t="s">
        <v>2437</v>
      </c>
    </row>
    <row r="2582" spans="1:4" x14ac:dyDescent="0.4">
      <c r="A2582">
        <v>2208170</v>
      </c>
      <c r="B2582" t="s">
        <v>2200</v>
      </c>
      <c r="C2582" t="s">
        <v>2202</v>
      </c>
      <c r="D2582" t="s">
        <v>2438</v>
      </c>
    </row>
    <row r="2583" spans="1:4" x14ac:dyDescent="0.4">
      <c r="A2583">
        <v>2200002</v>
      </c>
      <c r="B2583" t="s">
        <v>2200</v>
      </c>
      <c r="C2583" t="s">
        <v>2202</v>
      </c>
      <c r="D2583" t="s">
        <v>2439</v>
      </c>
    </row>
    <row r="2584" spans="1:4" x14ac:dyDescent="0.4">
      <c r="A2584">
        <v>2200005</v>
      </c>
      <c r="B2584" t="s">
        <v>2200</v>
      </c>
      <c r="C2584" t="s">
        <v>2202</v>
      </c>
      <c r="D2584" t="s">
        <v>2440</v>
      </c>
    </row>
    <row r="2585" spans="1:4" x14ac:dyDescent="0.4">
      <c r="A2585">
        <v>2200074</v>
      </c>
      <c r="B2585" t="s">
        <v>2200</v>
      </c>
      <c r="C2585" t="s">
        <v>2202</v>
      </c>
      <c r="D2585" t="s">
        <v>2441</v>
      </c>
    </row>
    <row r="2586" spans="1:4" x14ac:dyDescent="0.4">
      <c r="A2586">
        <v>2200006</v>
      </c>
      <c r="B2586" t="s">
        <v>2200</v>
      </c>
      <c r="C2586" t="s">
        <v>2202</v>
      </c>
      <c r="D2586" t="s">
        <v>2442</v>
      </c>
    </row>
    <row r="2587" spans="1:4" x14ac:dyDescent="0.4">
      <c r="A2587">
        <v>2200031</v>
      </c>
      <c r="B2587" t="s">
        <v>2200</v>
      </c>
      <c r="C2587" t="s">
        <v>2202</v>
      </c>
      <c r="D2587" t="s">
        <v>2443</v>
      </c>
    </row>
    <row r="2588" spans="1:4" x14ac:dyDescent="0.4">
      <c r="A2588">
        <v>2200063</v>
      </c>
      <c r="B2588" t="s">
        <v>2200</v>
      </c>
      <c r="C2588" t="s">
        <v>2202</v>
      </c>
      <c r="D2588" t="s">
        <v>2444</v>
      </c>
    </row>
    <row r="2589" spans="1:4" x14ac:dyDescent="0.4">
      <c r="A2589">
        <v>2200044</v>
      </c>
      <c r="B2589" t="s">
        <v>2200</v>
      </c>
      <c r="C2589" t="s">
        <v>2202</v>
      </c>
      <c r="D2589" t="s">
        <v>2445</v>
      </c>
    </row>
    <row r="2590" spans="1:4" x14ac:dyDescent="0.4">
      <c r="A2590">
        <v>2310000</v>
      </c>
      <c r="B2590" t="s">
        <v>2200</v>
      </c>
      <c r="C2590" t="s">
        <v>2446</v>
      </c>
    </row>
    <row r="2591" spans="1:4" x14ac:dyDescent="0.4">
      <c r="A2591">
        <v>2310012</v>
      </c>
      <c r="B2591" t="s">
        <v>2200</v>
      </c>
      <c r="C2591" t="s">
        <v>2446</v>
      </c>
      <c r="D2591" t="s">
        <v>2447</v>
      </c>
    </row>
    <row r="2592" spans="1:4" x14ac:dyDescent="0.4">
      <c r="A2592">
        <v>2400052</v>
      </c>
      <c r="B2592" t="s">
        <v>2200</v>
      </c>
      <c r="C2592" t="s">
        <v>2204</v>
      </c>
      <c r="D2592" t="s">
        <v>2448</v>
      </c>
    </row>
    <row r="2593" spans="1:4" x14ac:dyDescent="0.4">
      <c r="A2593">
        <v>2400016</v>
      </c>
      <c r="B2593" t="s">
        <v>2200</v>
      </c>
      <c r="C2593" t="s">
        <v>2204</v>
      </c>
      <c r="D2593" t="s">
        <v>2449</v>
      </c>
    </row>
    <row r="2594" spans="1:4" x14ac:dyDescent="0.4">
      <c r="A2594">
        <v>2400017</v>
      </c>
      <c r="B2594" t="s">
        <v>2200</v>
      </c>
      <c r="C2594" t="s">
        <v>2204</v>
      </c>
      <c r="D2594" t="s">
        <v>2450</v>
      </c>
    </row>
    <row r="2595" spans="1:4" x14ac:dyDescent="0.4">
      <c r="A2595">
        <v>2400041</v>
      </c>
      <c r="B2595" t="s">
        <v>2200</v>
      </c>
      <c r="C2595" t="s">
        <v>2204</v>
      </c>
      <c r="D2595" t="s">
        <v>2451</v>
      </c>
    </row>
    <row r="2596" spans="1:4" x14ac:dyDescent="0.4">
      <c r="A2596">
        <v>2400031</v>
      </c>
      <c r="B2596" t="s">
        <v>2200</v>
      </c>
      <c r="C2596" t="s">
        <v>2204</v>
      </c>
      <c r="D2596" t="s">
        <v>2452</v>
      </c>
    </row>
    <row r="2597" spans="1:4" x14ac:dyDescent="0.4">
      <c r="A2597">
        <v>2400044</v>
      </c>
      <c r="B2597" t="s">
        <v>2200</v>
      </c>
      <c r="C2597" t="s">
        <v>2204</v>
      </c>
      <c r="D2597" t="s">
        <v>2453</v>
      </c>
    </row>
    <row r="2598" spans="1:4" x14ac:dyDescent="0.4">
      <c r="A2598">
        <v>2400032</v>
      </c>
      <c r="B2598" t="s">
        <v>2200</v>
      </c>
      <c r="C2598" t="s">
        <v>2204</v>
      </c>
      <c r="D2598" t="s">
        <v>2454</v>
      </c>
    </row>
    <row r="2599" spans="1:4" x14ac:dyDescent="0.4">
      <c r="A2599">
        <v>2400006</v>
      </c>
      <c r="B2599" t="s">
        <v>2200</v>
      </c>
      <c r="C2599" t="s">
        <v>2204</v>
      </c>
      <c r="D2599" t="s">
        <v>2455</v>
      </c>
    </row>
    <row r="2600" spans="1:4" x14ac:dyDescent="0.4">
      <c r="A2600">
        <v>2400021</v>
      </c>
      <c r="B2600" t="s">
        <v>2200</v>
      </c>
      <c r="C2600" t="s">
        <v>2204</v>
      </c>
      <c r="D2600" t="s">
        <v>2456</v>
      </c>
    </row>
    <row r="2601" spans="1:4" x14ac:dyDescent="0.4">
      <c r="A2601">
        <v>2400064</v>
      </c>
      <c r="B2601" t="s">
        <v>2200</v>
      </c>
      <c r="C2601" t="s">
        <v>2204</v>
      </c>
      <c r="D2601" t="s">
        <v>2457</v>
      </c>
    </row>
    <row r="2602" spans="1:4" x14ac:dyDescent="0.4">
      <c r="A2602">
        <v>2400061</v>
      </c>
      <c r="B2602" t="s">
        <v>2200</v>
      </c>
      <c r="C2602" t="s">
        <v>2204</v>
      </c>
      <c r="D2602" t="s">
        <v>2458</v>
      </c>
    </row>
    <row r="2603" spans="1:4" x14ac:dyDescent="0.4">
      <c r="A2603">
        <v>2400002</v>
      </c>
      <c r="B2603" t="s">
        <v>2200</v>
      </c>
      <c r="C2603" t="s">
        <v>2204</v>
      </c>
      <c r="D2603" t="s">
        <v>2459</v>
      </c>
    </row>
    <row r="2604" spans="1:4" x14ac:dyDescent="0.4">
      <c r="A2604">
        <v>2400007</v>
      </c>
      <c r="B2604" t="s">
        <v>2200</v>
      </c>
      <c r="C2604" t="s">
        <v>2204</v>
      </c>
      <c r="D2604" t="s">
        <v>2460</v>
      </c>
    </row>
    <row r="2605" spans="1:4" x14ac:dyDescent="0.4">
      <c r="A2605">
        <v>2400065</v>
      </c>
      <c r="B2605" t="s">
        <v>2200</v>
      </c>
      <c r="C2605" t="s">
        <v>2204</v>
      </c>
      <c r="D2605" t="s">
        <v>2176</v>
      </c>
    </row>
    <row r="2606" spans="1:4" x14ac:dyDescent="0.4">
      <c r="A2606">
        <v>2350000</v>
      </c>
      <c r="B2606" t="s">
        <v>2200</v>
      </c>
      <c r="C2606" t="s">
        <v>2461</v>
      </c>
    </row>
    <row r="2607" spans="1:4" x14ac:dyDescent="0.4">
      <c r="A2607">
        <v>2350016</v>
      </c>
      <c r="B2607" t="s">
        <v>2200</v>
      </c>
      <c r="C2607" t="s">
        <v>2461</v>
      </c>
      <c r="D2607" t="s">
        <v>2462</v>
      </c>
    </row>
    <row r="2608" spans="1:4" x14ac:dyDescent="0.4">
      <c r="A2608">
        <v>2350019</v>
      </c>
      <c r="B2608" t="s">
        <v>2200</v>
      </c>
      <c r="C2608" t="s">
        <v>2461</v>
      </c>
      <c r="D2608" t="s">
        <v>2463</v>
      </c>
    </row>
    <row r="2609" spans="1:4" x14ac:dyDescent="0.4">
      <c r="A2609">
        <v>2350006</v>
      </c>
      <c r="B2609" t="s">
        <v>2200</v>
      </c>
      <c r="C2609" t="s">
        <v>2461</v>
      </c>
      <c r="D2609" t="s">
        <v>2464</v>
      </c>
    </row>
    <row r="2610" spans="1:4" x14ac:dyDescent="0.4">
      <c r="A2610">
        <v>2350021</v>
      </c>
      <c r="B2610" t="s">
        <v>2200</v>
      </c>
      <c r="C2610" t="s">
        <v>2461</v>
      </c>
      <c r="D2610" t="s">
        <v>2465</v>
      </c>
    </row>
    <row r="2611" spans="1:4" x14ac:dyDescent="0.4">
      <c r="A2611">
        <v>2350001</v>
      </c>
      <c r="B2611" t="s">
        <v>2200</v>
      </c>
      <c r="C2611" t="s">
        <v>2461</v>
      </c>
      <c r="D2611" t="s">
        <v>2287</v>
      </c>
    </row>
    <row r="2612" spans="1:4" x14ac:dyDescent="0.4">
      <c r="A2612">
        <v>2350042</v>
      </c>
      <c r="B2612" t="s">
        <v>2200</v>
      </c>
      <c r="C2612" t="s">
        <v>2461</v>
      </c>
      <c r="D2612" t="s">
        <v>2466</v>
      </c>
    </row>
    <row r="2613" spans="1:4" x14ac:dyDescent="0.4">
      <c r="A2613">
        <v>2350041</v>
      </c>
      <c r="B2613" t="s">
        <v>2200</v>
      </c>
      <c r="C2613" t="s">
        <v>2461</v>
      </c>
      <c r="D2613" t="s">
        <v>2251</v>
      </c>
    </row>
    <row r="2614" spans="1:4" x14ac:dyDescent="0.4">
      <c r="A2614">
        <v>2350003</v>
      </c>
      <c r="B2614" t="s">
        <v>2200</v>
      </c>
      <c r="C2614" t="s">
        <v>2461</v>
      </c>
      <c r="D2614" t="s">
        <v>2467</v>
      </c>
    </row>
    <row r="2615" spans="1:4" x14ac:dyDescent="0.4">
      <c r="A2615">
        <v>2350022</v>
      </c>
      <c r="B2615" t="s">
        <v>2200</v>
      </c>
      <c r="C2615" t="s">
        <v>2461</v>
      </c>
      <c r="D2615" t="s">
        <v>2320</v>
      </c>
    </row>
    <row r="2616" spans="1:4" x14ac:dyDescent="0.4">
      <c r="A2616">
        <v>2350004</v>
      </c>
      <c r="B2616" t="s">
        <v>2200</v>
      </c>
      <c r="C2616" t="s">
        <v>2461</v>
      </c>
      <c r="D2616" t="s">
        <v>2468</v>
      </c>
    </row>
    <row r="2617" spans="1:4" x14ac:dyDescent="0.4">
      <c r="A2617">
        <v>2350017</v>
      </c>
      <c r="B2617" t="s">
        <v>2200</v>
      </c>
      <c r="C2617" t="s">
        <v>2461</v>
      </c>
      <c r="D2617" t="s">
        <v>2469</v>
      </c>
    </row>
    <row r="2618" spans="1:4" x14ac:dyDescent="0.4">
      <c r="A2618">
        <v>2350032</v>
      </c>
      <c r="B2618" t="s">
        <v>2200</v>
      </c>
      <c r="C2618" t="s">
        <v>2461</v>
      </c>
      <c r="D2618" t="s">
        <v>2470</v>
      </c>
    </row>
    <row r="2619" spans="1:4" x14ac:dyDescent="0.4">
      <c r="A2619">
        <v>2350031</v>
      </c>
      <c r="B2619" t="s">
        <v>2200</v>
      </c>
      <c r="C2619" t="s">
        <v>2461</v>
      </c>
      <c r="D2619" t="s">
        <v>2471</v>
      </c>
    </row>
    <row r="2620" spans="1:4" x14ac:dyDescent="0.4">
      <c r="A2620">
        <v>2350018</v>
      </c>
      <c r="B2620" t="s">
        <v>2200</v>
      </c>
      <c r="C2620" t="s">
        <v>2461</v>
      </c>
      <c r="D2620" t="s">
        <v>2472</v>
      </c>
    </row>
    <row r="2621" spans="1:4" x14ac:dyDescent="0.4">
      <c r="A2621">
        <v>2350033</v>
      </c>
      <c r="B2621" t="s">
        <v>2200</v>
      </c>
      <c r="C2621" t="s">
        <v>2461</v>
      </c>
      <c r="D2621" t="s">
        <v>2473</v>
      </c>
    </row>
    <row r="2622" spans="1:4" x14ac:dyDescent="0.4">
      <c r="A2622">
        <v>2350034</v>
      </c>
      <c r="B2622" t="s">
        <v>2200</v>
      </c>
      <c r="C2622" t="s">
        <v>2461</v>
      </c>
      <c r="D2622" t="s">
        <v>2474</v>
      </c>
    </row>
    <row r="2623" spans="1:4" x14ac:dyDescent="0.4">
      <c r="A2623">
        <v>2350012</v>
      </c>
      <c r="B2623" t="s">
        <v>2200</v>
      </c>
      <c r="C2623" t="s">
        <v>2461</v>
      </c>
      <c r="D2623" t="s">
        <v>2475</v>
      </c>
    </row>
    <row r="2624" spans="1:4" x14ac:dyDescent="0.4">
      <c r="A2624">
        <v>2350035</v>
      </c>
      <c r="B2624" t="s">
        <v>2200</v>
      </c>
      <c r="C2624" t="s">
        <v>2461</v>
      </c>
      <c r="D2624" t="s">
        <v>443</v>
      </c>
    </row>
    <row r="2625" spans="1:4" x14ac:dyDescent="0.4">
      <c r="A2625">
        <v>2350014</v>
      </c>
      <c r="B2625" t="s">
        <v>2200</v>
      </c>
      <c r="C2625" t="s">
        <v>2461</v>
      </c>
      <c r="D2625" t="s">
        <v>2476</v>
      </c>
    </row>
    <row r="2626" spans="1:4" x14ac:dyDescent="0.4">
      <c r="A2626">
        <v>2350036</v>
      </c>
      <c r="B2626" t="s">
        <v>2200</v>
      </c>
      <c r="C2626" t="s">
        <v>2461</v>
      </c>
      <c r="D2626" t="s">
        <v>2477</v>
      </c>
    </row>
    <row r="2627" spans="1:4" x14ac:dyDescent="0.4">
      <c r="A2627">
        <v>2350007</v>
      </c>
      <c r="B2627" t="s">
        <v>2200</v>
      </c>
      <c r="C2627" t="s">
        <v>2461</v>
      </c>
      <c r="D2627" t="s">
        <v>808</v>
      </c>
    </row>
    <row r="2628" spans="1:4" x14ac:dyDescent="0.4">
      <c r="A2628">
        <v>2350002</v>
      </c>
      <c r="B2628" t="s">
        <v>2200</v>
      </c>
      <c r="C2628" t="s">
        <v>2461</v>
      </c>
      <c r="D2628" t="s">
        <v>2478</v>
      </c>
    </row>
    <row r="2629" spans="1:4" x14ac:dyDescent="0.4">
      <c r="A2629">
        <v>2350008</v>
      </c>
      <c r="B2629" t="s">
        <v>2200</v>
      </c>
      <c r="C2629" t="s">
        <v>2461</v>
      </c>
      <c r="D2629" t="s">
        <v>26</v>
      </c>
    </row>
    <row r="2630" spans="1:4" x14ac:dyDescent="0.4">
      <c r="A2630">
        <v>2350005</v>
      </c>
      <c r="B2630" t="s">
        <v>2200</v>
      </c>
      <c r="C2630" t="s">
        <v>2461</v>
      </c>
      <c r="D2630" t="s">
        <v>1526</v>
      </c>
    </row>
    <row r="2631" spans="1:4" x14ac:dyDescent="0.4">
      <c r="A2631">
        <v>2350015</v>
      </c>
      <c r="B2631" t="s">
        <v>2200</v>
      </c>
      <c r="C2631" t="s">
        <v>2461</v>
      </c>
      <c r="D2631" t="s">
        <v>2479</v>
      </c>
    </row>
    <row r="2632" spans="1:4" x14ac:dyDescent="0.4">
      <c r="A2632">
        <v>2350043</v>
      </c>
      <c r="B2632" t="s">
        <v>2200</v>
      </c>
      <c r="C2632" t="s">
        <v>2461</v>
      </c>
      <c r="D2632" t="s">
        <v>2480</v>
      </c>
    </row>
    <row r="2633" spans="1:4" x14ac:dyDescent="0.4">
      <c r="A2633">
        <v>2350013</v>
      </c>
      <c r="B2633" t="s">
        <v>2200</v>
      </c>
      <c r="C2633" t="s">
        <v>2461</v>
      </c>
      <c r="D2633" t="s">
        <v>2481</v>
      </c>
    </row>
    <row r="2634" spans="1:4" x14ac:dyDescent="0.4">
      <c r="A2634">
        <v>2350011</v>
      </c>
      <c r="B2634" t="s">
        <v>2200</v>
      </c>
      <c r="C2634" t="s">
        <v>2461</v>
      </c>
      <c r="D2634" t="s">
        <v>2482</v>
      </c>
    </row>
    <row r="2635" spans="1:4" x14ac:dyDescent="0.4">
      <c r="A2635">
        <v>2350044</v>
      </c>
      <c r="B2635" t="s">
        <v>2200</v>
      </c>
      <c r="C2635" t="s">
        <v>2461</v>
      </c>
      <c r="D2635" t="s">
        <v>2483</v>
      </c>
    </row>
    <row r="2636" spans="1:4" x14ac:dyDescent="0.4">
      <c r="A2636">
        <v>2350023</v>
      </c>
      <c r="B2636" t="s">
        <v>2200</v>
      </c>
      <c r="C2636" t="s">
        <v>2461</v>
      </c>
      <c r="D2636" t="s">
        <v>2484</v>
      </c>
    </row>
    <row r="2637" spans="1:4" x14ac:dyDescent="0.4">
      <c r="A2637">
        <v>2350024</v>
      </c>
      <c r="B2637" t="s">
        <v>2200</v>
      </c>
      <c r="C2637" t="s">
        <v>2461</v>
      </c>
      <c r="D2637" t="s">
        <v>2485</v>
      </c>
    </row>
    <row r="2638" spans="1:4" x14ac:dyDescent="0.4">
      <c r="A2638">
        <v>2350045</v>
      </c>
      <c r="B2638" t="s">
        <v>2200</v>
      </c>
      <c r="C2638" t="s">
        <v>2461</v>
      </c>
      <c r="D2638" t="s">
        <v>2486</v>
      </c>
    </row>
    <row r="2639" spans="1:4" x14ac:dyDescent="0.4">
      <c r="A2639">
        <v>2360000</v>
      </c>
      <c r="B2639" t="s">
        <v>2200</v>
      </c>
      <c r="C2639" t="s">
        <v>2487</v>
      </c>
    </row>
    <row r="2640" spans="1:4" x14ac:dyDescent="0.4">
      <c r="A2640">
        <v>2360034</v>
      </c>
      <c r="B2640" t="s">
        <v>2200</v>
      </c>
      <c r="C2640" t="s">
        <v>2487</v>
      </c>
      <c r="D2640" t="s">
        <v>2488</v>
      </c>
    </row>
    <row r="2641" spans="1:4" x14ac:dyDescent="0.4">
      <c r="A2641">
        <v>2360013</v>
      </c>
      <c r="B2641" t="s">
        <v>2200</v>
      </c>
      <c r="C2641" t="s">
        <v>2487</v>
      </c>
      <c r="D2641" t="s">
        <v>2489</v>
      </c>
    </row>
    <row r="2642" spans="1:4" x14ac:dyDescent="0.4">
      <c r="A2642">
        <v>2360043</v>
      </c>
      <c r="B2642" t="s">
        <v>2200</v>
      </c>
      <c r="C2642" t="s">
        <v>2487</v>
      </c>
      <c r="D2642" t="s">
        <v>2490</v>
      </c>
    </row>
    <row r="2643" spans="1:4" x14ac:dyDescent="0.4">
      <c r="A2643">
        <v>2360024</v>
      </c>
      <c r="B2643" t="s">
        <v>2200</v>
      </c>
      <c r="C2643" t="s">
        <v>2487</v>
      </c>
      <c r="D2643" t="s">
        <v>2491</v>
      </c>
    </row>
    <row r="2644" spans="1:4" x14ac:dyDescent="0.4">
      <c r="A2644">
        <v>2360055</v>
      </c>
      <c r="B2644" t="s">
        <v>2200</v>
      </c>
      <c r="C2644" t="s">
        <v>2487</v>
      </c>
      <c r="D2644" t="s">
        <v>2492</v>
      </c>
    </row>
    <row r="2645" spans="1:4" x14ac:dyDescent="0.4">
      <c r="A2645">
        <v>2360015</v>
      </c>
      <c r="B2645" t="s">
        <v>2200</v>
      </c>
      <c r="C2645" t="s">
        <v>2487</v>
      </c>
      <c r="D2645" t="s">
        <v>2493</v>
      </c>
    </row>
    <row r="2646" spans="1:4" x14ac:dyDescent="0.4">
      <c r="A2646">
        <v>2360041</v>
      </c>
      <c r="B2646" t="s">
        <v>2200</v>
      </c>
      <c r="C2646" t="s">
        <v>2487</v>
      </c>
      <c r="D2646" t="s">
        <v>2494</v>
      </c>
    </row>
    <row r="2647" spans="1:4" x14ac:dyDescent="0.4">
      <c r="A2647">
        <v>2360042</v>
      </c>
      <c r="B2647" t="s">
        <v>2200</v>
      </c>
      <c r="C2647" t="s">
        <v>2487</v>
      </c>
      <c r="D2647" t="s">
        <v>2495</v>
      </c>
    </row>
    <row r="2648" spans="1:4" x14ac:dyDescent="0.4">
      <c r="A2648">
        <v>2360046</v>
      </c>
      <c r="B2648" t="s">
        <v>2200</v>
      </c>
      <c r="C2648" t="s">
        <v>2487</v>
      </c>
      <c r="D2648" t="s">
        <v>2496</v>
      </c>
    </row>
    <row r="2649" spans="1:4" x14ac:dyDescent="0.4">
      <c r="A2649">
        <v>2360045</v>
      </c>
      <c r="B2649" t="s">
        <v>2200</v>
      </c>
      <c r="C2649" t="s">
        <v>2487</v>
      </c>
      <c r="D2649" t="s">
        <v>2497</v>
      </c>
    </row>
    <row r="2650" spans="1:4" x14ac:dyDescent="0.4">
      <c r="A2650">
        <v>2360003</v>
      </c>
      <c r="B2650" t="s">
        <v>2200</v>
      </c>
      <c r="C2650" t="s">
        <v>2487</v>
      </c>
      <c r="D2650" t="s">
        <v>2498</v>
      </c>
    </row>
    <row r="2651" spans="1:4" x14ac:dyDescent="0.4">
      <c r="A2651">
        <v>2360012</v>
      </c>
      <c r="B2651" t="s">
        <v>2200</v>
      </c>
      <c r="C2651" t="s">
        <v>2487</v>
      </c>
      <c r="D2651" t="s">
        <v>2499</v>
      </c>
    </row>
    <row r="2652" spans="1:4" x14ac:dyDescent="0.4">
      <c r="A2652">
        <v>2360001</v>
      </c>
      <c r="B2652" t="s">
        <v>2200</v>
      </c>
      <c r="C2652" t="s">
        <v>2487</v>
      </c>
      <c r="D2652" t="s">
        <v>2500</v>
      </c>
    </row>
    <row r="2653" spans="1:4" x14ac:dyDescent="0.4">
      <c r="A2653">
        <v>2360007</v>
      </c>
      <c r="B2653" t="s">
        <v>2200</v>
      </c>
      <c r="C2653" t="s">
        <v>2487</v>
      </c>
      <c r="D2653" t="s">
        <v>2501</v>
      </c>
    </row>
    <row r="2654" spans="1:4" x14ac:dyDescent="0.4">
      <c r="A2654">
        <v>2360028</v>
      </c>
      <c r="B2654" t="s">
        <v>2200</v>
      </c>
      <c r="C2654" t="s">
        <v>2487</v>
      </c>
      <c r="D2654" t="s">
        <v>2502</v>
      </c>
    </row>
    <row r="2655" spans="1:4" x14ac:dyDescent="0.4">
      <c r="A2655">
        <v>2360027</v>
      </c>
      <c r="B2655" t="s">
        <v>2200</v>
      </c>
      <c r="C2655" t="s">
        <v>2487</v>
      </c>
      <c r="D2655" t="s">
        <v>2503</v>
      </c>
    </row>
    <row r="2656" spans="1:4" x14ac:dyDescent="0.4">
      <c r="A2656">
        <v>2360035</v>
      </c>
      <c r="B2656" t="s">
        <v>2200</v>
      </c>
      <c r="C2656" t="s">
        <v>2487</v>
      </c>
      <c r="D2656" t="s">
        <v>1873</v>
      </c>
    </row>
    <row r="2657" spans="1:4" x14ac:dyDescent="0.4">
      <c r="A2657">
        <v>2360044</v>
      </c>
      <c r="B2657" t="s">
        <v>2200</v>
      </c>
      <c r="C2657" t="s">
        <v>2487</v>
      </c>
      <c r="D2657" t="s">
        <v>2504</v>
      </c>
    </row>
    <row r="2658" spans="1:4" x14ac:dyDescent="0.4">
      <c r="A2658">
        <v>2360021</v>
      </c>
      <c r="B2658" t="s">
        <v>2200</v>
      </c>
      <c r="C2658" t="s">
        <v>2487</v>
      </c>
      <c r="D2658" t="s">
        <v>2505</v>
      </c>
    </row>
    <row r="2659" spans="1:4" x14ac:dyDescent="0.4">
      <c r="A2659">
        <v>2360014</v>
      </c>
      <c r="B2659" t="s">
        <v>2200</v>
      </c>
      <c r="C2659" t="s">
        <v>2487</v>
      </c>
      <c r="D2659" t="s">
        <v>2506</v>
      </c>
    </row>
    <row r="2660" spans="1:4" x14ac:dyDescent="0.4">
      <c r="A2660">
        <v>2360051</v>
      </c>
      <c r="B2660" t="s">
        <v>2200</v>
      </c>
      <c r="C2660" t="s">
        <v>2487</v>
      </c>
      <c r="D2660" t="s">
        <v>2507</v>
      </c>
    </row>
    <row r="2661" spans="1:4" x14ac:dyDescent="0.4">
      <c r="A2661">
        <v>2360052</v>
      </c>
      <c r="B2661" t="s">
        <v>2200</v>
      </c>
      <c r="C2661" t="s">
        <v>2487</v>
      </c>
      <c r="D2661" t="s">
        <v>2508</v>
      </c>
    </row>
    <row r="2662" spans="1:4" x14ac:dyDescent="0.4">
      <c r="A2662">
        <v>2360002</v>
      </c>
      <c r="B2662" t="s">
        <v>2200</v>
      </c>
      <c r="C2662" t="s">
        <v>2487</v>
      </c>
      <c r="D2662" t="s">
        <v>2509</v>
      </c>
    </row>
    <row r="2663" spans="1:4" x14ac:dyDescent="0.4">
      <c r="A2663">
        <v>2360011</v>
      </c>
      <c r="B2663" t="s">
        <v>2200</v>
      </c>
      <c r="C2663" t="s">
        <v>2487</v>
      </c>
      <c r="D2663" t="s">
        <v>2510</v>
      </c>
    </row>
    <row r="2664" spans="1:4" x14ac:dyDescent="0.4">
      <c r="A2664">
        <v>2360005</v>
      </c>
      <c r="B2664" t="s">
        <v>2200</v>
      </c>
      <c r="C2664" t="s">
        <v>2487</v>
      </c>
      <c r="D2664" t="s">
        <v>745</v>
      </c>
    </row>
    <row r="2665" spans="1:4" x14ac:dyDescent="0.4">
      <c r="A2665">
        <v>2360017</v>
      </c>
      <c r="B2665" t="s">
        <v>2200</v>
      </c>
      <c r="C2665" t="s">
        <v>2487</v>
      </c>
      <c r="D2665" t="s">
        <v>2511</v>
      </c>
    </row>
    <row r="2666" spans="1:4" x14ac:dyDescent="0.4">
      <c r="A2666">
        <v>2360057</v>
      </c>
      <c r="B2666" t="s">
        <v>2200</v>
      </c>
      <c r="C2666" t="s">
        <v>2487</v>
      </c>
      <c r="D2666" t="s">
        <v>2512</v>
      </c>
    </row>
    <row r="2667" spans="1:4" x14ac:dyDescent="0.4">
      <c r="A2667">
        <v>2360053</v>
      </c>
      <c r="B2667" t="s">
        <v>2200</v>
      </c>
      <c r="C2667" t="s">
        <v>2487</v>
      </c>
      <c r="D2667" t="s">
        <v>2513</v>
      </c>
    </row>
    <row r="2668" spans="1:4" x14ac:dyDescent="0.4">
      <c r="A2668">
        <v>2360058</v>
      </c>
      <c r="B2668" t="s">
        <v>2200</v>
      </c>
      <c r="C2668" t="s">
        <v>2487</v>
      </c>
      <c r="D2668" t="s">
        <v>2514</v>
      </c>
    </row>
    <row r="2669" spans="1:4" x14ac:dyDescent="0.4">
      <c r="A2669">
        <v>2360056</v>
      </c>
      <c r="B2669" t="s">
        <v>2200</v>
      </c>
      <c r="C2669" t="s">
        <v>2487</v>
      </c>
      <c r="D2669" t="s">
        <v>2515</v>
      </c>
    </row>
    <row r="2670" spans="1:4" x14ac:dyDescent="0.4">
      <c r="A2670">
        <v>2360025</v>
      </c>
      <c r="B2670" t="s">
        <v>2200</v>
      </c>
      <c r="C2670" t="s">
        <v>2487</v>
      </c>
      <c r="D2670" t="s">
        <v>2516</v>
      </c>
    </row>
    <row r="2671" spans="1:4" x14ac:dyDescent="0.4">
      <c r="A2671">
        <v>2360006</v>
      </c>
      <c r="B2671" t="s">
        <v>2200</v>
      </c>
      <c r="C2671" t="s">
        <v>2487</v>
      </c>
      <c r="D2671" t="s">
        <v>2517</v>
      </c>
    </row>
    <row r="2672" spans="1:4" x14ac:dyDescent="0.4">
      <c r="A2672">
        <v>2360033</v>
      </c>
      <c r="B2672" t="s">
        <v>2200</v>
      </c>
      <c r="C2672" t="s">
        <v>2487</v>
      </c>
      <c r="D2672" t="s">
        <v>2518</v>
      </c>
    </row>
    <row r="2673" spans="1:4" x14ac:dyDescent="0.4">
      <c r="A2673">
        <v>2360023</v>
      </c>
      <c r="B2673" t="s">
        <v>2200</v>
      </c>
      <c r="C2673" t="s">
        <v>2487</v>
      </c>
      <c r="D2673" t="s">
        <v>2519</v>
      </c>
    </row>
    <row r="2674" spans="1:4" x14ac:dyDescent="0.4">
      <c r="A2674">
        <v>2360004</v>
      </c>
      <c r="B2674" t="s">
        <v>2200</v>
      </c>
      <c r="C2674" t="s">
        <v>2487</v>
      </c>
      <c r="D2674" t="s">
        <v>2520</v>
      </c>
    </row>
    <row r="2675" spans="1:4" x14ac:dyDescent="0.4">
      <c r="A2675">
        <v>2360054</v>
      </c>
      <c r="B2675" t="s">
        <v>2200</v>
      </c>
      <c r="C2675" t="s">
        <v>2487</v>
      </c>
      <c r="D2675" t="s">
        <v>2521</v>
      </c>
    </row>
    <row r="2676" spans="1:4" x14ac:dyDescent="0.4">
      <c r="A2676">
        <v>2360022</v>
      </c>
      <c r="B2676" t="s">
        <v>2200</v>
      </c>
      <c r="C2676" t="s">
        <v>2487</v>
      </c>
      <c r="D2676" t="s">
        <v>2522</v>
      </c>
    </row>
    <row r="2677" spans="1:4" x14ac:dyDescent="0.4">
      <c r="A2677">
        <v>2360036</v>
      </c>
      <c r="B2677" t="s">
        <v>2200</v>
      </c>
      <c r="C2677" t="s">
        <v>2487</v>
      </c>
      <c r="D2677" t="s">
        <v>2523</v>
      </c>
    </row>
    <row r="2678" spans="1:4" x14ac:dyDescent="0.4">
      <c r="A2678">
        <v>2360031</v>
      </c>
      <c r="B2678" t="s">
        <v>2200</v>
      </c>
      <c r="C2678" t="s">
        <v>2487</v>
      </c>
      <c r="D2678" t="s">
        <v>2524</v>
      </c>
    </row>
    <row r="2679" spans="1:4" x14ac:dyDescent="0.4">
      <c r="A2679">
        <v>2360032</v>
      </c>
      <c r="B2679" t="s">
        <v>2200</v>
      </c>
      <c r="C2679" t="s">
        <v>2487</v>
      </c>
      <c r="D2679" t="s">
        <v>2525</v>
      </c>
    </row>
    <row r="2680" spans="1:4" x14ac:dyDescent="0.4">
      <c r="A2680">
        <v>2360037</v>
      </c>
      <c r="B2680" t="s">
        <v>2200</v>
      </c>
      <c r="C2680" t="s">
        <v>2487</v>
      </c>
      <c r="D2680" t="s">
        <v>2526</v>
      </c>
    </row>
    <row r="2681" spans="1:4" x14ac:dyDescent="0.4">
      <c r="A2681">
        <v>2360038</v>
      </c>
      <c r="B2681" t="s">
        <v>2200</v>
      </c>
      <c r="C2681" t="s">
        <v>2487</v>
      </c>
      <c r="D2681" t="s">
        <v>2527</v>
      </c>
    </row>
    <row r="2682" spans="1:4" x14ac:dyDescent="0.4">
      <c r="A2682">
        <v>2360016</v>
      </c>
      <c r="B2682" t="s">
        <v>2200</v>
      </c>
      <c r="C2682" t="s">
        <v>2487</v>
      </c>
      <c r="D2682" t="s">
        <v>2528</v>
      </c>
    </row>
    <row r="2683" spans="1:4" x14ac:dyDescent="0.4">
      <c r="A2683">
        <v>2360026</v>
      </c>
      <c r="B2683" t="s">
        <v>2200</v>
      </c>
      <c r="C2683" t="s">
        <v>2487</v>
      </c>
      <c r="D2683" t="s">
        <v>2529</v>
      </c>
    </row>
    <row r="2684" spans="1:4" x14ac:dyDescent="0.4">
      <c r="A2684">
        <v>2220000</v>
      </c>
      <c r="B2684" t="s">
        <v>2200</v>
      </c>
      <c r="C2684" t="s">
        <v>2530</v>
      </c>
    </row>
    <row r="2685" spans="1:4" x14ac:dyDescent="0.4">
      <c r="A2685">
        <v>2220037</v>
      </c>
      <c r="B2685" t="s">
        <v>2200</v>
      </c>
      <c r="C2685" t="s">
        <v>2530</v>
      </c>
      <c r="D2685" t="s">
        <v>2531</v>
      </c>
    </row>
    <row r="2686" spans="1:4" x14ac:dyDescent="0.4">
      <c r="A2686">
        <v>2220003</v>
      </c>
      <c r="B2686" t="s">
        <v>2200</v>
      </c>
      <c r="C2686" t="s">
        <v>2530</v>
      </c>
      <c r="D2686" t="s">
        <v>2185</v>
      </c>
    </row>
    <row r="2687" spans="1:4" x14ac:dyDescent="0.4">
      <c r="A2687">
        <v>2220004</v>
      </c>
      <c r="B2687" t="s">
        <v>2200</v>
      </c>
      <c r="C2687" t="s">
        <v>2530</v>
      </c>
      <c r="D2687" t="s">
        <v>2532</v>
      </c>
    </row>
    <row r="2688" spans="1:4" x14ac:dyDescent="0.4">
      <c r="A2688">
        <v>2220011</v>
      </c>
      <c r="B2688" t="s">
        <v>2200</v>
      </c>
      <c r="C2688" t="s">
        <v>2530</v>
      </c>
      <c r="D2688" t="s">
        <v>2533</v>
      </c>
    </row>
    <row r="2689" spans="1:4" x14ac:dyDescent="0.4">
      <c r="A2689">
        <v>2220034</v>
      </c>
      <c r="B2689" t="s">
        <v>2200</v>
      </c>
      <c r="C2689" t="s">
        <v>2530</v>
      </c>
      <c r="D2689" t="s">
        <v>2534</v>
      </c>
    </row>
    <row r="2690" spans="1:4" x14ac:dyDescent="0.4">
      <c r="A2690">
        <v>2230059</v>
      </c>
      <c r="B2690" t="s">
        <v>2200</v>
      </c>
      <c r="C2690" t="s">
        <v>2530</v>
      </c>
      <c r="D2690" t="s">
        <v>2535</v>
      </c>
    </row>
    <row r="2691" spans="1:4" x14ac:dyDescent="0.4">
      <c r="A2691">
        <v>2220036</v>
      </c>
      <c r="B2691" t="s">
        <v>2200</v>
      </c>
      <c r="C2691" t="s">
        <v>2530</v>
      </c>
      <c r="D2691" t="s">
        <v>2536</v>
      </c>
    </row>
    <row r="2692" spans="1:4" x14ac:dyDescent="0.4">
      <c r="A2692">
        <v>2220024</v>
      </c>
      <c r="B2692" t="s">
        <v>2200</v>
      </c>
      <c r="C2692" t="s">
        <v>2530</v>
      </c>
      <c r="D2692" t="s">
        <v>2537</v>
      </c>
    </row>
    <row r="2693" spans="1:4" x14ac:dyDescent="0.4">
      <c r="A2693">
        <v>2220026</v>
      </c>
      <c r="B2693" t="s">
        <v>2200</v>
      </c>
      <c r="C2693" t="s">
        <v>2530</v>
      </c>
      <c r="D2693" t="s">
        <v>2538</v>
      </c>
    </row>
    <row r="2694" spans="1:4" x14ac:dyDescent="0.4">
      <c r="A2694">
        <v>2220025</v>
      </c>
      <c r="B2694" t="s">
        <v>2200</v>
      </c>
      <c r="C2694" t="s">
        <v>2530</v>
      </c>
      <c r="D2694" t="s">
        <v>2539</v>
      </c>
    </row>
    <row r="2695" spans="1:4" x14ac:dyDescent="0.4">
      <c r="A2695">
        <v>2220022</v>
      </c>
      <c r="B2695" t="s">
        <v>2200</v>
      </c>
      <c r="C2695" t="s">
        <v>2530</v>
      </c>
      <c r="D2695" t="s">
        <v>2540</v>
      </c>
    </row>
    <row r="2696" spans="1:4" x14ac:dyDescent="0.4">
      <c r="A2696">
        <v>2220021</v>
      </c>
      <c r="B2696" t="s">
        <v>2200</v>
      </c>
      <c r="C2696" t="s">
        <v>2530</v>
      </c>
      <c r="D2696" t="s">
        <v>2541</v>
      </c>
    </row>
    <row r="2697" spans="1:4" x14ac:dyDescent="0.4">
      <c r="A2697">
        <v>2230064</v>
      </c>
      <c r="B2697" t="s">
        <v>2200</v>
      </c>
      <c r="C2697" t="s">
        <v>2530</v>
      </c>
      <c r="D2697" t="s">
        <v>9</v>
      </c>
    </row>
    <row r="2698" spans="1:4" x14ac:dyDescent="0.4">
      <c r="A2698">
        <v>2220033</v>
      </c>
      <c r="B2698" t="s">
        <v>2200</v>
      </c>
      <c r="C2698" t="s">
        <v>2530</v>
      </c>
      <c r="D2698" t="s">
        <v>2542</v>
      </c>
    </row>
    <row r="2699" spans="1:4" x14ac:dyDescent="0.4">
      <c r="A2699">
        <v>2230056</v>
      </c>
      <c r="B2699" t="s">
        <v>2200</v>
      </c>
      <c r="C2699" t="s">
        <v>2530</v>
      </c>
      <c r="D2699" t="s">
        <v>2543</v>
      </c>
    </row>
    <row r="2700" spans="1:4" x14ac:dyDescent="0.4">
      <c r="A2700">
        <v>2230058</v>
      </c>
      <c r="B2700" t="s">
        <v>2200</v>
      </c>
      <c r="C2700" t="s">
        <v>2530</v>
      </c>
      <c r="D2700" t="s">
        <v>2544</v>
      </c>
    </row>
    <row r="2701" spans="1:4" x14ac:dyDescent="0.4">
      <c r="A2701">
        <v>2230063</v>
      </c>
      <c r="B2701" t="s">
        <v>2200</v>
      </c>
      <c r="C2701" t="s">
        <v>2530</v>
      </c>
      <c r="D2701" t="s">
        <v>55</v>
      </c>
    </row>
    <row r="2702" spans="1:4" x14ac:dyDescent="0.4">
      <c r="A2702">
        <v>2230066</v>
      </c>
      <c r="B2702" t="s">
        <v>2200</v>
      </c>
      <c r="C2702" t="s">
        <v>2530</v>
      </c>
      <c r="D2702" t="s">
        <v>2545</v>
      </c>
    </row>
    <row r="2703" spans="1:4" x14ac:dyDescent="0.4">
      <c r="A2703">
        <v>2230065</v>
      </c>
      <c r="B2703" t="s">
        <v>2200</v>
      </c>
      <c r="C2703" t="s">
        <v>2530</v>
      </c>
      <c r="D2703" t="s">
        <v>2546</v>
      </c>
    </row>
    <row r="2704" spans="1:4" x14ac:dyDescent="0.4">
      <c r="A2704">
        <v>2220001</v>
      </c>
      <c r="B2704" t="s">
        <v>2200</v>
      </c>
      <c r="C2704" t="s">
        <v>2530</v>
      </c>
      <c r="D2704" t="s">
        <v>2547</v>
      </c>
    </row>
    <row r="2705" spans="1:4" x14ac:dyDescent="0.4">
      <c r="A2705">
        <v>2230055</v>
      </c>
      <c r="B2705" t="s">
        <v>2200</v>
      </c>
      <c r="C2705" t="s">
        <v>2530</v>
      </c>
      <c r="D2705" t="s">
        <v>2548</v>
      </c>
    </row>
    <row r="2706" spans="1:4" x14ac:dyDescent="0.4">
      <c r="A2706">
        <v>2230054</v>
      </c>
      <c r="B2706" t="s">
        <v>2200</v>
      </c>
      <c r="C2706" t="s">
        <v>2530</v>
      </c>
      <c r="D2706" t="s">
        <v>2549</v>
      </c>
    </row>
    <row r="2707" spans="1:4" x14ac:dyDescent="0.4">
      <c r="A2707">
        <v>2230052</v>
      </c>
      <c r="B2707" t="s">
        <v>2200</v>
      </c>
      <c r="C2707" t="s">
        <v>2530</v>
      </c>
      <c r="D2707" t="s">
        <v>2550</v>
      </c>
    </row>
    <row r="2708" spans="1:4" x14ac:dyDescent="0.4">
      <c r="A2708">
        <v>2230053</v>
      </c>
      <c r="B2708" t="s">
        <v>2200</v>
      </c>
      <c r="C2708" t="s">
        <v>2530</v>
      </c>
      <c r="D2708" t="s">
        <v>2551</v>
      </c>
    </row>
    <row r="2709" spans="1:4" x14ac:dyDescent="0.4">
      <c r="A2709">
        <v>2220035</v>
      </c>
      <c r="B2709" t="s">
        <v>2200</v>
      </c>
      <c r="C2709" t="s">
        <v>2530</v>
      </c>
      <c r="D2709" t="s">
        <v>2552</v>
      </c>
    </row>
    <row r="2710" spans="1:4" x14ac:dyDescent="0.4">
      <c r="A2710">
        <v>2220023</v>
      </c>
      <c r="B2710" t="s">
        <v>2200</v>
      </c>
      <c r="C2710" t="s">
        <v>2530</v>
      </c>
      <c r="D2710" t="s">
        <v>2553</v>
      </c>
    </row>
    <row r="2711" spans="1:4" x14ac:dyDescent="0.4">
      <c r="A2711">
        <v>2220013</v>
      </c>
      <c r="B2711" t="s">
        <v>2200</v>
      </c>
      <c r="C2711" t="s">
        <v>2530</v>
      </c>
      <c r="D2711" t="s">
        <v>2554</v>
      </c>
    </row>
    <row r="2712" spans="1:4" x14ac:dyDescent="0.4">
      <c r="A2712">
        <v>2230057</v>
      </c>
      <c r="B2712" t="s">
        <v>2200</v>
      </c>
      <c r="C2712" t="s">
        <v>2530</v>
      </c>
      <c r="D2712" t="s">
        <v>2555</v>
      </c>
    </row>
    <row r="2713" spans="1:4" x14ac:dyDescent="0.4">
      <c r="A2713">
        <v>2230061</v>
      </c>
      <c r="B2713" t="s">
        <v>2200</v>
      </c>
      <c r="C2713" t="s">
        <v>2530</v>
      </c>
      <c r="D2713" t="s">
        <v>2556</v>
      </c>
    </row>
    <row r="2714" spans="1:4" x14ac:dyDescent="0.4">
      <c r="A2714">
        <v>2230062</v>
      </c>
      <c r="B2714" t="s">
        <v>2200</v>
      </c>
      <c r="C2714" t="s">
        <v>2530</v>
      </c>
      <c r="D2714" t="s">
        <v>2557</v>
      </c>
    </row>
    <row r="2715" spans="1:4" x14ac:dyDescent="0.4">
      <c r="A2715">
        <v>2220012</v>
      </c>
      <c r="B2715" t="s">
        <v>2200</v>
      </c>
      <c r="C2715" t="s">
        <v>2530</v>
      </c>
      <c r="D2715" t="s">
        <v>2558</v>
      </c>
    </row>
    <row r="2716" spans="1:4" x14ac:dyDescent="0.4">
      <c r="A2716">
        <v>2220031</v>
      </c>
      <c r="B2716" t="s">
        <v>2200</v>
      </c>
      <c r="C2716" t="s">
        <v>2530</v>
      </c>
      <c r="D2716" t="s">
        <v>2559</v>
      </c>
    </row>
    <row r="2717" spans="1:4" x14ac:dyDescent="0.4">
      <c r="A2717">
        <v>2220032</v>
      </c>
      <c r="B2717" t="s">
        <v>2200</v>
      </c>
      <c r="C2717" t="s">
        <v>2530</v>
      </c>
      <c r="D2717" t="s">
        <v>2560</v>
      </c>
    </row>
    <row r="2718" spans="1:4" x14ac:dyDescent="0.4">
      <c r="A2718">
        <v>2230051</v>
      </c>
      <c r="B2718" t="s">
        <v>2200</v>
      </c>
      <c r="C2718" t="s">
        <v>2530</v>
      </c>
      <c r="D2718" t="s">
        <v>2561</v>
      </c>
    </row>
    <row r="2719" spans="1:4" x14ac:dyDescent="0.4">
      <c r="A2719">
        <v>2220002</v>
      </c>
      <c r="B2719" t="s">
        <v>2200</v>
      </c>
      <c r="C2719" t="s">
        <v>2530</v>
      </c>
      <c r="D2719" t="s">
        <v>2562</v>
      </c>
    </row>
    <row r="2720" spans="1:4" x14ac:dyDescent="0.4">
      <c r="A2720">
        <v>2440000</v>
      </c>
      <c r="B2720" t="s">
        <v>2200</v>
      </c>
      <c r="C2720" t="s">
        <v>2563</v>
      </c>
    </row>
    <row r="2721" spans="1:4" x14ac:dyDescent="0.4">
      <c r="A2721">
        <v>2450052</v>
      </c>
      <c r="B2721" t="s">
        <v>2200</v>
      </c>
      <c r="C2721" t="s">
        <v>2563</v>
      </c>
      <c r="D2721" t="s">
        <v>2564</v>
      </c>
    </row>
    <row r="2722" spans="1:4" x14ac:dyDescent="0.4">
      <c r="A2722">
        <v>2450064</v>
      </c>
      <c r="B2722" t="s">
        <v>2200</v>
      </c>
      <c r="C2722" t="s">
        <v>2563</v>
      </c>
      <c r="D2722" t="s">
        <v>2565</v>
      </c>
    </row>
    <row r="2723" spans="1:4" x14ac:dyDescent="0.4">
      <c r="A2723">
        <v>2440812</v>
      </c>
      <c r="B2723" t="s">
        <v>2200</v>
      </c>
      <c r="C2723" t="s">
        <v>2563</v>
      </c>
      <c r="D2723" t="s">
        <v>2566</v>
      </c>
    </row>
    <row r="2724" spans="1:4" x14ac:dyDescent="0.4">
      <c r="A2724">
        <v>2440811</v>
      </c>
      <c r="B2724" t="s">
        <v>2200</v>
      </c>
      <c r="C2724" t="s">
        <v>2563</v>
      </c>
      <c r="D2724" t="s">
        <v>2567</v>
      </c>
    </row>
    <row r="2725" spans="1:4" x14ac:dyDescent="0.4">
      <c r="A2725">
        <v>2440816</v>
      </c>
      <c r="B2725" t="s">
        <v>2200</v>
      </c>
      <c r="C2725" t="s">
        <v>2563</v>
      </c>
      <c r="D2725" t="s">
        <v>2568</v>
      </c>
    </row>
    <row r="2726" spans="1:4" x14ac:dyDescent="0.4">
      <c r="A2726">
        <v>2440806</v>
      </c>
      <c r="B2726" t="s">
        <v>2200</v>
      </c>
      <c r="C2726" t="s">
        <v>2563</v>
      </c>
      <c r="D2726" t="s">
        <v>2569</v>
      </c>
    </row>
    <row r="2727" spans="1:4" x14ac:dyDescent="0.4">
      <c r="A2727">
        <v>2450053</v>
      </c>
      <c r="B2727" t="s">
        <v>2200</v>
      </c>
      <c r="C2727" t="s">
        <v>2563</v>
      </c>
      <c r="D2727" t="s">
        <v>2570</v>
      </c>
    </row>
    <row r="2728" spans="1:4" x14ac:dyDescent="0.4">
      <c r="A2728">
        <v>2440805</v>
      </c>
      <c r="B2728" t="s">
        <v>2200</v>
      </c>
      <c r="C2728" t="s">
        <v>2563</v>
      </c>
      <c r="D2728" t="s">
        <v>2571</v>
      </c>
    </row>
    <row r="2729" spans="1:4" x14ac:dyDescent="0.4">
      <c r="A2729">
        <v>2450061</v>
      </c>
      <c r="B2729" t="s">
        <v>2200</v>
      </c>
      <c r="C2729" t="s">
        <v>2563</v>
      </c>
      <c r="D2729" t="s">
        <v>2572</v>
      </c>
    </row>
    <row r="2730" spans="1:4" x14ac:dyDescent="0.4">
      <c r="A2730">
        <v>2450062</v>
      </c>
      <c r="B2730" t="s">
        <v>2200</v>
      </c>
      <c r="C2730" t="s">
        <v>2563</v>
      </c>
      <c r="D2730" t="s">
        <v>2573</v>
      </c>
    </row>
    <row r="2731" spans="1:4" x14ac:dyDescent="0.4">
      <c r="A2731">
        <v>2440004</v>
      </c>
      <c r="B2731" t="s">
        <v>2200</v>
      </c>
      <c r="C2731" t="s">
        <v>2563</v>
      </c>
      <c r="D2731" t="s">
        <v>2574</v>
      </c>
    </row>
    <row r="2732" spans="1:4" x14ac:dyDescent="0.4">
      <c r="A2732">
        <v>2440801</v>
      </c>
      <c r="B2732" t="s">
        <v>2200</v>
      </c>
      <c r="C2732" t="s">
        <v>2563</v>
      </c>
      <c r="D2732" t="s">
        <v>2575</v>
      </c>
    </row>
    <row r="2733" spans="1:4" x14ac:dyDescent="0.4">
      <c r="A2733">
        <v>2440815</v>
      </c>
      <c r="B2733" t="s">
        <v>2200</v>
      </c>
      <c r="C2733" t="s">
        <v>2563</v>
      </c>
      <c r="D2733" t="s">
        <v>2576</v>
      </c>
    </row>
    <row r="2734" spans="1:4" x14ac:dyDescent="0.4">
      <c r="A2734">
        <v>2440003</v>
      </c>
      <c r="B2734" t="s">
        <v>2200</v>
      </c>
      <c r="C2734" t="s">
        <v>2563</v>
      </c>
      <c r="D2734" t="s">
        <v>2577</v>
      </c>
    </row>
    <row r="2735" spans="1:4" x14ac:dyDescent="0.4">
      <c r="A2735">
        <v>2440001</v>
      </c>
      <c r="B2735" t="s">
        <v>2200</v>
      </c>
      <c r="C2735" t="s">
        <v>2563</v>
      </c>
      <c r="D2735" t="s">
        <v>2578</v>
      </c>
    </row>
    <row r="2736" spans="1:4" x14ac:dyDescent="0.4">
      <c r="A2736">
        <v>2450051</v>
      </c>
      <c r="B2736" t="s">
        <v>2200</v>
      </c>
      <c r="C2736" t="s">
        <v>2563</v>
      </c>
      <c r="D2736" t="s">
        <v>2579</v>
      </c>
    </row>
    <row r="2737" spans="1:4" x14ac:dyDescent="0.4">
      <c r="A2737">
        <v>2450063</v>
      </c>
      <c r="B2737" t="s">
        <v>2200</v>
      </c>
      <c r="C2737" t="s">
        <v>2563</v>
      </c>
      <c r="D2737" t="s">
        <v>2580</v>
      </c>
    </row>
    <row r="2738" spans="1:4" x14ac:dyDescent="0.4">
      <c r="A2738">
        <v>2450065</v>
      </c>
      <c r="B2738" t="s">
        <v>2200</v>
      </c>
      <c r="C2738" t="s">
        <v>2563</v>
      </c>
      <c r="D2738" t="s">
        <v>2581</v>
      </c>
    </row>
    <row r="2739" spans="1:4" x14ac:dyDescent="0.4">
      <c r="A2739">
        <v>2440802</v>
      </c>
      <c r="B2739" t="s">
        <v>2200</v>
      </c>
      <c r="C2739" t="s">
        <v>2563</v>
      </c>
      <c r="D2739" t="s">
        <v>689</v>
      </c>
    </row>
    <row r="2740" spans="1:4" x14ac:dyDescent="0.4">
      <c r="A2740">
        <v>2470008</v>
      </c>
      <c r="B2740" t="s">
        <v>2200</v>
      </c>
      <c r="C2740" t="s">
        <v>2206</v>
      </c>
      <c r="D2740" t="s">
        <v>2582</v>
      </c>
    </row>
    <row r="2741" spans="1:4" x14ac:dyDescent="0.4">
      <c r="A2741">
        <v>2470011</v>
      </c>
      <c r="B2741" t="s">
        <v>2200</v>
      </c>
      <c r="C2741" t="s">
        <v>2206</v>
      </c>
      <c r="D2741" t="s">
        <v>2583</v>
      </c>
    </row>
    <row r="2742" spans="1:4" x14ac:dyDescent="0.4">
      <c r="A2742">
        <v>2470012</v>
      </c>
      <c r="B2742" t="s">
        <v>2200</v>
      </c>
      <c r="C2742" t="s">
        <v>2206</v>
      </c>
      <c r="D2742" t="s">
        <v>2584</v>
      </c>
    </row>
    <row r="2743" spans="1:4" x14ac:dyDescent="0.4">
      <c r="A2743">
        <v>2450000</v>
      </c>
      <c r="B2743" t="s">
        <v>2200</v>
      </c>
      <c r="C2743" t="s">
        <v>2585</v>
      </c>
    </row>
    <row r="2744" spans="1:4" x14ac:dyDescent="0.4">
      <c r="A2744">
        <v>2450001</v>
      </c>
      <c r="B2744" t="s">
        <v>2200</v>
      </c>
      <c r="C2744" t="s">
        <v>2585</v>
      </c>
      <c r="D2744" t="s">
        <v>2586</v>
      </c>
    </row>
    <row r="2745" spans="1:4" x14ac:dyDescent="0.4">
      <c r="A2745">
        <v>2450016</v>
      </c>
      <c r="B2745" t="s">
        <v>2200</v>
      </c>
      <c r="C2745" t="s">
        <v>2585</v>
      </c>
      <c r="D2745" t="s">
        <v>2587</v>
      </c>
    </row>
    <row r="2746" spans="1:4" x14ac:dyDescent="0.4">
      <c r="A2746">
        <v>2450003</v>
      </c>
      <c r="B2746" t="s">
        <v>2200</v>
      </c>
      <c r="C2746" t="s">
        <v>2585</v>
      </c>
      <c r="D2746" t="s">
        <v>2588</v>
      </c>
    </row>
    <row r="2747" spans="1:4" x14ac:dyDescent="0.4">
      <c r="A2747">
        <v>2450007</v>
      </c>
      <c r="B2747" t="s">
        <v>2200</v>
      </c>
      <c r="C2747" t="s">
        <v>2585</v>
      </c>
      <c r="D2747" t="s">
        <v>2589</v>
      </c>
    </row>
    <row r="2748" spans="1:4" x14ac:dyDescent="0.4">
      <c r="A2748">
        <v>2450018</v>
      </c>
      <c r="B2748" t="s">
        <v>2200</v>
      </c>
      <c r="C2748" t="s">
        <v>2585</v>
      </c>
      <c r="D2748" t="s">
        <v>2590</v>
      </c>
    </row>
    <row r="2749" spans="1:4" x14ac:dyDescent="0.4">
      <c r="A2749">
        <v>2450017</v>
      </c>
      <c r="B2749" t="s">
        <v>2200</v>
      </c>
      <c r="C2749" t="s">
        <v>2585</v>
      </c>
      <c r="D2749" t="s">
        <v>2591</v>
      </c>
    </row>
    <row r="2750" spans="1:4" x14ac:dyDescent="0.4">
      <c r="A2750">
        <v>2450005</v>
      </c>
      <c r="B2750" t="s">
        <v>2200</v>
      </c>
      <c r="C2750" t="s">
        <v>2585</v>
      </c>
      <c r="D2750" t="s">
        <v>2592</v>
      </c>
    </row>
    <row r="2751" spans="1:4" x14ac:dyDescent="0.4">
      <c r="A2751">
        <v>2450009</v>
      </c>
      <c r="B2751" t="s">
        <v>2200</v>
      </c>
      <c r="C2751" t="s">
        <v>2585</v>
      </c>
      <c r="D2751" t="s">
        <v>2593</v>
      </c>
    </row>
    <row r="2752" spans="1:4" x14ac:dyDescent="0.4">
      <c r="A2752">
        <v>2450011</v>
      </c>
      <c r="B2752" t="s">
        <v>2200</v>
      </c>
      <c r="C2752" t="s">
        <v>2585</v>
      </c>
      <c r="D2752" t="s">
        <v>22</v>
      </c>
    </row>
    <row r="2753" spans="1:4" x14ac:dyDescent="0.4">
      <c r="A2753">
        <v>2450013</v>
      </c>
      <c r="B2753" t="s">
        <v>2200</v>
      </c>
      <c r="C2753" t="s">
        <v>2585</v>
      </c>
      <c r="D2753" t="s">
        <v>2594</v>
      </c>
    </row>
    <row r="2754" spans="1:4" x14ac:dyDescent="0.4">
      <c r="A2754">
        <v>2450015</v>
      </c>
      <c r="B2754" t="s">
        <v>2200</v>
      </c>
      <c r="C2754" t="s">
        <v>2585</v>
      </c>
      <c r="D2754" t="s">
        <v>2595</v>
      </c>
    </row>
    <row r="2755" spans="1:4" x14ac:dyDescent="0.4">
      <c r="A2755">
        <v>2450014</v>
      </c>
      <c r="B2755" t="s">
        <v>2200</v>
      </c>
      <c r="C2755" t="s">
        <v>2585</v>
      </c>
      <c r="D2755" t="s">
        <v>2596</v>
      </c>
    </row>
    <row r="2756" spans="1:4" x14ac:dyDescent="0.4">
      <c r="A2756">
        <v>2450012</v>
      </c>
      <c r="B2756" t="s">
        <v>2200</v>
      </c>
      <c r="C2756" t="s">
        <v>2585</v>
      </c>
      <c r="D2756" t="s">
        <v>2597</v>
      </c>
    </row>
    <row r="2757" spans="1:4" x14ac:dyDescent="0.4">
      <c r="A2757">
        <v>2450006</v>
      </c>
      <c r="B2757" t="s">
        <v>2200</v>
      </c>
      <c r="C2757" t="s">
        <v>2585</v>
      </c>
      <c r="D2757" t="s">
        <v>2598</v>
      </c>
    </row>
    <row r="2758" spans="1:4" x14ac:dyDescent="0.4">
      <c r="A2758">
        <v>2450008</v>
      </c>
      <c r="B2758" t="s">
        <v>2200</v>
      </c>
      <c r="C2758" t="s">
        <v>2585</v>
      </c>
      <c r="D2758" t="s">
        <v>2599</v>
      </c>
    </row>
    <row r="2759" spans="1:4" x14ac:dyDescent="0.4">
      <c r="A2759">
        <v>2450004</v>
      </c>
      <c r="B2759" t="s">
        <v>2200</v>
      </c>
      <c r="C2759" t="s">
        <v>2585</v>
      </c>
      <c r="D2759" t="s">
        <v>1843</v>
      </c>
    </row>
    <row r="2760" spans="1:4" x14ac:dyDescent="0.4">
      <c r="A2760">
        <v>2450002</v>
      </c>
      <c r="B2760" t="s">
        <v>2200</v>
      </c>
      <c r="C2760" t="s">
        <v>2585</v>
      </c>
      <c r="D2760" t="s">
        <v>2600</v>
      </c>
    </row>
    <row r="2761" spans="1:4" x14ac:dyDescent="0.4">
      <c r="A2761">
        <v>2270000</v>
      </c>
      <c r="B2761" t="s">
        <v>2200</v>
      </c>
      <c r="C2761" t="s">
        <v>2601</v>
      </c>
    </row>
    <row r="2762" spans="1:4" x14ac:dyDescent="0.4">
      <c r="A2762">
        <v>2270062</v>
      </c>
      <c r="B2762" t="s">
        <v>2200</v>
      </c>
      <c r="C2762" t="s">
        <v>2601</v>
      </c>
      <c r="D2762" t="s">
        <v>577</v>
      </c>
    </row>
    <row r="2763" spans="1:4" x14ac:dyDescent="0.4">
      <c r="A2763">
        <v>2270066</v>
      </c>
      <c r="B2763" t="s">
        <v>2200</v>
      </c>
      <c r="C2763" t="s">
        <v>2601</v>
      </c>
      <c r="D2763" t="s">
        <v>2602</v>
      </c>
    </row>
    <row r="2764" spans="1:4" x14ac:dyDescent="0.4">
      <c r="A2764">
        <v>2250011</v>
      </c>
      <c r="B2764" t="s">
        <v>2200</v>
      </c>
      <c r="C2764" t="s">
        <v>2601</v>
      </c>
      <c r="D2764" t="s">
        <v>2603</v>
      </c>
    </row>
    <row r="2765" spans="1:4" x14ac:dyDescent="0.4">
      <c r="A2765">
        <v>2250012</v>
      </c>
      <c r="B2765" t="s">
        <v>2200</v>
      </c>
      <c r="C2765" t="s">
        <v>2601</v>
      </c>
      <c r="D2765" t="s">
        <v>2604</v>
      </c>
    </row>
    <row r="2766" spans="1:4" x14ac:dyDescent="0.4">
      <c r="A2766">
        <v>2250024</v>
      </c>
      <c r="B2766" t="s">
        <v>2200</v>
      </c>
      <c r="C2766" t="s">
        <v>2601</v>
      </c>
      <c r="D2766" t="s">
        <v>2605</v>
      </c>
    </row>
    <row r="2767" spans="1:4" x14ac:dyDescent="0.4">
      <c r="A2767">
        <v>2250002</v>
      </c>
      <c r="B2767" t="s">
        <v>2200</v>
      </c>
      <c r="C2767" t="s">
        <v>2601</v>
      </c>
      <c r="D2767" t="s">
        <v>2151</v>
      </c>
    </row>
    <row r="2768" spans="1:4" x14ac:dyDescent="0.4">
      <c r="A2768">
        <v>2250001</v>
      </c>
      <c r="B2768" t="s">
        <v>2200</v>
      </c>
      <c r="C2768" t="s">
        <v>2601</v>
      </c>
      <c r="D2768" t="s">
        <v>2606</v>
      </c>
    </row>
    <row r="2769" spans="1:4" x14ac:dyDescent="0.4">
      <c r="A2769">
        <v>2270052</v>
      </c>
      <c r="B2769" t="s">
        <v>2200</v>
      </c>
      <c r="C2769" t="s">
        <v>2601</v>
      </c>
      <c r="D2769" t="s">
        <v>2607</v>
      </c>
    </row>
    <row r="2770" spans="1:4" x14ac:dyDescent="0.4">
      <c r="A2770">
        <v>2250005</v>
      </c>
      <c r="B2770" t="s">
        <v>2200</v>
      </c>
      <c r="C2770" t="s">
        <v>2601</v>
      </c>
      <c r="D2770" t="s">
        <v>2608</v>
      </c>
    </row>
    <row r="2771" spans="1:4" x14ac:dyDescent="0.4">
      <c r="A2771">
        <v>2250013</v>
      </c>
      <c r="B2771" t="s">
        <v>2200</v>
      </c>
      <c r="C2771" t="s">
        <v>2601</v>
      </c>
      <c r="D2771" t="s">
        <v>2609</v>
      </c>
    </row>
    <row r="2772" spans="1:4" x14ac:dyDescent="0.4">
      <c r="A2772">
        <v>2250014</v>
      </c>
      <c r="B2772" t="s">
        <v>2200</v>
      </c>
      <c r="C2772" t="s">
        <v>2601</v>
      </c>
      <c r="D2772" t="s">
        <v>2610</v>
      </c>
    </row>
    <row r="2773" spans="1:4" x14ac:dyDescent="0.4">
      <c r="A2773">
        <v>2250015</v>
      </c>
      <c r="B2773" t="s">
        <v>2200</v>
      </c>
      <c r="C2773" t="s">
        <v>2601</v>
      </c>
      <c r="D2773" t="s">
        <v>2611</v>
      </c>
    </row>
    <row r="2774" spans="1:4" x14ac:dyDescent="0.4">
      <c r="A2774">
        <v>2270063</v>
      </c>
      <c r="B2774" t="s">
        <v>2200</v>
      </c>
      <c r="C2774" t="s">
        <v>2601</v>
      </c>
      <c r="D2774" t="s">
        <v>2612</v>
      </c>
    </row>
    <row r="2775" spans="1:4" x14ac:dyDescent="0.4">
      <c r="A2775">
        <v>2250023</v>
      </c>
      <c r="B2775" t="s">
        <v>2200</v>
      </c>
      <c r="C2775" t="s">
        <v>2601</v>
      </c>
      <c r="D2775" t="s">
        <v>2613</v>
      </c>
    </row>
    <row r="2776" spans="1:4" x14ac:dyDescent="0.4">
      <c r="A2776">
        <v>2270065</v>
      </c>
      <c r="B2776" t="s">
        <v>2200</v>
      </c>
      <c r="C2776" t="s">
        <v>2601</v>
      </c>
      <c r="D2776" t="s">
        <v>2614</v>
      </c>
    </row>
    <row r="2777" spans="1:4" x14ac:dyDescent="0.4">
      <c r="A2777">
        <v>2270048</v>
      </c>
      <c r="B2777" t="s">
        <v>2200</v>
      </c>
      <c r="C2777" t="s">
        <v>2601</v>
      </c>
      <c r="D2777" t="s">
        <v>2615</v>
      </c>
    </row>
    <row r="2778" spans="1:4" x14ac:dyDescent="0.4">
      <c r="A2778">
        <v>2270034</v>
      </c>
      <c r="B2778" t="s">
        <v>2200</v>
      </c>
      <c r="C2778" t="s">
        <v>2601</v>
      </c>
      <c r="D2778" t="s">
        <v>2616</v>
      </c>
    </row>
    <row r="2779" spans="1:4" x14ac:dyDescent="0.4">
      <c r="A2779">
        <v>2270041</v>
      </c>
      <c r="B2779" t="s">
        <v>2200</v>
      </c>
      <c r="C2779" t="s">
        <v>2601</v>
      </c>
      <c r="D2779" t="s">
        <v>2617</v>
      </c>
    </row>
    <row r="2780" spans="1:4" x14ac:dyDescent="0.4">
      <c r="A2780">
        <v>2270033</v>
      </c>
      <c r="B2780" t="s">
        <v>2200</v>
      </c>
      <c r="C2780" t="s">
        <v>2601</v>
      </c>
      <c r="D2780" t="s">
        <v>2618</v>
      </c>
    </row>
    <row r="2781" spans="1:4" x14ac:dyDescent="0.4">
      <c r="A2781">
        <v>2250025</v>
      </c>
      <c r="B2781" t="s">
        <v>2200</v>
      </c>
      <c r="C2781" t="s">
        <v>2601</v>
      </c>
      <c r="D2781" t="s">
        <v>2619</v>
      </c>
    </row>
    <row r="2782" spans="1:4" x14ac:dyDescent="0.4">
      <c r="A2782">
        <v>2250022</v>
      </c>
      <c r="B2782" t="s">
        <v>2200</v>
      </c>
      <c r="C2782" t="s">
        <v>2601</v>
      </c>
      <c r="D2782" t="s">
        <v>2620</v>
      </c>
    </row>
    <row r="2783" spans="1:4" x14ac:dyDescent="0.4">
      <c r="A2783">
        <v>2270061</v>
      </c>
      <c r="B2783" t="s">
        <v>2200</v>
      </c>
      <c r="C2783" t="s">
        <v>2601</v>
      </c>
      <c r="D2783" t="s">
        <v>2016</v>
      </c>
    </row>
    <row r="2784" spans="1:4" x14ac:dyDescent="0.4">
      <c r="A2784">
        <v>2270053</v>
      </c>
      <c r="B2784" t="s">
        <v>2200</v>
      </c>
      <c r="C2784" t="s">
        <v>2601</v>
      </c>
      <c r="D2784" t="s">
        <v>2621</v>
      </c>
    </row>
    <row r="2785" spans="1:4" x14ac:dyDescent="0.4">
      <c r="A2785">
        <v>2270031</v>
      </c>
      <c r="B2785" t="s">
        <v>2200</v>
      </c>
      <c r="C2785" t="s">
        <v>2601</v>
      </c>
      <c r="D2785" t="s">
        <v>2622</v>
      </c>
    </row>
    <row r="2786" spans="1:4" x14ac:dyDescent="0.4">
      <c r="A2786">
        <v>2270042</v>
      </c>
      <c r="B2786" t="s">
        <v>2200</v>
      </c>
      <c r="C2786" t="s">
        <v>2601</v>
      </c>
      <c r="D2786" t="s">
        <v>2623</v>
      </c>
    </row>
    <row r="2787" spans="1:4" x14ac:dyDescent="0.4">
      <c r="A2787">
        <v>2270054</v>
      </c>
      <c r="B2787" t="s">
        <v>2200</v>
      </c>
      <c r="C2787" t="s">
        <v>2601</v>
      </c>
      <c r="D2787" t="s">
        <v>2624</v>
      </c>
    </row>
    <row r="2788" spans="1:4" x14ac:dyDescent="0.4">
      <c r="A2788">
        <v>2250003</v>
      </c>
      <c r="B2788" t="s">
        <v>2200</v>
      </c>
      <c r="C2788" t="s">
        <v>2601</v>
      </c>
      <c r="D2788" t="s">
        <v>2625</v>
      </c>
    </row>
    <row r="2789" spans="1:4" x14ac:dyDescent="0.4">
      <c r="A2789">
        <v>2250021</v>
      </c>
      <c r="B2789" t="s">
        <v>2200</v>
      </c>
      <c r="C2789" t="s">
        <v>2601</v>
      </c>
      <c r="D2789" t="s">
        <v>2626</v>
      </c>
    </row>
    <row r="2790" spans="1:4" x14ac:dyDescent="0.4">
      <c r="A2790">
        <v>2270035</v>
      </c>
      <c r="B2790" t="s">
        <v>2200</v>
      </c>
      <c r="C2790" t="s">
        <v>2601</v>
      </c>
      <c r="D2790" t="s">
        <v>2627</v>
      </c>
    </row>
    <row r="2791" spans="1:4" x14ac:dyDescent="0.4">
      <c r="A2791">
        <v>2270046</v>
      </c>
      <c r="B2791" t="s">
        <v>2200</v>
      </c>
      <c r="C2791" t="s">
        <v>2601</v>
      </c>
      <c r="D2791" t="s">
        <v>2628</v>
      </c>
    </row>
    <row r="2792" spans="1:4" x14ac:dyDescent="0.4">
      <c r="A2792">
        <v>2270064</v>
      </c>
      <c r="B2792" t="s">
        <v>2200</v>
      </c>
      <c r="C2792" t="s">
        <v>2601</v>
      </c>
      <c r="D2792" t="s">
        <v>2629</v>
      </c>
    </row>
    <row r="2793" spans="1:4" x14ac:dyDescent="0.4">
      <c r="A2793">
        <v>2270051</v>
      </c>
      <c r="B2793" t="s">
        <v>2200</v>
      </c>
      <c r="C2793" t="s">
        <v>2601</v>
      </c>
      <c r="D2793" t="s">
        <v>2630</v>
      </c>
    </row>
    <row r="2794" spans="1:4" x14ac:dyDescent="0.4">
      <c r="A2794">
        <v>2270055</v>
      </c>
      <c r="B2794" t="s">
        <v>2200</v>
      </c>
      <c r="C2794" t="s">
        <v>2601</v>
      </c>
      <c r="D2794" t="s">
        <v>2631</v>
      </c>
    </row>
    <row r="2795" spans="1:4" x14ac:dyDescent="0.4">
      <c r="A2795">
        <v>2270038</v>
      </c>
      <c r="B2795" t="s">
        <v>2200</v>
      </c>
      <c r="C2795" t="s">
        <v>2601</v>
      </c>
      <c r="D2795" t="s">
        <v>2632</v>
      </c>
    </row>
    <row r="2796" spans="1:4" x14ac:dyDescent="0.4">
      <c r="A2796">
        <v>2270036</v>
      </c>
      <c r="B2796" t="s">
        <v>2200</v>
      </c>
      <c r="C2796" t="s">
        <v>2601</v>
      </c>
      <c r="D2796" t="s">
        <v>2633</v>
      </c>
    </row>
    <row r="2797" spans="1:4" x14ac:dyDescent="0.4">
      <c r="A2797">
        <v>2270032</v>
      </c>
      <c r="B2797" t="s">
        <v>2200</v>
      </c>
      <c r="C2797" t="s">
        <v>2601</v>
      </c>
      <c r="D2797" t="s">
        <v>2634</v>
      </c>
    </row>
    <row r="2798" spans="1:4" x14ac:dyDescent="0.4">
      <c r="A2798">
        <v>2270043</v>
      </c>
      <c r="B2798" t="s">
        <v>2200</v>
      </c>
      <c r="C2798" t="s">
        <v>2601</v>
      </c>
      <c r="D2798" t="s">
        <v>2635</v>
      </c>
    </row>
    <row r="2799" spans="1:4" x14ac:dyDescent="0.4">
      <c r="A2799">
        <v>2270067</v>
      </c>
      <c r="B2799" t="s">
        <v>2200</v>
      </c>
      <c r="C2799" t="s">
        <v>2601</v>
      </c>
      <c r="D2799" t="s">
        <v>2636</v>
      </c>
    </row>
    <row r="2800" spans="1:4" x14ac:dyDescent="0.4">
      <c r="A2800">
        <v>2250016</v>
      </c>
      <c r="B2800" t="s">
        <v>2200</v>
      </c>
      <c r="C2800" t="s">
        <v>2601</v>
      </c>
      <c r="D2800" t="s">
        <v>2637</v>
      </c>
    </row>
    <row r="2801" spans="1:4" x14ac:dyDescent="0.4">
      <c r="A2801">
        <v>2270047</v>
      </c>
      <c r="B2801" t="s">
        <v>2200</v>
      </c>
      <c r="C2801" t="s">
        <v>2601</v>
      </c>
      <c r="D2801" t="s">
        <v>2638</v>
      </c>
    </row>
    <row r="2802" spans="1:4" x14ac:dyDescent="0.4">
      <c r="A2802">
        <v>2270037</v>
      </c>
      <c r="B2802" t="s">
        <v>2200</v>
      </c>
      <c r="C2802" t="s">
        <v>2601</v>
      </c>
      <c r="D2802" t="s">
        <v>2639</v>
      </c>
    </row>
    <row r="2803" spans="1:4" x14ac:dyDescent="0.4">
      <c r="A2803">
        <v>2270044</v>
      </c>
      <c r="B2803" t="s">
        <v>2200</v>
      </c>
      <c r="C2803" t="s">
        <v>2601</v>
      </c>
      <c r="D2803" t="s">
        <v>2640</v>
      </c>
    </row>
    <row r="2804" spans="1:4" x14ac:dyDescent="0.4">
      <c r="A2804">
        <v>2250004</v>
      </c>
      <c r="B2804" t="s">
        <v>2200</v>
      </c>
      <c r="C2804" t="s">
        <v>2601</v>
      </c>
      <c r="D2804" t="s">
        <v>2641</v>
      </c>
    </row>
    <row r="2805" spans="1:4" x14ac:dyDescent="0.4">
      <c r="A2805">
        <v>2250026</v>
      </c>
      <c r="B2805" t="s">
        <v>2200</v>
      </c>
      <c r="C2805" t="s">
        <v>2601</v>
      </c>
      <c r="D2805" t="s">
        <v>2642</v>
      </c>
    </row>
    <row r="2806" spans="1:4" x14ac:dyDescent="0.4">
      <c r="A2806">
        <v>2270045</v>
      </c>
      <c r="B2806" t="s">
        <v>2200</v>
      </c>
      <c r="C2806" t="s">
        <v>2601</v>
      </c>
      <c r="D2806" t="s">
        <v>2643</v>
      </c>
    </row>
    <row r="2807" spans="1:4" x14ac:dyDescent="0.4">
      <c r="A2807">
        <v>2240000</v>
      </c>
      <c r="B2807" t="s">
        <v>2200</v>
      </c>
      <c r="C2807" t="s">
        <v>2644</v>
      </c>
    </row>
    <row r="2808" spans="1:4" x14ac:dyDescent="0.4">
      <c r="A2808">
        <v>2240016</v>
      </c>
      <c r="B2808" t="s">
        <v>2200</v>
      </c>
      <c r="C2808" t="s">
        <v>2644</v>
      </c>
      <c r="D2808" t="s">
        <v>2645</v>
      </c>
    </row>
    <row r="2809" spans="1:4" x14ac:dyDescent="0.4">
      <c r="A2809">
        <v>2240053</v>
      </c>
      <c r="B2809" t="s">
        <v>2200</v>
      </c>
      <c r="C2809" t="s">
        <v>2644</v>
      </c>
      <c r="D2809" t="s">
        <v>2646</v>
      </c>
    </row>
    <row r="2810" spans="1:4" x14ac:dyDescent="0.4">
      <c r="A2810">
        <v>2240012</v>
      </c>
      <c r="B2810" t="s">
        <v>2200</v>
      </c>
      <c r="C2810" t="s">
        <v>2644</v>
      </c>
      <c r="D2810" t="s">
        <v>2647</v>
      </c>
    </row>
    <row r="2811" spans="1:4" x14ac:dyDescent="0.4">
      <c r="A2811">
        <v>2240011</v>
      </c>
      <c r="B2811" t="s">
        <v>2200</v>
      </c>
      <c r="C2811" t="s">
        <v>2644</v>
      </c>
      <c r="D2811" t="s">
        <v>2648</v>
      </c>
    </row>
    <row r="2812" spans="1:4" x14ac:dyDescent="0.4">
      <c r="A2812">
        <v>2240014</v>
      </c>
      <c r="B2812" t="s">
        <v>2200</v>
      </c>
      <c r="C2812" t="s">
        <v>2644</v>
      </c>
      <c r="D2812" t="s">
        <v>2649</v>
      </c>
    </row>
    <row r="2813" spans="1:4" x14ac:dyDescent="0.4">
      <c r="A2813">
        <v>2240015</v>
      </c>
      <c r="B2813" t="s">
        <v>2200</v>
      </c>
      <c r="C2813" t="s">
        <v>2644</v>
      </c>
      <c r="D2813" t="s">
        <v>2650</v>
      </c>
    </row>
    <row r="2814" spans="1:4" x14ac:dyDescent="0.4">
      <c r="A2814">
        <v>2240004</v>
      </c>
      <c r="B2814" t="s">
        <v>2200</v>
      </c>
      <c r="C2814" t="s">
        <v>2644</v>
      </c>
      <c r="D2814" t="s">
        <v>2651</v>
      </c>
    </row>
    <row r="2815" spans="1:4" x14ac:dyDescent="0.4">
      <c r="A2815">
        <v>2240008</v>
      </c>
      <c r="B2815" t="s">
        <v>2200</v>
      </c>
      <c r="C2815" t="s">
        <v>2644</v>
      </c>
      <c r="D2815" t="s">
        <v>2652</v>
      </c>
    </row>
    <row r="2816" spans="1:4" x14ac:dyDescent="0.4">
      <c r="A2816">
        <v>2240006</v>
      </c>
      <c r="B2816" t="s">
        <v>2200</v>
      </c>
      <c r="C2816" t="s">
        <v>2644</v>
      </c>
      <c r="D2816" t="s">
        <v>2653</v>
      </c>
    </row>
    <row r="2817" spans="1:4" x14ac:dyDescent="0.4">
      <c r="A2817">
        <v>2240007</v>
      </c>
      <c r="B2817" t="s">
        <v>2200</v>
      </c>
      <c r="C2817" t="s">
        <v>2644</v>
      </c>
      <c r="D2817" t="s">
        <v>2654</v>
      </c>
    </row>
    <row r="2818" spans="1:4" x14ac:dyDescent="0.4">
      <c r="A2818">
        <v>2240042</v>
      </c>
      <c r="B2818" t="s">
        <v>2200</v>
      </c>
      <c r="C2818" t="s">
        <v>2644</v>
      </c>
      <c r="D2818" t="s">
        <v>2655</v>
      </c>
    </row>
    <row r="2819" spans="1:4" x14ac:dyDescent="0.4">
      <c r="A2819">
        <v>2240028</v>
      </c>
      <c r="B2819" t="s">
        <v>2200</v>
      </c>
      <c r="C2819" t="s">
        <v>2644</v>
      </c>
      <c r="D2819" t="s">
        <v>2656</v>
      </c>
    </row>
    <row r="2820" spans="1:4" x14ac:dyDescent="0.4">
      <c r="A2820">
        <v>2240027</v>
      </c>
      <c r="B2820" t="s">
        <v>2200</v>
      </c>
      <c r="C2820" t="s">
        <v>2644</v>
      </c>
      <c r="D2820" t="s">
        <v>2657</v>
      </c>
    </row>
    <row r="2821" spans="1:4" x14ac:dyDescent="0.4">
      <c r="A2821">
        <v>2240061</v>
      </c>
      <c r="B2821" t="s">
        <v>2200</v>
      </c>
      <c r="C2821" t="s">
        <v>2644</v>
      </c>
      <c r="D2821" t="s">
        <v>2658</v>
      </c>
    </row>
    <row r="2822" spans="1:4" x14ac:dyDescent="0.4">
      <c r="A2822">
        <v>2240043</v>
      </c>
      <c r="B2822" t="s">
        <v>2200</v>
      </c>
      <c r="C2822" t="s">
        <v>2644</v>
      </c>
      <c r="D2822" t="s">
        <v>2659</v>
      </c>
    </row>
    <row r="2823" spans="1:4" x14ac:dyDescent="0.4">
      <c r="A2823">
        <v>2240055</v>
      </c>
      <c r="B2823" t="s">
        <v>2200</v>
      </c>
      <c r="C2823" t="s">
        <v>2644</v>
      </c>
      <c r="D2823" t="s">
        <v>2660</v>
      </c>
    </row>
    <row r="2824" spans="1:4" x14ac:dyDescent="0.4">
      <c r="A2824">
        <v>2240034</v>
      </c>
      <c r="B2824" t="s">
        <v>2200</v>
      </c>
      <c r="C2824" t="s">
        <v>2644</v>
      </c>
      <c r="D2824" t="s">
        <v>2661</v>
      </c>
    </row>
    <row r="2825" spans="1:4" x14ac:dyDescent="0.4">
      <c r="A2825">
        <v>2240036</v>
      </c>
      <c r="B2825" t="s">
        <v>2200</v>
      </c>
      <c r="C2825" t="s">
        <v>2644</v>
      </c>
      <c r="D2825" t="s">
        <v>2662</v>
      </c>
    </row>
    <row r="2826" spans="1:4" x14ac:dyDescent="0.4">
      <c r="A2826">
        <v>2240044</v>
      </c>
      <c r="B2826" t="s">
        <v>2200</v>
      </c>
      <c r="C2826" t="s">
        <v>2644</v>
      </c>
      <c r="D2826" t="s">
        <v>2663</v>
      </c>
    </row>
    <row r="2827" spans="1:4" x14ac:dyDescent="0.4">
      <c r="A2827">
        <v>2240056</v>
      </c>
      <c r="B2827" t="s">
        <v>2200</v>
      </c>
      <c r="C2827" t="s">
        <v>2644</v>
      </c>
      <c r="D2827" t="s">
        <v>2664</v>
      </c>
    </row>
    <row r="2828" spans="1:4" x14ac:dyDescent="0.4">
      <c r="A2828">
        <v>2240057</v>
      </c>
      <c r="B2828" t="s">
        <v>2200</v>
      </c>
      <c r="C2828" t="s">
        <v>2644</v>
      </c>
      <c r="D2828" t="s">
        <v>2665</v>
      </c>
    </row>
    <row r="2829" spans="1:4" x14ac:dyDescent="0.4">
      <c r="A2829">
        <v>2240021</v>
      </c>
      <c r="B2829" t="s">
        <v>2200</v>
      </c>
      <c r="C2829" t="s">
        <v>2644</v>
      </c>
      <c r="D2829" t="s">
        <v>2666</v>
      </c>
    </row>
    <row r="2830" spans="1:4" x14ac:dyDescent="0.4">
      <c r="A2830">
        <v>2240062</v>
      </c>
      <c r="B2830" t="s">
        <v>2200</v>
      </c>
      <c r="C2830" t="s">
        <v>2644</v>
      </c>
      <c r="D2830" t="s">
        <v>2667</v>
      </c>
    </row>
    <row r="2831" spans="1:4" x14ac:dyDescent="0.4">
      <c r="A2831">
        <v>2240054</v>
      </c>
      <c r="B2831" t="s">
        <v>2200</v>
      </c>
      <c r="C2831" t="s">
        <v>2644</v>
      </c>
      <c r="D2831" t="s">
        <v>2668</v>
      </c>
    </row>
    <row r="2832" spans="1:4" x14ac:dyDescent="0.4">
      <c r="A2832">
        <v>2240046</v>
      </c>
      <c r="B2832" t="s">
        <v>2200</v>
      </c>
      <c r="C2832" t="s">
        <v>2644</v>
      </c>
      <c r="D2832" t="s">
        <v>2669</v>
      </c>
    </row>
    <row r="2833" spans="1:4" x14ac:dyDescent="0.4">
      <c r="A2833">
        <v>2240035</v>
      </c>
      <c r="B2833" t="s">
        <v>2200</v>
      </c>
      <c r="C2833" t="s">
        <v>2644</v>
      </c>
      <c r="D2833" t="s">
        <v>2670</v>
      </c>
    </row>
    <row r="2834" spans="1:4" x14ac:dyDescent="0.4">
      <c r="A2834">
        <v>2240013</v>
      </c>
      <c r="B2834" t="s">
        <v>2200</v>
      </c>
      <c r="C2834" t="s">
        <v>2644</v>
      </c>
      <c r="D2834" t="s">
        <v>2671</v>
      </c>
    </row>
    <row r="2835" spans="1:4" x14ac:dyDescent="0.4">
      <c r="A2835">
        <v>2240065</v>
      </c>
      <c r="B2835" t="s">
        <v>2200</v>
      </c>
      <c r="C2835" t="s">
        <v>2644</v>
      </c>
      <c r="D2835" t="s">
        <v>2672</v>
      </c>
    </row>
    <row r="2836" spans="1:4" x14ac:dyDescent="0.4">
      <c r="A2836">
        <v>2240032</v>
      </c>
      <c r="B2836" t="s">
        <v>2200</v>
      </c>
      <c r="C2836" t="s">
        <v>2644</v>
      </c>
      <c r="D2836" t="s">
        <v>2673</v>
      </c>
    </row>
    <row r="2837" spans="1:4" x14ac:dyDescent="0.4">
      <c r="A2837">
        <v>2240031</v>
      </c>
      <c r="B2837" t="s">
        <v>2200</v>
      </c>
      <c r="C2837" t="s">
        <v>2644</v>
      </c>
      <c r="D2837" t="s">
        <v>2674</v>
      </c>
    </row>
    <row r="2838" spans="1:4" x14ac:dyDescent="0.4">
      <c r="A2838">
        <v>2240033</v>
      </c>
      <c r="B2838" t="s">
        <v>2200</v>
      </c>
      <c r="C2838" t="s">
        <v>2644</v>
      </c>
      <c r="D2838" t="s">
        <v>2675</v>
      </c>
    </row>
    <row r="2839" spans="1:4" x14ac:dyDescent="0.4">
      <c r="A2839">
        <v>2240037</v>
      </c>
      <c r="B2839" t="s">
        <v>2200</v>
      </c>
      <c r="C2839" t="s">
        <v>2644</v>
      </c>
      <c r="D2839" t="s">
        <v>2676</v>
      </c>
    </row>
    <row r="2840" spans="1:4" x14ac:dyDescent="0.4">
      <c r="A2840">
        <v>2240001</v>
      </c>
      <c r="B2840" t="s">
        <v>2200</v>
      </c>
      <c r="C2840" t="s">
        <v>2644</v>
      </c>
      <c r="D2840" t="s">
        <v>1411</v>
      </c>
    </row>
    <row r="2841" spans="1:4" x14ac:dyDescent="0.4">
      <c r="A2841">
        <v>2240003</v>
      </c>
      <c r="B2841" t="s">
        <v>2200</v>
      </c>
      <c r="C2841" t="s">
        <v>2644</v>
      </c>
      <c r="D2841" t="s">
        <v>2677</v>
      </c>
    </row>
    <row r="2842" spans="1:4" x14ac:dyDescent="0.4">
      <c r="A2842">
        <v>2240041</v>
      </c>
      <c r="B2842" t="s">
        <v>2200</v>
      </c>
      <c r="C2842" t="s">
        <v>2644</v>
      </c>
      <c r="D2842" t="s">
        <v>2678</v>
      </c>
    </row>
    <row r="2843" spans="1:4" x14ac:dyDescent="0.4">
      <c r="A2843">
        <v>2240063</v>
      </c>
      <c r="B2843" t="s">
        <v>2200</v>
      </c>
      <c r="C2843" t="s">
        <v>2644</v>
      </c>
      <c r="D2843" t="s">
        <v>2338</v>
      </c>
    </row>
    <row r="2844" spans="1:4" x14ac:dyDescent="0.4">
      <c r="A2844">
        <v>2240052</v>
      </c>
      <c r="B2844" t="s">
        <v>2200</v>
      </c>
      <c r="C2844" t="s">
        <v>2644</v>
      </c>
      <c r="D2844" t="s">
        <v>2679</v>
      </c>
    </row>
    <row r="2845" spans="1:4" x14ac:dyDescent="0.4">
      <c r="A2845">
        <v>2240025</v>
      </c>
      <c r="B2845" t="s">
        <v>2200</v>
      </c>
      <c r="C2845" t="s">
        <v>2644</v>
      </c>
      <c r="D2845" t="s">
        <v>2680</v>
      </c>
    </row>
    <row r="2846" spans="1:4" x14ac:dyDescent="0.4">
      <c r="A2846">
        <v>2240045</v>
      </c>
      <c r="B2846" t="s">
        <v>2200</v>
      </c>
      <c r="C2846" t="s">
        <v>2644</v>
      </c>
      <c r="D2846" t="s">
        <v>1773</v>
      </c>
    </row>
    <row r="2847" spans="1:4" x14ac:dyDescent="0.4">
      <c r="A2847">
        <v>2240023</v>
      </c>
      <c r="B2847" t="s">
        <v>2200</v>
      </c>
      <c r="C2847" t="s">
        <v>2644</v>
      </c>
      <c r="D2847" t="s">
        <v>2681</v>
      </c>
    </row>
    <row r="2848" spans="1:4" x14ac:dyDescent="0.4">
      <c r="A2848">
        <v>2240024</v>
      </c>
      <c r="B2848" t="s">
        <v>2200</v>
      </c>
      <c r="C2848" t="s">
        <v>2644</v>
      </c>
      <c r="D2848" t="s">
        <v>2682</v>
      </c>
    </row>
    <row r="2849" spans="1:4" x14ac:dyDescent="0.4">
      <c r="A2849">
        <v>2240064</v>
      </c>
      <c r="B2849" t="s">
        <v>2200</v>
      </c>
      <c r="C2849" t="s">
        <v>2644</v>
      </c>
      <c r="D2849" t="s">
        <v>2683</v>
      </c>
    </row>
    <row r="2850" spans="1:4" x14ac:dyDescent="0.4">
      <c r="A2850">
        <v>2240051</v>
      </c>
      <c r="B2850" t="s">
        <v>2200</v>
      </c>
      <c r="C2850" t="s">
        <v>2644</v>
      </c>
      <c r="D2850" t="s">
        <v>2684</v>
      </c>
    </row>
    <row r="2851" spans="1:4" x14ac:dyDescent="0.4">
      <c r="A2851">
        <v>2240029</v>
      </c>
      <c r="B2851" t="s">
        <v>2200</v>
      </c>
      <c r="C2851" t="s">
        <v>2644</v>
      </c>
      <c r="D2851" t="s">
        <v>572</v>
      </c>
    </row>
    <row r="2852" spans="1:4" x14ac:dyDescent="0.4">
      <c r="A2852">
        <v>2240026</v>
      </c>
      <c r="B2852" t="s">
        <v>2200</v>
      </c>
      <c r="C2852" t="s">
        <v>2644</v>
      </c>
      <c r="D2852" t="s">
        <v>2685</v>
      </c>
    </row>
    <row r="2853" spans="1:4" x14ac:dyDescent="0.4">
      <c r="A2853">
        <v>2240066</v>
      </c>
      <c r="B2853" t="s">
        <v>2200</v>
      </c>
      <c r="C2853" t="s">
        <v>2644</v>
      </c>
      <c r="D2853" t="s">
        <v>2686</v>
      </c>
    </row>
    <row r="2854" spans="1:4" x14ac:dyDescent="0.4">
      <c r="A2854">
        <v>2100000</v>
      </c>
      <c r="B2854" t="s">
        <v>2200</v>
      </c>
      <c r="C2854" t="s">
        <v>2687</v>
      </c>
    </row>
    <row r="2855" spans="1:4" x14ac:dyDescent="0.4">
      <c r="A2855">
        <v>2100847</v>
      </c>
      <c r="B2855" t="s">
        <v>2200</v>
      </c>
      <c r="C2855" t="s">
        <v>2687</v>
      </c>
      <c r="D2855" t="s">
        <v>2688</v>
      </c>
    </row>
    <row r="2856" spans="1:4" x14ac:dyDescent="0.4">
      <c r="A2856">
        <v>2100854</v>
      </c>
      <c r="B2856" t="s">
        <v>2200</v>
      </c>
      <c r="C2856" t="s">
        <v>2687</v>
      </c>
      <c r="D2856" t="s">
        <v>2689</v>
      </c>
    </row>
    <row r="2857" spans="1:4" x14ac:dyDescent="0.4">
      <c r="A2857">
        <v>2100808</v>
      </c>
      <c r="B2857" t="s">
        <v>2200</v>
      </c>
      <c r="C2857" t="s">
        <v>2687</v>
      </c>
      <c r="D2857" t="s">
        <v>222</v>
      </c>
    </row>
    <row r="2858" spans="1:4" x14ac:dyDescent="0.4">
      <c r="A2858">
        <v>2100832</v>
      </c>
      <c r="B2858" t="s">
        <v>2200</v>
      </c>
      <c r="C2858" t="s">
        <v>2687</v>
      </c>
      <c r="D2858" t="s">
        <v>2690</v>
      </c>
    </row>
    <row r="2859" spans="1:4" x14ac:dyDescent="0.4">
      <c r="A2859">
        <v>2100864</v>
      </c>
      <c r="B2859" t="s">
        <v>2200</v>
      </c>
      <c r="C2859" t="s">
        <v>2687</v>
      </c>
      <c r="D2859" t="s">
        <v>2691</v>
      </c>
    </row>
    <row r="2860" spans="1:4" x14ac:dyDescent="0.4">
      <c r="A2860">
        <v>2100022</v>
      </c>
      <c r="B2860" t="s">
        <v>2200</v>
      </c>
      <c r="C2860" t="s">
        <v>2687</v>
      </c>
      <c r="D2860" t="s">
        <v>766</v>
      </c>
    </row>
    <row r="2861" spans="1:4" x14ac:dyDescent="0.4">
      <c r="A2861">
        <v>2100006</v>
      </c>
      <c r="B2861" t="s">
        <v>2200</v>
      </c>
      <c r="C2861" t="s">
        <v>2687</v>
      </c>
      <c r="D2861" t="s">
        <v>2692</v>
      </c>
    </row>
    <row r="2862" spans="1:4" x14ac:dyDescent="0.4">
      <c r="A2862">
        <v>2100805</v>
      </c>
      <c r="B2862" t="s">
        <v>2200</v>
      </c>
      <c r="C2862" t="s">
        <v>2687</v>
      </c>
      <c r="D2862" t="s">
        <v>2693</v>
      </c>
    </row>
    <row r="2863" spans="1:4" x14ac:dyDescent="0.4">
      <c r="A2863">
        <v>2100862</v>
      </c>
      <c r="B2863" t="s">
        <v>2200</v>
      </c>
      <c r="C2863" t="s">
        <v>2687</v>
      </c>
      <c r="D2863" t="s">
        <v>2694</v>
      </c>
    </row>
    <row r="2864" spans="1:4" x14ac:dyDescent="0.4">
      <c r="A2864">
        <v>2100823</v>
      </c>
      <c r="B2864" t="s">
        <v>2200</v>
      </c>
      <c r="C2864" t="s">
        <v>2687</v>
      </c>
      <c r="D2864" t="s">
        <v>137</v>
      </c>
    </row>
    <row r="2865" spans="1:4" x14ac:dyDescent="0.4">
      <c r="A2865">
        <v>2100007</v>
      </c>
      <c r="B2865" t="s">
        <v>2200</v>
      </c>
      <c r="C2865" t="s">
        <v>2687</v>
      </c>
      <c r="D2865" t="s">
        <v>2695</v>
      </c>
    </row>
    <row r="2866" spans="1:4" x14ac:dyDescent="0.4">
      <c r="A2866">
        <v>2100002</v>
      </c>
      <c r="B2866" t="s">
        <v>2200</v>
      </c>
      <c r="C2866" t="s">
        <v>2687</v>
      </c>
      <c r="D2866" t="s">
        <v>2696</v>
      </c>
    </row>
    <row r="2867" spans="1:4" x14ac:dyDescent="0.4">
      <c r="A2867">
        <v>2100835</v>
      </c>
      <c r="B2867" t="s">
        <v>2200</v>
      </c>
      <c r="C2867" t="s">
        <v>2687</v>
      </c>
      <c r="D2867" t="s">
        <v>1535</v>
      </c>
    </row>
    <row r="2868" spans="1:4" x14ac:dyDescent="0.4">
      <c r="A2868">
        <v>2100867</v>
      </c>
      <c r="B2868" t="s">
        <v>2200</v>
      </c>
      <c r="C2868" t="s">
        <v>2687</v>
      </c>
      <c r="D2868" t="s">
        <v>2697</v>
      </c>
    </row>
    <row r="2869" spans="1:4" x14ac:dyDescent="0.4">
      <c r="A2869">
        <v>2100858</v>
      </c>
      <c r="B2869" t="s">
        <v>2200</v>
      </c>
      <c r="C2869" t="s">
        <v>2687</v>
      </c>
      <c r="D2869" t="s">
        <v>2698</v>
      </c>
    </row>
    <row r="2870" spans="1:4" x14ac:dyDescent="0.4">
      <c r="A2870">
        <v>2100868</v>
      </c>
      <c r="B2870" t="s">
        <v>2200</v>
      </c>
      <c r="C2870" t="s">
        <v>2687</v>
      </c>
      <c r="D2870" t="s">
        <v>2699</v>
      </c>
    </row>
    <row r="2871" spans="1:4" x14ac:dyDescent="0.4">
      <c r="A2871">
        <v>2100834</v>
      </c>
      <c r="B2871" t="s">
        <v>2200</v>
      </c>
      <c r="C2871" t="s">
        <v>2687</v>
      </c>
      <c r="D2871" t="s">
        <v>891</v>
      </c>
    </row>
    <row r="2872" spans="1:4" x14ac:dyDescent="0.4">
      <c r="A2872">
        <v>2100836</v>
      </c>
      <c r="B2872" t="s">
        <v>2200</v>
      </c>
      <c r="C2872" t="s">
        <v>2687</v>
      </c>
      <c r="D2872" t="s">
        <v>2700</v>
      </c>
    </row>
    <row r="2873" spans="1:4" x14ac:dyDescent="0.4">
      <c r="A2873">
        <v>2100023</v>
      </c>
      <c r="B2873" t="s">
        <v>2200</v>
      </c>
      <c r="C2873" t="s">
        <v>2687</v>
      </c>
      <c r="D2873" t="s">
        <v>2292</v>
      </c>
    </row>
    <row r="2874" spans="1:4" x14ac:dyDescent="0.4">
      <c r="A2874">
        <v>2100846</v>
      </c>
      <c r="B2874" t="s">
        <v>2200</v>
      </c>
      <c r="C2874" t="s">
        <v>2687</v>
      </c>
      <c r="D2874" t="s">
        <v>2701</v>
      </c>
    </row>
    <row r="2875" spans="1:4" x14ac:dyDescent="0.4">
      <c r="A2875">
        <v>2100843</v>
      </c>
      <c r="B2875" t="s">
        <v>2200</v>
      </c>
      <c r="C2875" t="s">
        <v>2687</v>
      </c>
      <c r="D2875" t="s">
        <v>2702</v>
      </c>
    </row>
    <row r="2876" spans="1:4" x14ac:dyDescent="0.4">
      <c r="A2876">
        <v>2100014</v>
      </c>
      <c r="B2876" t="s">
        <v>2200</v>
      </c>
      <c r="C2876" t="s">
        <v>2687</v>
      </c>
      <c r="D2876" t="s">
        <v>2703</v>
      </c>
    </row>
    <row r="2877" spans="1:4" x14ac:dyDescent="0.4">
      <c r="A2877">
        <v>2100803</v>
      </c>
      <c r="B2877" t="s">
        <v>2200</v>
      </c>
      <c r="C2877" t="s">
        <v>2687</v>
      </c>
      <c r="D2877" t="s">
        <v>2704</v>
      </c>
    </row>
    <row r="2878" spans="1:4" x14ac:dyDescent="0.4">
      <c r="A2878">
        <v>2100831</v>
      </c>
      <c r="B2878" t="s">
        <v>2200</v>
      </c>
      <c r="C2878" t="s">
        <v>2687</v>
      </c>
      <c r="D2878" t="s">
        <v>2705</v>
      </c>
    </row>
    <row r="2879" spans="1:4" x14ac:dyDescent="0.4">
      <c r="A2879">
        <v>2100848</v>
      </c>
      <c r="B2879" t="s">
        <v>2200</v>
      </c>
      <c r="C2879" t="s">
        <v>2687</v>
      </c>
      <c r="D2879" t="s">
        <v>2706</v>
      </c>
    </row>
    <row r="2880" spans="1:4" x14ac:dyDescent="0.4">
      <c r="A2880">
        <v>2100852</v>
      </c>
      <c r="B2880" t="s">
        <v>2200</v>
      </c>
      <c r="C2880" t="s">
        <v>2687</v>
      </c>
      <c r="D2880" t="s">
        <v>2707</v>
      </c>
    </row>
    <row r="2881" spans="1:4" x14ac:dyDescent="0.4">
      <c r="A2881">
        <v>2100861</v>
      </c>
      <c r="B2881" t="s">
        <v>2200</v>
      </c>
      <c r="C2881" t="s">
        <v>2687</v>
      </c>
      <c r="D2881" t="s">
        <v>2708</v>
      </c>
    </row>
    <row r="2882" spans="1:4" x14ac:dyDescent="0.4">
      <c r="A2882">
        <v>2100838</v>
      </c>
      <c r="B2882" t="s">
        <v>2200</v>
      </c>
      <c r="C2882" t="s">
        <v>2687</v>
      </c>
      <c r="D2882" t="s">
        <v>2709</v>
      </c>
    </row>
    <row r="2883" spans="1:4" x14ac:dyDescent="0.4">
      <c r="A2883">
        <v>2100833</v>
      </c>
      <c r="B2883" t="s">
        <v>2200</v>
      </c>
      <c r="C2883" t="s">
        <v>2687</v>
      </c>
      <c r="D2883" t="s">
        <v>2710</v>
      </c>
    </row>
    <row r="2884" spans="1:4" x14ac:dyDescent="0.4">
      <c r="A2884">
        <v>2100826</v>
      </c>
      <c r="B2884" t="s">
        <v>2200</v>
      </c>
      <c r="C2884" t="s">
        <v>2687</v>
      </c>
      <c r="D2884" t="s">
        <v>897</v>
      </c>
    </row>
    <row r="2885" spans="1:4" x14ac:dyDescent="0.4">
      <c r="A2885">
        <v>2100025</v>
      </c>
      <c r="B2885" t="s">
        <v>2200</v>
      </c>
      <c r="C2885" t="s">
        <v>2687</v>
      </c>
      <c r="D2885" t="s">
        <v>2711</v>
      </c>
    </row>
    <row r="2886" spans="1:4" x14ac:dyDescent="0.4">
      <c r="A2886">
        <v>2100813</v>
      </c>
      <c r="B2886" t="s">
        <v>2200</v>
      </c>
      <c r="C2886" t="s">
        <v>2687</v>
      </c>
      <c r="D2886" t="s">
        <v>1816</v>
      </c>
    </row>
    <row r="2887" spans="1:4" x14ac:dyDescent="0.4">
      <c r="A2887">
        <v>2100857</v>
      </c>
      <c r="B2887" t="s">
        <v>2200</v>
      </c>
      <c r="C2887" t="s">
        <v>2687</v>
      </c>
      <c r="D2887" t="s">
        <v>2712</v>
      </c>
    </row>
    <row r="2888" spans="1:4" x14ac:dyDescent="0.4">
      <c r="A2888">
        <v>2100013</v>
      </c>
      <c r="B2888" t="s">
        <v>2200</v>
      </c>
      <c r="C2888" t="s">
        <v>2687</v>
      </c>
      <c r="D2888" t="s">
        <v>2713</v>
      </c>
    </row>
    <row r="2889" spans="1:4" x14ac:dyDescent="0.4">
      <c r="A2889">
        <v>2380032</v>
      </c>
      <c r="B2889" t="s">
        <v>2200</v>
      </c>
      <c r="C2889" t="s">
        <v>2270</v>
      </c>
      <c r="D2889" t="s">
        <v>2714</v>
      </c>
    </row>
    <row r="2890" spans="1:4" x14ac:dyDescent="0.4">
      <c r="A2890">
        <v>2380016</v>
      </c>
      <c r="B2890" t="s">
        <v>2200</v>
      </c>
      <c r="C2890" t="s">
        <v>2270</v>
      </c>
      <c r="D2890" t="s">
        <v>2715</v>
      </c>
    </row>
    <row r="2891" spans="1:4" x14ac:dyDescent="0.4">
      <c r="A2891">
        <v>1400014</v>
      </c>
      <c r="B2891" t="s">
        <v>815</v>
      </c>
      <c r="C2891" t="s">
        <v>965</v>
      </c>
      <c r="D2891" t="s">
        <v>2716</v>
      </c>
    </row>
    <row r="2892" spans="1:4" x14ac:dyDescent="0.4">
      <c r="A2892">
        <v>1410032</v>
      </c>
      <c r="B2892" t="s">
        <v>815</v>
      </c>
      <c r="C2892" t="s">
        <v>965</v>
      </c>
      <c r="D2892" t="s">
        <v>2717</v>
      </c>
    </row>
    <row r="2893" spans="1:4" x14ac:dyDescent="0.4">
      <c r="A2893">
        <v>1416090</v>
      </c>
      <c r="B2893" t="s">
        <v>815</v>
      </c>
      <c r="C2893" t="s">
        <v>965</v>
      </c>
      <c r="D2893" t="s">
        <v>2718</v>
      </c>
    </row>
    <row r="2894" spans="1:4" x14ac:dyDescent="0.4">
      <c r="A2894">
        <v>1416001</v>
      </c>
      <c r="B2894" t="s">
        <v>815</v>
      </c>
      <c r="C2894" t="s">
        <v>965</v>
      </c>
      <c r="D2894" t="s">
        <v>2719</v>
      </c>
    </row>
    <row r="2895" spans="1:4" x14ac:dyDescent="0.4">
      <c r="A2895">
        <v>1416002</v>
      </c>
      <c r="B2895" t="s">
        <v>815</v>
      </c>
      <c r="C2895" t="s">
        <v>965</v>
      </c>
      <c r="D2895" t="s">
        <v>2720</v>
      </c>
    </row>
    <row r="2896" spans="1:4" x14ac:dyDescent="0.4">
      <c r="A2896">
        <v>1416003</v>
      </c>
      <c r="B2896" t="s">
        <v>815</v>
      </c>
      <c r="C2896" t="s">
        <v>965</v>
      </c>
      <c r="D2896" t="s">
        <v>2721</v>
      </c>
    </row>
    <row r="2897" spans="1:4" x14ac:dyDescent="0.4">
      <c r="A2897">
        <v>1416004</v>
      </c>
      <c r="B2897" t="s">
        <v>815</v>
      </c>
      <c r="C2897" t="s">
        <v>965</v>
      </c>
      <c r="D2897" t="s">
        <v>2722</v>
      </c>
    </row>
    <row r="2898" spans="1:4" x14ac:dyDescent="0.4">
      <c r="A2898">
        <v>1416005</v>
      </c>
      <c r="B2898" t="s">
        <v>815</v>
      </c>
      <c r="C2898" t="s">
        <v>965</v>
      </c>
      <c r="D2898" t="s">
        <v>2723</v>
      </c>
    </row>
    <row r="2899" spans="1:4" x14ac:dyDescent="0.4">
      <c r="A2899">
        <v>1416006</v>
      </c>
      <c r="B2899" t="s">
        <v>815</v>
      </c>
      <c r="C2899" t="s">
        <v>965</v>
      </c>
      <c r="D2899" t="s">
        <v>2724</v>
      </c>
    </row>
    <row r="2900" spans="1:4" x14ac:dyDescent="0.4">
      <c r="A2900">
        <v>1416007</v>
      </c>
      <c r="B2900" t="s">
        <v>815</v>
      </c>
      <c r="C2900" t="s">
        <v>965</v>
      </c>
      <c r="D2900" t="s">
        <v>2725</v>
      </c>
    </row>
    <row r="2901" spans="1:4" x14ac:dyDescent="0.4">
      <c r="A2901">
        <v>1416008</v>
      </c>
      <c r="B2901" t="s">
        <v>815</v>
      </c>
      <c r="C2901" t="s">
        <v>965</v>
      </c>
      <c r="D2901" t="s">
        <v>2726</v>
      </c>
    </row>
    <row r="2902" spans="1:4" x14ac:dyDescent="0.4">
      <c r="A2902">
        <v>1416009</v>
      </c>
      <c r="B2902" t="s">
        <v>815</v>
      </c>
      <c r="C2902" t="s">
        <v>965</v>
      </c>
      <c r="D2902" t="s">
        <v>2727</v>
      </c>
    </row>
    <row r="2903" spans="1:4" x14ac:dyDescent="0.4">
      <c r="A2903">
        <v>1416010</v>
      </c>
      <c r="B2903" t="s">
        <v>815</v>
      </c>
      <c r="C2903" t="s">
        <v>965</v>
      </c>
      <c r="D2903" t="s">
        <v>2728</v>
      </c>
    </row>
    <row r="2904" spans="1:4" x14ac:dyDescent="0.4">
      <c r="A2904">
        <v>1416011</v>
      </c>
      <c r="B2904" t="s">
        <v>815</v>
      </c>
      <c r="C2904" t="s">
        <v>965</v>
      </c>
      <c r="D2904" t="s">
        <v>2729</v>
      </c>
    </row>
    <row r="2905" spans="1:4" x14ac:dyDescent="0.4">
      <c r="A2905">
        <v>1416012</v>
      </c>
      <c r="B2905" t="s">
        <v>815</v>
      </c>
      <c r="C2905" t="s">
        <v>965</v>
      </c>
      <c r="D2905" t="s">
        <v>2730</v>
      </c>
    </row>
    <row r="2906" spans="1:4" x14ac:dyDescent="0.4">
      <c r="A2906">
        <v>1416013</v>
      </c>
      <c r="B2906" t="s">
        <v>815</v>
      </c>
      <c r="C2906" t="s">
        <v>965</v>
      </c>
      <c r="D2906" t="s">
        <v>2731</v>
      </c>
    </row>
    <row r="2907" spans="1:4" x14ac:dyDescent="0.4">
      <c r="A2907">
        <v>1416014</v>
      </c>
      <c r="B2907" t="s">
        <v>815</v>
      </c>
      <c r="C2907" t="s">
        <v>965</v>
      </c>
      <c r="D2907" t="s">
        <v>2732</v>
      </c>
    </row>
    <row r="2908" spans="1:4" x14ac:dyDescent="0.4">
      <c r="A2908">
        <v>1416015</v>
      </c>
      <c r="B2908" t="s">
        <v>815</v>
      </c>
      <c r="C2908" t="s">
        <v>965</v>
      </c>
      <c r="D2908" t="s">
        <v>2733</v>
      </c>
    </row>
    <row r="2909" spans="1:4" x14ac:dyDescent="0.4">
      <c r="A2909">
        <v>1416016</v>
      </c>
      <c r="B2909" t="s">
        <v>815</v>
      </c>
      <c r="C2909" t="s">
        <v>965</v>
      </c>
      <c r="D2909" t="s">
        <v>2734</v>
      </c>
    </row>
    <row r="2910" spans="1:4" x14ac:dyDescent="0.4">
      <c r="A2910">
        <v>1416017</v>
      </c>
      <c r="B2910" t="s">
        <v>815</v>
      </c>
      <c r="C2910" t="s">
        <v>965</v>
      </c>
      <c r="D2910" t="s">
        <v>2735</v>
      </c>
    </row>
    <row r="2911" spans="1:4" x14ac:dyDescent="0.4">
      <c r="A2911">
        <v>1416018</v>
      </c>
      <c r="B2911" t="s">
        <v>815</v>
      </c>
      <c r="C2911" t="s">
        <v>965</v>
      </c>
      <c r="D2911" t="s">
        <v>2736</v>
      </c>
    </row>
    <row r="2912" spans="1:4" x14ac:dyDescent="0.4">
      <c r="A2912">
        <v>1416019</v>
      </c>
      <c r="B2912" t="s">
        <v>815</v>
      </c>
      <c r="C2912" t="s">
        <v>965</v>
      </c>
      <c r="D2912" t="s">
        <v>2737</v>
      </c>
    </row>
    <row r="2913" spans="1:4" x14ac:dyDescent="0.4">
      <c r="A2913">
        <v>1416020</v>
      </c>
      <c r="B2913" t="s">
        <v>815</v>
      </c>
      <c r="C2913" t="s">
        <v>965</v>
      </c>
      <c r="D2913" t="s">
        <v>2738</v>
      </c>
    </row>
    <row r="2914" spans="1:4" x14ac:dyDescent="0.4">
      <c r="A2914">
        <v>1416021</v>
      </c>
      <c r="B2914" t="s">
        <v>815</v>
      </c>
      <c r="C2914" t="s">
        <v>965</v>
      </c>
      <c r="D2914" t="s">
        <v>2739</v>
      </c>
    </row>
    <row r="2915" spans="1:4" x14ac:dyDescent="0.4">
      <c r="A2915">
        <v>1416022</v>
      </c>
      <c r="B2915" t="s">
        <v>815</v>
      </c>
      <c r="C2915" t="s">
        <v>965</v>
      </c>
      <c r="D2915" t="s">
        <v>2740</v>
      </c>
    </row>
    <row r="2916" spans="1:4" x14ac:dyDescent="0.4">
      <c r="A2916">
        <v>1416023</v>
      </c>
      <c r="B2916" t="s">
        <v>815</v>
      </c>
      <c r="C2916" t="s">
        <v>965</v>
      </c>
      <c r="D2916" t="s">
        <v>2741</v>
      </c>
    </row>
    <row r="2917" spans="1:4" x14ac:dyDescent="0.4">
      <c r="A2917">
        <v>1416024</v>
      </c>
      <c r="B2917" t="s">
        <v>815</v>
      </c>
      <c r="C2917" t="s">
        <v>965</v>
      </c>
      <c r="D2917" t="s">
        <v>2742</v>
      </c>
    </row>
    <row r="2918" spans="1:4" x14ac:dyDescent="0.4">
      <c r="A2918">
        <v>1416025</v>
      </c>
      <c r="B2918" t="s">
        <v>815</v>
      </c>
      <c r="C2918" t="s">
        <v>965</v>
      </c>
      <c r="D2918" t="s">
        <v>2743</v>
      </c>
    </row>
    <row r="2919" spans="1:4" x14ac:dyDescent="0.4">
      <c r="A2919">
        <v>1416026</v>
      </c>
      <c r="B2919" t="s">
        <v>815</v>
      </c>
      <c r="C2919" t="s">
        <v>965</v>
      </c>
      <c r="D2919" t="s">
        <v>2744</v>
      </c>
    </row>
    <row r="2920" spans="1:4" x14ac:dyDescent="0.4">
      <c r="A2920">
        <v>1416027</v>
      </c>
      <c r="B2920" t="s">
        <v>815</v>
      </c>
      <c r="C2920" t="s">
        <v>965</v>
      </c>
      <c r="D2920" t="s">
        <v>2745</v>
      </c>
    </row>
    <row r="2921" spans="1:4" x14ac:dyDescent="0.4">
      <c r="A2921">
        <v>1416028</v>
      </c>
      <c r="B2921" t="s">
        <v>815</v>
      </c>
      <c r="C2921" t="s">
        <v>965</v>
      </c>
      <c r="D2921" t="s">
        <v>2746</v>
      </c>
    </row>
    <row r="2922" spans="1:4" x14ac:dyDescent="0.4">
      <c r="A2922">
        <v>1416029</v>
      </c>
      <c r="B2922" t="s">
        <v>815</v>
      </c>
      <c r="C2922" t="s">
        <v>965</v>
      </c>
      <c r="D2922" t="s">
        <v>2747</v>
      </c>
    </row>
    <row r="2923" spans="1:4" x14ac:dyDescent="0.4">
      <c r="A2923">
        <v>1416030</v>
      </c>
      <c r="B2923" t="s">
        <v>815</v>
      </c>
      <c r="C2923" t="s">
        <v>965</v>
      </c>
      <c r="D2923" t="s">
        <v>2748</v>
      </c>
    </row>
    <row r="2924" spans="1:4" x14ac:dyDescent="0.4">
      <c r="A2924">
        <v>1400012</v>
      </c>
      <c r="B2924" t="s">
        <v>815</v>
      </c>
      <c r="C2924" t="s">
        <v>965</v>
      </c>
      <c r="D2924" t="s">
        <v>2749</v>
      </c>
    </row>
    <row r="2925" spans="1:4" x14ac:dyDescent="0.4">
      <c r="A2925">
        <v>1410021</v>
      </c>
      <c r="B2925" t="s">
        <v>815</v>
      </c>
      <c r="C2925" t="s">
        <v>965</v>
      </c>
      <c r="D2925" t="s">
        <v>2750</v>
      </c>
    </row>
    <row r="2926" spans="1:4" x14ac:dyDescent="0.4">
      <c r="A2926">
        <v>1400001</v>
      </c>
      <c r="B2926" t="s">
        <v>815</v>
      </c>
      <c r="C2926" t="s">
        <v>965</v>
      </c>
      <c r="D2926" t="s">
        <v>2751</v>
      </c>
    </row>
    <row r="2927" spans="1:4" x14ac:dyDescent="0.4">
      <c r="A2927">
        <v>1410001</v>
      </c>
      <c r="B2927" t="s">
        <v>815</v>
      </c>
      <c r="C2927" t="s">
        <v>965</v>
      </c>
      <c r="D2927" t="s">
        <v>2752</v>
      </c>
    </row>
    <row r="2928" spans="1:4" x14ac:dyDescent="0.4">
      <c r="A2928">
        <v>1420062</v>
      </c>
      <c r="B2928" t="s">
        <v>815</v>
      </c>
      <c r="C2928" t="s">
        <v>965</v>
      </c>
      <c r="D2928" t="s">
        <v>253</v>
      </c>
    </row>
    <row r="2929" spans="1:4" x14ac:dyDescent="0.4">
      <c r="A2929">
        <v>1420061</v>
      </c>
      <c r="B2929" t="s">
        <v>815</v>
      </c>
      <c r="C2929" t="s">
        <v>965</v>
      </c>
      <c r="D2929" t="s">
        <v>2753</v>
      </c>
    </row>
    <row r="2930" spans="1:4" x14ac:dyDescent="0.4">
      <c r="A2930">
        <v>1420041</v>
      </c>
      <c r="B2930" t="s">
        <v>815</v>
      </c>
      <c r="C2930" t="s">
        <v>965</v>
      </c>
      <c r="D2930" t="s">
        <v>2754</v>
      </c>
    </row>
    <row r="2931" spans="1:4" x14ac:dyDescent="0.4">
      <c r="A2931">
        <v>1420053</v>
      </c>
      <c r="B2931" t="s">
        <v>815</v>
      </c>
      <c r="C2931" t="s">
        <v>965</v>
      </c>
      <c r="D2931" t="s">
        <v>2755</v>
      </c>
    </row>
    <row r="2932" spans="1:4" x14ac:dyDescent="0.4">
      <c r="A2932">
        <v>1400015</v>
      </c>
      <c r="B2932" t="s">
        <v>815</v>
      </c>
      <c r="C2932" t="s">
        <v>965</v>
      </c>
      <c r="D2932" t="s">
        <v>2756</v>
      </c>
    </row>
    <row r="2933" spans="1:4" x14ac:dyDescent="0.4">
      <c r="A2933">
        <v>1410031</v>
      </c>
      <c r="B2933" t="s">
        <v>815</v>
      </c>
      <c r="C2933" t="s">
        <v>965</v>
      </c>
      <c r="D2933" t="s">
        <v>2757</v>
      </c>
    </row>
    <row r="2934" spans="1:4" x14ac:dyDescent="0.4">
      <c r="A2934">
        <v>1410033</v>
      </c>
      <c r="B2934" t="s">
        <v>815</v>
      </c>
      <c r="C2934" t="s">
        <v>965</v>
      </c>
      <c r="D2934" t="s">
        <v>2758</v>
      </c>
    </row>
    <row r="2935" spans="1:4" x14ac:dyDescent="0.4">
      <c r="A2935">
        <v>1420054</v>
      </c>
      <c r="B2935" t="s">
        <v>815</v>
      </c>
      <c r="C2935" t="s">
        <v>965</v>
      </c>
      <c r="D2935" t="s">
        <v>2759</v>
      </c>
    </row>
    <row r="2936" spans="1:4" x14ac:dyDescent="0.4">
      <c r="A2936">
        <v>1420064</v>
      </c>
      <c r="B2936" t="s">
        <v>815</v>
      </c>
      <c r="C2936" t="s">
        <v>965</v>
      </c>
      <c r="D2936" t="s">
        <v>2760</v>
      </c>
    </row>
    <row r="2937" spans="1:4" x14ac:dyDescent="0.4">
      <c r="A2937">
        <v>1400011</v>
      </c>
      <c r="B2937" t="s">
        <v>815</v>
      </c>
      <c r="C2937" t="s">
        <v>965</v>
      </c>
      <c r="D2937" t="s">
        <v>2761</v>
      </c>
    </row>
    <row r="2938" spans="1:4" x14ac:dyDescent="0.4">
      <c r="A2938">
        <v>1410022</v>
      </c>
      <c r="B2938" t="s">
        <v>815</v>
      </c>
      <c r="C2938" t="s">
        <v>965</v>
      </c>
      <c r="D2938" t="s">
        <v>2762</v>
      </c>
    </row>
    <row r="2939" spans="1:4" x14ac:dyDescent="0.4">
      <c r="A2939">
        <v>1400002</v>
      </c>
      <c r="B2939" t="s">
        <v>815</v>
      </c>
      <c r="C2939" t="s">
        <v>965</v>
      </c>
      <c r="D2939" t="s">
        <v>2763</v>
      </c>
    </row>
    <row r="2940" spans="1:4" x14ac:dyDescent="0.4">
      <c r="A2940">
        <v>1420052</v>
      </c>
      <c r="B2940" t="s">
        <v>815</v>
      </c>
      <c r="C2940" t="s">
        <v>965</v>
      </c>
      <c r="D2940" t="s">
        <v>2764</v>
      </c>
    </row>
    <row r="2941" spans="1:4" x14ac:dyDescent="0.4">
      <c r="A2941">
        <v>1350092</v>
      </c>
      <c r="B2941" t="s">
        <v>815</v>
      </c>
      <c r="C2941" t="s">
        <v>965</v>
      </c>
      <c r="D2941" t="s">
        <v>2765</v>
      </c>
    </row>
    <row r="2942" spans="1:4" x14ac:dyDescent="0.4">
      <c r="A2942">
        <v>1420051</v>
      </c>
      <c r="B2942" t="s">
        <v>815</v>
      </c>
      <c r="C2942" t="s">
        <v>965</v>
      </c>
      <c r="D2942" t="s">
        <v>2030</v>
      </c>
    </row>
    <row r="2943" spans="1:4" x14ac:dyDescent="0.4">
      <c r="A2943">
        <v>1400005</v>
      </c>
      <c r="B2943" t="s">
        <v>815</v>
      </c>
      <c r="C2943" t="s">
        <v>965</v>
      </c>
      <c r="D2943" t="s">
        <v>2766</v>
      </c>
    </row>
    <row r="2944" spans="1:4" x14ac:dyDescent="0.4">
      <c r="A2944">
        <v>1420043</v>
      </c>
      <c r="B2944" t="s">
        <v>815</v>
      </c>
      <c r="C2944" t="s">
        <v>965</v>
      </c>
      <c r="D2944" t="s">
        <v>2767</v>
      </c>
    </row>
    <row r="2945" spans="1:4" x14ac:dyDescent="0.4">
      <c r="A2945">
        <v>1400013</v>
      </c>
      <c r="B2945" t="s">
        <v>815</v>
      </c>
      <c r="C2945" t="s">
        <v>965</v>
      </c>
      <c r="D2945" t="s">
        <v>2768</v>
      </c>
    </row>
    <row r="2946" spans="1:4" x14ac:dyDescent="0.4">
      <c r="A2946">
        <v>1400004</v>
      </c>
      <c r="B2946" t="s">
        <v>815</v>
      </c>
      <c r="C2946" t="s">
        <v>965</v>
      </c>
      <c r="D2946" t="s">
        <v>2769</v>
      </c>
    </row>
    <row r="2947" spans="1:4" x14ac:dyDescent="0.4">
      <c r="A2947">
        <v>1400003</v>
      </c>
      <c r="B2947" t="s">
        <v>815</v>
      </c>
      <c r="C2947" t="s">
        <v>965</v>
      </c>
      <c r="D2947" t="s">
        <v>2770</v>
      </c>
    </row>
    <row r="2948" spans="1:4" x14ac:dyDescent="0.4">
      <c r="A2948">
        <v>1420042</v>
      </c>
      <c r="B2948" t="s">
        <v>815</v>
      </c>
      <c r="C2948" t="s">
        <v>965</v>
      </c>
      <c r="D2948" t="s">
        <v>519</v>
      </c>
    </row>
    <row r="2949" spans="1:4" x14ac:dyDescent="0.4">
      <c r="A2949">
        <v>1520000</v>
      </c>
      <c r="B2949" t="s">
        <v>815</v>
      </c>
      <c r="C2949" t="s">
        <v>2771</v>
      </c>
    </row>
    <row r="2950" spans="1:4" x14ac:dyDescent="0.4">
      <c r="A2950">
        <v>1530042</v>
      </c>
      <c r="B2950" t="s">
        <v>815</v>
      </c>
      <c r="C2950" t="s">
        <v>2771</v>
      </c>
      <c r="D2950" t="s">
        <v>577</v>
      </c>
    </row>
    <row r="2951" spans="1:4" x14ac:dyDescent="0.4">
      <c r="A2951">
        <v>1520033</v>
      </c>
      <c r="B2951" t="s">
        <v>815</v>
      </c>
      <c r="C2951" t="s">
        <v>2771</v>
      </c>
      <c r="D2951" t="s">
        <v>2772</v>
      </c>
    </row>
    <row r="2952" spans="1:4" x14ac:dyDescent="0.4">
      <c r="A2952">
        <v>1530044</v>
      </c>
      <c r="B2952" t="s">
        <v>815</v>
      </c>
      <c r="C2952" t="s">
        <v>2771</v>
      </c>
      <c r="D2952" t="s">
        <v>225</v>
      </c>
    </row>
    <row r="2953" spans="1:4" x14ac:dyDescent="0.4">
      <c r="A2953">
        <v>1520022</v>
      </c>
      <c r="B2953" t="s">
        <v>815</v>
      </c>
      <c r="C2953" t="s">
        <v>2771</v>
      </c>
      <c r="D2953" t="s">
        <v>2773</v>
      </c>
    </row>
    <row r="2954" spans="1:4" x14ac:dyDescent="0.4">
      <c r="A2954">
        <v>1530051</v>
      </c>
      <c r="B2954" t="s">
        <v>815</v>
      </c>
      <c r="C2954" t="s">
        <v>2771</v>
      </c>
      <c r="D2954" t="s">
        <v>2774</v>
      </c>
    </row>
    <row r="2955" spans="1:4" x14ac:dyDescent="0.4">
      <c r="A2955">
        <v>1530053</v>
      </c>
      <c r="B2955" t="s">
        <v>815</v>
      </c>
      <c r="C2955" t="s">
        <v>2771</v>
      </c>
      <c r="D2955" t="s">
        <v>2775</v>
      </c>
    </row>
    <row r="2956" spans="1:4" x14ac:dyDescent="0.4">
      <c r="A2956">
        <v>1530041</v>
      </c>
      <c r="B2956" t="s">
        <v>815</v>
      </c>
      <c r="C2956" t="s">
        <v>2771</v>
      </c>
      <c r="D2956" t="s">
        <v>1833</v>
      </c>
    </row>
    <row r="2957" spans="1:4" x14ac:dyDescent="0.4">
      <c r="A2957">
        <v>1530064</v>
      </c>
      <c r="B2957" t="s">
        <v>815</v>
      </c>
      <c r="C2957" t="s">
        <v>2771</v>
      </c>
      <c r="D2957" t="s">
        <v>2776</v>
      </c>
    </row>
    <row r="2958" spans="1:4" x14ac:dyDescent="0.4">
      <c r="A2958">
        <v>1520035</v>
      </c>
      <c r="B2958" t="s">
        <v>815</v>
      </c>
      <c r="C2958" t="s">
        <v>2771</v>
      </c>
      <c r="D2958" t="s">
        <v>2777</v>
      </c>
    </row>
    <row r="2959" spans="1:4" x14ac:dyDescent="0.4">
      <c r="A2959">
        <v>1520012</v>
      </c>
      <c r="B2959" t="s">
        <v>815</v>
      </c>
      <c r="C2959" t="s">
        <v>2771</v>
      </c>
      <c r="D2959" t="s">
        <v>2778</v>
      </c>
    </row>
    <row r="2960" spans="1:4" x14ac:dyDescent="0.4">
      <c r="A2960">
        <v>1520032</v>
      </c>
      <c r="B2960" t="s">
        <v>815</v>
      </c>
      <c r="C2960" t="s">
        <v>2771</v>
      </c>
      <c r="D2960" t="s">
        <v>1573</v>
      </c>
    </row>
    <row r="2961" spans="1:4" x14ac:dyDescent="0.4">
      <c r="A2961">
        <v>1520004</v>
      </c>
      <c r="B2961" t="s">
        <v>815</v>
      </c>
      <c r="C2961" t="s">
        <v>2771</v>
      </c>
      <c r="D2961" t="s">
        <v>2779</v>
      </c>
    </row>
    <row r="2962" spans="1:4" x14ac:dyDescent="0.4">
      <c r="A2962">
        <v>1520001</v>
      </c>
      <c r="B2962" t="s">
        <v>815</v>
      </c>
      <c r="C2962" t="s">
        <v>2771</v>
      </c>
      <c r="D2962" t="s">
        <v>2780</v>
      </c>
    </row>
    <row r="2963" spans="1:4" x14ac:dyDescent="0.4">
      <c r="A2963">
        <v>1530065</v>
      </c>
      <c r="B2963" t="s">
        <v>815</v>
      </c>
      <c r="C2963" t="s">
        <v>2771</v>
      </c>
      <c r="D2963" t="s">
        <v>1585</v>
      </c>
    </row>
    <row r="2964" spans="1:4" x14ac:dyDescent="0.4">
      <c r="A2964">
        <v>1520031</v>
      </c>
      <c r="B2964" t="s">
        <v>815</v>
      </c>
      <c r="C2964" t="s">
        <v>2771</v>
      </c>
      <c r="D2964" t="s">
        <v>279</v>
      </c>
    </row>
    <row r="2965" spans="1:4" x14ac:dyDescent="0.4">
      <c r="A2965">
        <v>1530061</v>
      </c>
      <c r="B2965" t="s">
        <v>815</v>
      </c>
      <c r="C2965" t="s">
        <v>2771</v>
      </c>
      <c r="D2965" t="s">
        <v>2781</v>
      </c>
    </row>
    <row r="2966" spans="1:4" x14ac:dyDescent="0.4">
      <c r="A2966">
        <v>1520011</v>
      </c>
      <c r="B2966" t="s">
        <v>815</v>
      </c>
      <c r="C2966" t="s">
        <v>2771</v>
      </c>
      <c r="D2966" t="s">
        <v>26</v>
      </c>
    </row>
    <row r="2967" spans="1:4" x14ac:dyDescent="0.4">
      <c r="A2967">
        <v>1520021</v>
      </c>
      <c r="B2967" t="s">
        <v>815</v>
      </c>
      <c r="C2967" t="s">
        <v>2771</v>
      </c>
      <c r="D2967" t="s">
        <v>2782</v>
      </c>
    </row>
    <row r="2968" spans="1:4" x14ac:dyDescent="0.4">
      <c r="A2968">
        <v>1530043</v>
      </c>
      <c r="B2968" t="s">
        <v>815</v>
      </c>
      <c r="C2968" t="s">
        <v>2771</v>
      </c>
      <c r="D2968" t="s">
        <v>486</v>
      </c>
    </row>
    <row r="2969" spans="1:4" x14ac:dyDescent="0.4">
      <c r="A2969">
        <v>1520003</v>
      </c>
      <c r="B2969" t="s">
        <v>815</v>
      </c>
      <c r="C2969" t="s">
        <v>2771</v>
      </c>
      <c r="D2969" t="s">
        <v>2783</v>
      </c>
    </row>
    <row r="2970" spans="1:4" x14ac:dyDescent="0.4">
      <c r="A2970">
        <v>1530062</v>
      </c>
      <c r="B2970" t="s">
        <v>815</v>
      </c>
      <c r="C2970" t="s">
        <v>2771</v>
      </c>
      <c r="D2970" t="s">
        <v>2219</v>
      </c>
    </row>
    <row r="2971" spans="1:4" x14ac:dyDescent="0.4">
      <c r="A2971">
        <v>1520034</v>
      </c>
      <c r="B2971" t="s">
        <v>815</v>
      </c>
      <c r="C2971" t="s">
        <v>2771</v>
      </c>
      <c r="D2971" t="s">
        <v>693</v>
      </c>
    </row>
    <row r="2972" spans="1:4" x14ac:dyDescent="0.4">
      <c r="A2972">
        <v>1520013</v>
      </c>
      <c r="B2972" t="s">
        <v>815</v>
      </c>
      <c r="C2972" t="s">
        <v>2771</v>
      </c>
      <c r="D2972" t="s">
        <v>659</v>
      </c>
    </row>
    <row r="2973" spans="1:4" x14ac:dyDescent="0.4">
      <c r="A2973">
        <v>1530063</v>
      </c>
      <c r="B2973" t="s">
        <v>815</v>
      </c>
      <c r="C2973" t="s">
        <v>2771</v>
      </c>
      <c r="D2973" t="s">
        <v>2784</v>
      </c>
    </row>
    <row r="2974" spans="1:4" x14ac:dyDescent="0.4">
      <c r="A2974">
        <v>1520002</v>
      </c>
      <c r="B2974" t="s">
        <v>815</v>
      </c>
      <c r="C2974" t="s">
        <v>2771</v>
      </c>
      <c r="D2974" t="s">
        <v>2785</v>
      </c>
    </row>
    <row r="2975" spans="1:4" x14ac:dyDescent="0.4">
      <c r="A2975">
        <v>1520023</v>
      </c>
      <c r="B2975" t="s">
        <v>815</v>
      </c>
      <c r="C2975" t="s">
        <v>2771</v>
      </c>
      <c r="D2975" t="s">
        <v>2786</v>
      </c>
    </row>
    <row r="2976" spans="1:4" x14ac:dyDescent="0.4">
      <c r="A2976">
        <v>1530052</v>
      </c>
      <c r="B2976" t="s">
        <v>815</v>
      </c>
      <c r="C2976" t="s">
        <v>2771</v>
      </c>
      <c r="D2976" t="s">
        <v>2787</v>
      </c>
    </row>
    <row r="2977" spans="1:4" x14ac:dyDescent="0.4">
      <c r="A2977">
        <v>1440000</v>
      </c>
      <c r="B2977" t="s">
        <v>815</v>
      </c>
      <c r="C2977" t="s">
        <v>2788</v>
      </c>
    </row>
    <row r="2978" spans="1:4" x14ac:dyDescent="0.4">
      <c r="A2978">
        <v>1460082</v>
      </c>
      <c r="B2978" t="s">
        <v>815</v>
      </c>
      <c r="C2978" t="s">
        <v>2788</v>
      </c>
      <c r="D2978" t="s">
        <v>2276</v>
      </c>
    </row>
    <row r="2979" spans="1:4" x14ac:dyDescent="0.4">
      <c r="A2979">
        <v>1450061</v>
      </c>
      <c r="B2979" t="s">
        <v>815</v>
      </c>
      <c r="C2979" t="s">
        <v>2788</v>
      </c>
      <c r="D2979" t="s">
        <v>1527</v>
      </c>
    </row>
    <row r="2980" spans="1:4" x14ac:dyDescent="0.4">
      <c r="A2980">
        <v>1460091</v>
      </c>
      <c r="B2980" t="s">
        <v>815</v>
      </c>
      <c r="C2980" t="s">
        <v>2788</v>
      </c>
      <c r="D2980" t="s">
        <v>2789</v>
      </c>
    </row>
    <row r="2981" spans="1:4" x14ac:dyDescent="0.4">
      <c r="A2981">
        <v>1430014</v>
      </c>
      <c r="B2981" t="s">
        <v>815</v>
      </c>
      <c r="C2981" t="s">
        <v>2788</v>
      </c>
      <c r="D2981" t="s">
        <v>2790</v>
      </c>
    </row>
    <row r="2982" spans="1:4" x14ac:dyDescent="0.4">
      <c r="A2982">
        <v>1430011</v>
      </c>
      <c r="B2982" t="s">
        <v>815</v>
      </c>
      <c r="C2982" t="s">
        <v>2788</v>
      </c>
      <c r="D2982" t="s">
        <v>2791</v>
      </c>
    </row>
    <row r="2983" spans="1:4" x14ac:dyDescent="0.4">
      <c r="A2983">
        <v>1430012</v>
      </c>
      <c r="B2983" t="s">
        <v>815</v>
      </c>
      <c r="C2983" t="s">
        <v>2788</v>
      </c>
      <c r="D2983" t="s">
        <v>2792</v>
      </c>
    </row>
    <row r="2984" spans="1:4" x14ac:dyDescent="0.4">
      <c r="A2984">
        <v>1430015</v>
      </c>
      <c r="B2984" t="s">
        <v>815</v>
      </c>
      <c r="C2984" t="s">
        <v>2788</v>
      </c>
      <c r="D2984" t="s">
        <v>2793</v>
      </c>
    </row>
    <row r="2985" spans="1:4" x14ac:dyDescent="0.4">
      <c r="A2985">
        <v>1430013</v>
      </c>
      <c r="B2985" t="s">
        <v>815</v>
      </c>
      <c r="C2985" t="s">
        <v>2788</v>
      </c>
      <c r="D2985" t="s">
        <v>2794</v>
      </c>
    </row>
    <row r="2986" spans="1:4" x14ac:dyDescent="0.4">
      <c r="A2986">
        <v>1430016</v>
      </c>
      <c r="B2986" t="s">
        <v>815</v>
      </c>
      <c r="C2986" t="s">
        <v>2788</v>
      </c>
      <c r="D2986" t="s">
        <v>2795</v>
      </c>
    </row>
    <row r="2987" spans="1:4" x14ac:dyDescent="0.4">
      <c r="A2987">
        <v>1440052</v>
      </c>
      <c r="B2987" t="s">
        <v>815</v>
      </c>
      <c r="C2987" t="s">
        <v>2788</v>
      </c>
      <c r="D2987" t="s">
        <v>2796</v>
      </c>
    </row>
    <row r="2988" spans="1:4" x14ac:dyDescent="0.4">
      <c r="A2988">
        <v>1440053</v>
      </c>
      <c r="B2988" t="s">
        <v>815</v>
      </c>
      <c r="C2988" t="s">
        <v>2788</v>
      </c>
      <c r="D2988" t="s">
        <v>2797</v>
      </c>
    </row>
    <row r="2989" spans="1:4" x14ac:dyDescent="0.4">
      <c r="A2989">
        <v>1450064</v>
      </c>
      <c r="B2989" t="s">
        <v>815</v>
      </c>
      <c r="C2989" t="s">
        <v>2788</v>
      </c>
      <c r="D2989" t="s">
        <v>2798</v>
      </c>
    </row>
    <row r="2990" spans="1:4" x14ac:dyDescent="0.4">
      <c r="A2990">
        <v>1440032</v>
      </c>
      <c r="B2990" t="s">
        <v>815</v>
      </c>
      <c r="C2990" t="s">
        <v>2788</v>
      </c>
      <c r="D2990" t="s">
        <v>2799</v>
      </c>
    </row>
    <row r="2991" spans="1:4" x14ac:dyDescent="0.4">
      <c r="A2991">
        <v>1450062</v>
      </c>
      <c r="B2991" t="s">
        <v>815</v>
      </c>
      <c r="C2991" t="s">
        <v>2788</v>
      </c>
      <c r="D2991" t="s">
        <v>2800</v>
      </c>
    </row>
    <row r="2992" spans="1:4" x14ac:dyDescent="0.4">
      <c r="A2992">
        <v>1430021</v>
      </c>
      <c r="B2992" t="s">
        <v>815</v>
      </c>
      <c r="C2992" t="s">
        <v>2788</v>
      </c>
      <c r="D2992" t="s">
        <v>2801</v>
      </c>
    </row>
    <row r="2993" spans="1:4" x14ac:dyDescent="0.4">
      <c r="A2993">
        <v>1450073</v>
      </c>
      <c r="B2993" t="s">
        <v>815</v>
      </c>
      <c r="C2993" t="s">
        <v>2788</v>
      </c>
      <c r="D2993" t="s">
        <v>2802</v>
      </c>
    </row>
    <row r="2994" spans="1:4" x14ac:dyDescent="0.4">
      <c r="A2994">
        <v>1460085</v>
      </c>
      <c r="B2994" t="s">
        <v>815</v>
      </c>
      <c r="C2994" t="s">
        <v>2788</v>
      </c>
      <c r="D2994" t="s">
        <v>2803</v>
      </c>
    </row>
    <row r="2995" spans="1:4" x14ac:dyDescent="0.4">
      <c r="A2995">
        <v>1430003</v>
      </c>
      <c r="B2995" t="s">
        <v>815</v>
      </c>
      <c r="C2995" t="s">
        <v>2788</v>
      </c>
      <c r="D2995" t="s">
        <v>2804</v>
      </c>
    </row>
    <row r="2996" spans="1:4" x14ac:dyDescent="0.4">
      <c r="A2996">
        <v>1430023</v>
      </c>
      <c r="B2996" t="s">
        <v>815</v>
      </c>
      <c r="C2996" t="s">
        <v>2788</v>
      </c>
      <c r="D2996" t="s">
        <v>355</v>
      </c>
    </row>
    <row r="2997" spans="1:4" x14ac:dyDescent="0.4">
      <c r="A2997">
        <v>1460092</v>
      </c>
      <c r="B2997" t="s">
        <v>815</v>
      </c>
      <c r="C2997" t="s">
        <v>2788</v>
      </c>
      <c r="D2997" t="s">
        <v>2805</v>
      </c>
    </row>
    <row r="2998" spans="1:4" x14ac:dyDescent="0.4">
      <c r="A2998">
        <v>1430002</v>
      </c>
      <c r="B2998" t="s">
        <v>815</v>
      </c>
      <c r="C2998" t="s">
        <v>2788</v>
      </c>
      <c r="D2998" t="s">
        <v>2806</v>
      </c>
    </row>
    <row r="2999" spans="1:4" x14ac:dyDescent="0.4">
      <c r="A2999">
        <v>1430004</v>
      </c>
      <c r="B2999" t="s">
        <v>815</v>
      </c>
      <c r="C2999" t="s">
        <v>2788</v>
      </c>
      <c r="D2999" t="s">
        <v>2807</v>
      </c>
    </row>
    <row r="3000" spans="1:4" x14ac:dyDescent="0.4">
      <c r="A3000">
        <v>1440054</v>
      </c>
      <c r="B3000" t="s">
        <v>815</v>
      </c>
      <c r="C3000" t="s">
        <v>2788</v>
      </c>
      <c r="D3000" t="s">
        <v>2808</v>
      </c>
    </row>
    <row r="3001" spans="1:4" x14ac:dyDescent="0.4">
      <c r="A3001">
        <v>1460095</v>
      </c>
      <c r="B3001" t="s">
        <v>815</v>
      </c>
      <c r="C3001" t="s">
        <v>2788</v>
      </c>
      <c r="D3001" t="s">
        <v>2809</v>
      </c>
    </row>
    <row r="3002" spans="1:4" x14ac:dyDescent="0.4">
      <c r="A3002">
        <v>1460083</v>
      </c>
      <c r="B3002" t="s">
        <v>815</v>
      </c>
      <c r="C3002" t="s">
        <v>2788</v>
      </c>
      <c r="D3002" t="s">
        <v>2138</v>
      </c>
    </row>
    <row r="3003" spans="1:4" x14ac:dyDescent="0.4">
      <c r="A3003">
        <v>1430024</v>
      </c>
      <c r="B3003" t="s">
        <v>815</v>
      </c>
      <c r="C3003" t="s">
        <v>2788</v>
      </c>
      <c r="D3003" t="s">
        <v>184</v>
      </c>
    </row>
    <row r="3004" spans="1:4" x14ac:dyDescent="0.4">
      <c r="A3004">
        <v>1450071</v>
      </c>
      <c r="B3004" t="s">
        <v>815</v>
      </c>
      <c r="C3004" t="s">
        <v>2788</v>
      </c>
      <c r="D3004" t="s">
        <v>2810</v>
      </c>
    </row>
    <row r="3005" spans="1:4" x14ac:dyDescent="0.4">
      <c r="A3005">
        <v>1450072</v>
      </c>
      <c r="B3005" t="s">
        <v>815</v>
      </c>
      <c r="C3005" t="s">
        <v>2788</v>
      </c>
      <c r="D3005" t="s">
        <v>2811</v>
      </c>
    </row>
    <row r="3006" spans="1:4" x14ac:dyDescent="0.4">
      <c r="A3006">
        <v>1450076</v>
      </c>
      <c r="B3006" t="s">
        <v>815</v>
      </c>
      <c r="C3006" t="s">
        <v>2788</v>
      </c>
      <c r="D3006" t="s">
        <v>2812</v>
      </c>
    </row>
    <row r="3007" spans="1:4" x14ac:dyDescent="0.4">
      <c r="A3007">
        <v>1430001</v>
      </c>
      <c r="B3007" t="s">
        <v>815</v>
      </c>
      <c r="C3007" t="s">
        <v>2788</v>
      </c>
      <c r="D3007" t="s">
        <v>2813</v>
      </c>
    </row>
    <row r="3008" spans="1:4" x14ac:dyDescent="0.4">
      <c r="A3008">
        <v>1460081</v>
      </c>
      <c r="B3008" t="s">
        <v>815</v>
      </c>
      <c r="C3008" t="s">
        <v>2788</v>
      </c>
      <c r="D3008" t="s">
        <v>2814</v>
      </c>
    </row>
    <row r="3009" spans="1:4" x14ac:dyDescent="0.4">
      <c r="A3009">
        <v>1430027</v>
      </c>
      <c r="B3009" t="s">
        <v>815</v>
      </c>
      <c r="C3009" t="s">
        <v>2788</v>
      </c>
      <c r="D3009" t="s">
        <v>2815</v>
      </c>
    </row>
    <row r="3010" spans="1:4" x14ac:dyDescent="0.4">
      <c r="A3010">
        <v>1440055</v>
      </c>
      <c r="B3010" t="s">
        <v>815</v>
      </c>
      <c r="C3010" t="s">
        <v>2788</v>
      </c>
      <c r="D3010" t="s">
        <v>2816</v>
      </c>
    </row>
    <row r="3011" spans="1:4" x14ac:dyDescent="0.4">
      <c r="A3011">
        <v>1440051</v>
      </c>
      <c r="B3011" t="s">
        <v>815</v>
      </c>
      <c r="C3011" t="s">
        <v>2788</v>
      </c>
      <c r="D3011" t="s">
        <v>2817</v>
      </c>
    </row>
    <row r="3012" spans="1:4" x14ac:dyDescent="0.4">
      <c r="A3012">
        <v>1440034</v>
      </c>
      <c r="B3012" t="s">
        <v>815</v>
      </c>
      <c r="C3012" t="s">
        <v>2788</v>
      </c>
      <c r="D3012" t="s">
        <v>2818</v>
      </c>
    </row>
    <row r="3013" spans="1:4" x14ac:dyDescent="0.4">
      <c r="A3013">
        <v>1430026</v>
      </c>
      <c r="B3013" t="s">
        <v>815</v>
      </c>
      <c r="C3013" t="s">
        <v>2788</v>
      </c>
      <c r="D3013" t="s">
        <v>2819</v>
      </c>
    </row>
    <row r="3014" spans="1:4" x14ac:dyDescent="0.4">
      <c r="A3014">
        <v>1450075</v>
      </c>
      <c r="B3014" t="s">
        <v>815</v>
      </c>
      <c r="C3014" t="s">
        <v>2788</v>
      </c>
      <c r="D3014" t="s">
        <v>2820</v>
      </c>
    </row>
    <row r="3015" spans="1:4" x14ac:dyDescent="0.4">
      <c r="A3015">
        <v>1440056</v>
      </c>
      <c r="B3015" t="s">
        <v>815</v>
      </c>
      <c r="C3015" t="s">
        <v>2788</v>
      </c>
      <c r="D3015" t="s">
        <v>2821</v>
      </c>
    </row>
    <row r="3016" spans="1:4" x14ac:dyDescent="0.4">
      <c r="A3016">
        <v>1440047</v>
      </c>
      <c r="B3016" t="s">
        <v>815</v>
      </c>
      <c r="C3016" t="s">
        <v>2788</v>
      </c>
      <c r="D3016" t="s">
        <v>2822</v>
      </c>
    </row>
    <row r="3017" spans="1:4" x14ac:dyDescent="0.4">
      <c r="A3017">
        <v>1440043</v>
      </c>
      <c r="B3017" t="s">
        <v>815</v>
      </c>
      <c r="C3017" t="s">
        <v>2788</v>
      </c>
      <c r="D3017" t="s">
        <v>2823</v>
      </c>
    </row>
    <row r="3018" spans="1:4" x14ac:dyDescent="0.4">
      <c r="A3018">
        <v>1440042</v>
      </c>
      <c r="B3018" t="s">
        <v>815</v>
      </c>
      <c r="C3018" t="s">
        <v>2788</v>
      </c>
      <c r="D3018" t="s">
        <v>2824</v>
      </c>
    </row>
    <row r="3019" spans="1:4" x14ac:dyDescent="0.4">
      <c r="A3019">
        <v>1440041</v>
      </c>
      <c r="B3019" t="s">
        <v>815</v>
      </c>
      <c r="C3019" t="s">
        <v>2788</v>
      </c>
      <c r="D3019" t="s">
        <v>2825</v>
      </c>
    </row>
    <row r="3020" spans="1:4" x14ac:dyDescent="0.4">
      <c r="A3020">
        <v>1440031</v>
      </c>
      <c r="B3020" t="s">
        <v>815</v>
      </c>
      <c r="C3020" t="s">
        <v>2788</v>
      </c>
      <c r="D3020" t="s">
        <v>2826</v>
      </c>
    </row>
    <row r="3021" spans="1:4" x14ac:dyDescent="0.4">
      <c r="A3021">
        <v>1440033</v>
      </c>
      <c r="B3021" t="s">
        <v>815</v>
      </c>
      <c r="C3021" t="s">
        <v>2788</v>
      </c>
      <c r="D3021" t="s">
        <v>2827</v>
      </c>
    </row>
    <row r="3022" spans="1:4" x14ac:dyDescent="0.4">
      <c r="A3022">
        <v>1430022</v>
      </c>
      <c r="B3022" t="s">
        <v>815</v>
      </c>
      <c r="C3022" t="s">
        <v>2788</v>
      </c>
      <c r="D3022" t="s">
        <v>2828</v>
      </c>
    </row>
    <row r="3023" spans="1:4" x14ac:dyDescent="0.4">
      <c r="A3023">
        <v>1450074</v>
      </c>
      <c r="B3023" t="s">
        <v>815</v>
      </c>
      <c r="C3023" t="s">
        <v>2788</v>
      </c>
      <c r="D3023" t="s">
        <v>2829</v>
      </c>
    </row>
    <row r="3024" spans="1:4" x14ac:dyDescent="0.4">
      <c r="A3024">
        <v>1460094</v>
      </c>
      <c r="B3024" t="s">
        <v>815</v>
      </c>
      <c r="C3024" t="s">
        <v>2788</v>
      </c>
      <c r="D3024" t="s">
        <v>2830</v>
      </c>
    </row>
    <row r="3025" spans="1:4" x14ac:dyDescent="0.4">
      <c r="A3025">
        <v>1450065</v>
      </c>
      <c r="B3025" t="s">
        <v>815</v>
      </c>
      <c r="C3025" t="s">
        <v>2788</v>
      </c>
      <c r="D3025" t="s">
        <v>2831</v>
      </c>
    </row>
    <row r="3026" spans="1:4" x14ac:dyDescent="0.4">
      <c r="A3026">
        <v>1440046</v>
      </c>
      <c r="B3026" t="s">
        <v>815</v>
      </c>
      <c r="C3026" t="s">
        <v>2788</v>
      </c>
      <c r="D3026" t="s">
        <v>2832</v>
      </c>
    </row>
    <row r="3027" spans="1:4" x14ac:dyDescent="0.4">
      <c r="A3027">
        <v>1430007</v>
      </c>
      <c r="B3027" t="s">
        <v>815</v>
      </c>
      <c r="C3027" t="s">
        <v>2788</v>
      </c>
      <c r="D3027" t="s">
        <v>2833</v>
      </c>
    </row>
    <row r="3028" spans="1:4" x14ac:dyDescent="0.4">
      <c r="A3028">
        <v>1430006</v>
      </c>
      <c r="B3028" t="s">
        <v>815</v>
      </c>
      <c r="C3028" t="s">
        <v>2788</v>
      </c>
      <c r="D3028" t="s">
        <v>2834</v>
      </c>
    </row>
    <row r="3029" spans="1:4" x14ac:dyDescent="0.4">
      <c r="A3029">
        <v>1430005</v>
      </c>
      <c r="B3029" t="s">
        <v>815</v>
      </c>
      <c r="C3029" t="s">
        <v>2788</v>
      </c>
      <c r="D3029" t="s">
        <v>2835</v>
      </c>
    </row>
    <row r="3030" spans="1:4" x14ac:dyDescent="0.4">
      <c r="A3030">
        <v>1440044</v>
      </c>
      <c r="B3030" t="s">
        <v>815</v>
      </c>
      <c r="C3030" t="s">
        <v>2788</v>
      </c>
      <c r="D3030" t="s">
        <v>2836</v>
      </c>
    </row>
    <row r="3031" spans="1:4" x14ac:dyDescent="0.4">
      <c r="A3031">
        <v>1440035</v>
      </c>
      <c r="B3031" t="s">
        <v>815</v>
      </c>
      <c r="C3031" t="s">
        <v>2788</v>
      </c>
      <c r="D3031" t="s">
        <v>2837</v>
      </c>
    </row>
    <row r="3032" spans="1:4" x14ac:dyDescent="0.4">
      <c r="A3032">
        <v>1460084</v>
      </c>
      <c r="B3032" t="s">
        <v>815</v>
      </c>
      <c r="C3032" t="s">
        <v>2788</v>
      </c>
      <c r="D3032" t="s">
        <v>2838</v>
      </c>
    </row>
    <row r="3033" spans="1:4" x14ac:dyDescent="0.4">
      <c r="A3033">
        <v>1450063</v>
      </c>
      <c r="B3033" t="s">
        <v>815</v>
      </c>
      <c r="C3033" t="s">
        <v>2788</v>
      </c>
      <c r="D3033" t="s">
        <v>2839</v>
      </c>
    </row>
    <row r="3034" spans="1:4" x14ac:dyDescent="0.4">
      <c r="A3034">
        <v>1430025</v>
      </c>
      <c r="B3034" t="s">
        <v>815</v>
      </c>
      <c r="C3034" t="s">
        <v>2788</v>
      </c>
      <c r="D3034" t="s">
        <v>2840</v>
      </c>
    </row>
    <row r="3035" spans="1:4" x14ac:dyDescent="0.4">
      <c r="A3035">
        <v>1450066</v>
      </c>
      <c r="B3035" t="s">
        <v>815</v>
      </c>
      <c r="C3035" t="s">
        <v>2788</v>
      </c>
      <c r="D3035" t="s">
        <v>2841</v>
      </c>
    </row>
    <row r="3036" spans="1:4" x14ac:dyDescent="0.4">
      <c r="A3036">
        <v>1440045</v>
      </c>
      <c r="B3036" t="s">
        <v>815</v>
      </c>
      <c r="C3036" t="s">
        <v>2788</v>
      </c>
      <c r="D3036" t="s">
        <v>2842</v>
      </c>
    </row>
    <row r="3037" spans="1:4" x14ac:dyDescent="0.4">
      <c r="A3037">
        <v>1460093</v>
      </c>
      <c r="B3037" t="s">
        <v>815</v>
      </c>
      <c r="C3037" t="s">
        <v>2788</v>
      </c>
      <c r="D3037" t="s">
        <v>2843</v>
      </c>
    </row>
    <row r="3038" spans="1:4" x14ac:dyDescent="0.4">
      <c r="A3038">
        <v>1450067</v>
      </c>
      <c r="B3038" t="s">
        <v>815</v>
      </c>
      <c r="C3038" t="s">
        <v>2788</v>
      </c>
      <c r="D3038" t="s">
        <v>2844</v>
      </c>
    </row>
    <row r="3039" spans="1:4" x14ac:dyDescent="0.4">
      <c r="A3039">
        <v>2380021</v>
      </c>
      <c r="B3039" t="s">
        <v>2200</v>
      </c>
      <c r="C3039" t="s">
        <v>2270</v>
      </c>
      <c r="D3039" t="s">
        <v>1605</v>
      </c>
    </row>
    <row r="3040" spans="1:4" x14ac:dyDescent="0.4">
      <c r="A3040">
        <v>1631029</v>
      </c>
      <c r="B3040" t="s">
        <v>815</v>
      </c>
      <c r="C3040" t="s">
        <v>820</v>
      </c>
      <c r="D3040" t="s">
        <v>2845</v>
      </c>
    </row>
    <row r="3041" spans="1:4" x14ac:dyDescent="0.4">
      <c r="A3041">
        <v>1631030</v>
      </c>
      <c r="B3041" t="s">
        <v>815</v>
      </c>
      <c r="C3041" t="s">
        <v>820</v>
      </c>
      <c r="D3041" t="s">
        <v>2846</v>
      </c>
    </row>
    <row r="3042" spans="1:4" x14ac:dyDescent="0.4">
      <c r="A3042">
        <v>1631031</v>
      </c>
      <c r="B3042" t="s">
        <v>815</v>
      </c>
      <c r="C3042" t="s">
        <v>820</v>
      </c>
      <c r="D3042" t="s">
        <v>2847</v>
      </c>
    </row>
    <row r="3043" spans="1:4" x14ac:dyDescent="0.4">
      <c r="A3043">
        <v>1631032</v>
      </c>
      <c r="B3043" t="s">
        <v>815</v>
      </c>
      <c r="C3043" t="s">
        <v>820</v>
      </c>
      <c r="D3043" t="s">
        <v>2848</v>
      </c>
    </row>
    <row r="3044" spans="1:4" x14ac:dyDescent="0.4">
      <c r="A3044">
        <v>1631033</v>
      </c>
      <c r="B3044" t="s">
        <v>815</v>
      </c>
      <c r="C3044" t="s">
        <v>820</v>
      </c>
      <c r="D3044" t="s">
        <v>2849</v>
      </c>
    </row>
    <row r="3045" spans="1:4" x14ac:dyDescent="0.4">
      <c r="A3045">
        <v>1631034</v>
      </c>
      <c r="B3045" t="s">
        <v>815</v>
      </c>
      <c r="C3045" t="s">
        <v>820</v>
      </c>
      <c r="D3045" t="s">
        <v>2850</v>
      </c>
    </row>
    <row r="3046" spans="1:4" x14ac:dyDescent="0.4">
      <c r="A3046">
        <v>1631035</v>
      </c>
      <c r="B3046" t="s">
        <v>815</v>
      </c>
      <c r="C3046" t="s">
        <v>820</v>
      </c>
      <c r="D3046" t="s">
        <v>2851</v>
      </c>
    </row>
    <row r="3047" spans="1:4" x14ac:dyDescent="0.4">
      <c r="A3047">
        <v>1631036</v>
      </c>
      <c r="B3047" t="s">
        <v>815</v>
      </c>
      <c r="C3047" t="s">
        <v>820</v>
      </c>
      <c r="D3047" t="s">
        <v>2852</v>
      </c>
    </row>
    <row r="3048" spans="1:4" x14ac:dyDescent="0.4">
      <c r="A3048">
        <v>1631037</v>
      </c>
      <c r="B3048" t="s">
        <v>815</v>
      </c>
      <c r="C3048" t="s">
        <v>820</v>
      </c>
      <c r="D3048" t="s">
        <v>2853</v>
      </c>
    </row>
    <row r="3049" spans="1:4" x14ac:dyDescent="0.4">
      <c r="A3049">
        <v>1631038</v>
      </c>
      <c r="B3049" t="s">
        <v>815</v>
      </c>
      <c r="C3049" t="s">
        <v>820</v>
      </c>
      <c r="D3049" t="s">
        <v>2854</v>
      </c>
    </row>
    <row r="3050" spans="1:4" x14ac:dyDescent="0.4">
      <c r="A3050">
        <v>1631039</v>
      </c>
      <c r="B3050" t="s">
        <v>815</v>
      </c>
      <c r="C3050" t="s">
        <v>820</v>
      </c>
      <c r="D3050" t="s">
        <v>2855</v>
      </c>
    </row>
    <row r="3051" spans="1:4" x14ac:dyDescent="0.4">
      <c r="A3051">
        <v>1631040</v>
      </c>
      <c r="B3051" t="s">
        <v>815</v>
      </c>
      <c r="C3051" t="s">
        <v>820</v>
      </c>
      <c r="D3051" t="s">
        <v>2856</v>
      </c>
    </row>
    <row r="3052" spans="1:4" x14ac:dyDescent="0.4">
      <c r="A3052">
        <v>1631041</v>
      </c>
      <c r="B3052" t="s">
        <v>815</v>
      </c>
      <c r="C3052" t="s">
        <v>820</v>
      </c>
      <c r="D3052" t="s">
        <v>2857</v>
      </c>
    </row>
    <row r="3053" spans="1:4" x14ac:dyDescent="0.4">
      <c r="A3053">
        <v>1631042</v>
      </c>
      <c r="B3053" t="s">
        <v>815</v>
      </c>
      <c r="C3053" t="s">
        <v>820</v>
      </c>
      <c r="D3053" t="s">
        <v>2858</v>
      </c>
    </row>
    <row r="3054" spans="1:4" x14ac:dyDescent="0.4">
      <c r="A3054">
        <v>1631043</v>
      </c>
      <c r="B3054" t="s">
        <v>815</v>
      </c>
      <c r="C3054" t="s">
        <v>820</v>
      </c>
      <c r="D3054" t="s">
        <v>2859</v>
      </c>
    </row>
    <row r="3055" spans="1:4" x14ac:dyDescent="0.4">
      <c r="A3055">
        <v>1631044</v>
      </c>
      <c r="B3055" t="s">
        <v>815</v>
      </c>
      <c r="C3055" t="s">
        <v>820</v>
      </c>
      <c r="D3055" t="s">
        <v>2860</v>
      </c>
    </row>
    <row r="3056" spans="1:4" x14ac:dyDescent="0.4">
      <c r="A3056">
        <v>1631045</v>
      </c>
      <c r="B3056" t="s">
        <v>815</v>
      </c>
      <c r="C3056" t="s">
        <v>820</v>
      </c>
      <c r="D3056" t="s">
        <v>2861</v>
      </c>
    </row>
    <row r="3057" spans="1:4" x14ac:dyDescent="0.4">
      <c r="A3057">
        <v>1631046</v>
      </c>
      <c r="B3057" t="s">
        <v>815</v>
      </c>
      <c r="C3057" t="s">
        <v>820</v>
      </c>
      <c r="D3057" t="s">
        <v>2862</v>
      </c>
    </row>
    <row r="3058" spans="1:4" x14ac:dyDescent="0.4">
      <c r="A3058">
        <v>1631047</v>
      </c>
      <c r="B3058" t="s">
        <v>815</v>
      </c>
      <c r="C3058" t="s">
        <v>820</v>
      </c>
      <c r="D3058" t="s">
        <v>2863</v>
      </c>
    </row>
    <row r="3059" spans="1:4" x14ac:dyDescent="0.4">
      <c r="A3059">
        <v>1631048</v>
      </c>
      <c r="B3059" t="s">
        <v>815</v>
      </c>
      <c r="C3059" t="s">
        <v>820</v>
      </c>
      <c r="D3059" t="s">
        <v>2864</v>
      </c>
    </row>
    <row r="3060" spans="1:4" x14ac:dyDescent="0.4">
      <c r="A3060">
        <v>1631049</v>
      </c>
      <c r="B3060" t="s">
        <v>815</v>
      </c>
      <c r="C3060" t="s">
        <v>820</v>
      </c>
      <c r="D3060" t="s">
        <v>2865</v>
      </c>
    </row>
    <row r="3061" spans="1:4" x14ac:dyDescent="0.4">
      <c r="A3061">
        <v>1631050</v>
      </c>
      <c r="B3061" t="s">
        <v>815</v>
      </c>
      <c r="C3061" t="s">
        <v>820</v>
      </c>
      <c r="D3061" t="s">
        <v>2866</v>
      </c>
    </row>
    <row r="3062" spans="1:4" x14ac:dyDescent="0.4">
      <c r="A3062">
        <v>1631051</v>
      </c>
      <c r="B3062" t="s">
        <v>815</v>
      </c>
      <c r="C3062" t="s">
        <v>820</v>
      </c>
      <c r="D3062" t="s">
        <v>2867</v>
      </c>
    </row>
    <row r="3063" spans="1:4" x14ac:dyDescent="0.4">
      <c r="A3063">
        <v>1631052</v>
      </c>
      <c r="B3063" t="s">
        <v>815</v>
      </c>
      <c r="C3063" t="s">
        <v>820</v>
      </c>
      <c r="D3063" t="s">
        <v>2868</v>
      </c>
    </row>
    <row r="3064" spans="1:4" x14ac:dyDescent="0.4">
      <c r="A3064">
        <v>1630490</v>
      </c>
      <c r="B3064" t="s">
        <v>815</v>
      </c>
      <c r="C3064" t="s">
        <v>820</v>
      </c>
      <c r="D3064" t="s">
        <v>2869</v>
      </c>
    </row>
    <row r="3065" spans="1:4" x14ac:dyDescent="0.4">
      <c r="A3065">
        <v>1630401</v>
      </c>
      <c r="B3065" t="s">
        <v>815</v>
      </c>
      <c r="C3065" t="s">
        <v>820</v>
      </c>
      <c r="D3065" t="s">
        <v>2870</v>
      </c>
    </row>
    <row r="3066" spans="1:4" x14ac:dyDescent="0.4">
      <c r="A3066">
        <v>1630402</v>
      </c>
      <c r="B3066" t="s">
        <v>815</v>
      </c>
      <c r="C3066" t="s">
        <v>820</v>
      </c>
      <c r="D3066" t="s">
        <v>2871</v>
      </c>
    </row>
    <row r="3067" spans="1:4" x14ac:dyDescent="0.4">
      <c r="A3067">
        <v>1630403</v>
      </c>
      <c r="B3067" t="s">
        <v>815</v>
      </c>
      <c r="C3067" t="s">
        <v>820</v>
      </c>
      <c r="D3067" t="s">
        <v>2872</v>
      </c>
    </row>
    <row r="3068" spans="1:4" x14ac:dyDescent="0.4">
      <c r="A3068">
        <v>1630404</v>
      </c>
      <c r="B3068" t="s">
        <v>815</v>
      </c>
      <c r="C3068" t="s">
        <v>820</v>
      </c>
      <c r="D3068" t="s">
        <v>2873</v>
      </c>
    </row>
    <row r="3069" spans="1:4" x14ac:dyDescent="0.4">
      <c r="A3069">
        <v>1630405</v>
      </c>
      <c r="B3069" t="s">
        <v>815</v>
      </c>
      <c r="C3069" t="s">
        <v>820</v>
      </c>
      <c r="D3069" t="s">
        <v>2874</v>
      </c>
    </row>
    <row r="3070" spans="1:4" x14ac:dyDescent="0.4">
      <c r="A3070">
        <v>1630406</v>
      </c>
      <c r="B3070" t="s">
        <v>815</v>
      </c>
      <c r="C3070" t="s">
        <v>820</v>
      </c>
      <c r="D3070" t="s">
        <v>2875</v>
      </c>
    </row>
    <row r="3071" spans="1:4" x14ac:dyDescent="0.4">
      <c r="A3071">
        <v>1630407</v>
      </c>
      <c r="B3071" t="s">
        <v>815</v>
      </c>
      <c r="C3071" t="s">
        <v>820</v>
      </c>
      <c r="D3071" t="s">
        <v>2876</v>
      </c>
    </row>
    <row r="3072" spans="1:4" x14ac:dyDescent="0.4">
      <c r="A3072">
        <v>1630408</v>
      </c>
      <c r="B3072" t="s">
        <v>815</v>
      </c>
      <c r="C3072" t="s">
        <v>820</v>
      </c>
      <c r="D3072" t="s">
        <v>2877</v>
      </c>
    </row>
    <row r="3073" spans="1:4" x14ac:dyDescent="0.4">
      <c r="A3073">
        <v>1630409</v>
      </c>
      <c r="B3073" t="s">
        <v>815</v>
      </c>
      <c r="C3073" t="s">
        <v>820</v>
      </c>
      <c r="D3073" t="s">
        <v>2878</v>
      </c>
    </row>
    <row r="3074" spans="1:4" x14ac:dyDescent="0.4">
      <c r="A3074">
        <v>1630410</v>
      </c>
      <c r="B3074" t="s">
        <v>815</v>
      </c>
      <c r="C3074" t="s">
        <v>820</v>
      </c>
      <c r="D3074" t="s">
        <v>2879</v>
      </c>
    </row>
    <row r="3075" spans="1:4" x14ac:dyDescent="0.4">
      <c r="A3075">
        <v>1630411</v>
      </c>
      <c r="B3075" t="s">
        <v>815</v>
      </c>
      <c r="C3075" t="s">
        <v>820</v>
      </c>
      <c r="D3075" t="s">
        <v>2880</v>
      </c>
    </row>
    <row r="3076" spans="1:4" x14ac:dyDescent="0.4">
      <c r="A3076">
        <v>1630412</v>
      </c>
      <c r="B3076" t="s">
        <v>815</v>
      </c>
      <c r="C3076" t="s">
        <v>820</v>
      </c>
      <c r="D3076" t="s">
        <v>2881</v>
      </c>
    </row>
    <row r="3077" spans="1:4" x14ac:dyDescent="0.4">
      <c r="A3077">
        <v>1630413</v>
      </c>
      <c r="B3077" t="s">
        <v>815</v>
      </c>
      <c r="C3077" t="s">
        <v>820</v>
      </c>
      <c r="D3077" t="s">
        <v>2882</v>
      </c>
    </row>
    <row r="3078" spans="1:4" x14ac:dyDescent="0.4">
      <c r="A3078">
        <v>1630414</v>
      </c>
      <c r="B3078" t="s">
        <v>815</v>
      </c>
      <c r="C3078" t="s">
        <v>820</v>
      </c>
      <c r="D3078" t="s">
        <v>2883</v>
      </c>
    </row>
    <row r="3079" spans="1:4" x14ac:dyDescent="0.4">
      <c r="A3079">
        <v>1630415</v>
      </c>
      <c r="B3079" t="s">
        <v>815</v>
      </c>
      <c r="C3079" t="s">
        <v>820</v>
      </c>
      <c r="D3079" t="s">
        <v>2884</v>
      </c>
    </row>
    <row r="3080" spans="1:4" x14ac:dyDescent="0.4">
      <c r="A3080">
        <v>1630416</v>
      </c>
      <c r="B3080" t="s">
        <v>815</v>
      </c>
      <c r="C3080" t="s">
        <v>820</v>
      </c>
      <c r="D3080" t="s">
        <v>2885</v>
      </c>
    </row>
    <row r="3081" spans="1:4" x14ac:dyDescent="0.4">
      <c r="A3081">
        <v>1630417</v>
      </c>
      <c r="B3081" t="s">
        <v>815</v>
      </c>
      <c r="C3081" t="s">
        <v>820</v>
      </c>
      <c r="D3081" t="s">
        <v>2886</v>
      </c>
    </row>
    <row r="3082" spans="1:4" x14ac:dyDescent="0.4">
      <c r="A3082">
        <v>1630418</v>
      </c>
      <c r="B3082" t="s">
        <v>815</v>
      </c>
      <c r="C3082" t="s">
        <v>820</v>
      </c>
      <c r="D3082" t="s">
        <v>2887</v>
      </c>
    </row>
    <row r="3083" spans="1:4" x14ac:dyDescent="0.4">
      <c r="A3083">
        <v>1630419</v>
      </c>
      <c r="B3083" t="s">
        <v>815</v>
      </c>
      <c r="C3083" t="s">
        <v>820</v>
      </c>
      <c r="D3083" t="s">
        <v>2888</v>
      </c>
    </row>
    <row r="3084" spans="1:4" x14ac:dyDescent="0.4">
      <c r="A3084">
        <v>1630420</v>
      </c>
      <c r="B3084" t="s">
        <v>815</v>
      </c>
      <c r="C3084" t="s">
        <v>820</v>
      </c>
      <c r="D3084" t="s">
        <v>2889</v>
      </c>
    </row>
    <row r="3085" spans="1:4" x14ac:dyDescent="0.4">
      <c r="A3085">
        <v>1630421</v>
      </c>
      <c r="B3085" t="s">
        <v>815</v>
      </c>
      <c r="C3085" t="s">
        <v>820</v>
      </c>
      <c r="D3085" t="s">
        <v>2890</v>
      </c>
    </row>
    <row r="3086" spans="1:4" x14ac:dyDescent="0.4">
      <c r="A3086">
        <v>1630422</v>
      </c>
      <c r="B3086" t="s">
        <v>815</v>
      </c>
      <c r="C3086" t="s">
        <v>820</v>
      </c>
      <c r="D3086" t="s">
        <v>2891</v>
      </c>
    </row>
    <row r="3087" spans="1:4" x14ac:dyDescent="0.4">
      <c r="A3087">
        <v>1630423</v>
      </c>
      <c r="B3087" t="s">
        <v>815</v>
      </c>
      <c r="C3087" t="s">
        <v>820</v>
      </c>
      <c r="D3087" t="s">
        <v>2892</v>
      </c>
    </row>
    <row r="3088" spans="1:4" x14ac:dyDescent="0.4">
      <c r="A3088">
        <v>1630424</v>
      </c>
      <c r="B3088" t="s">
        <v>815</v>
      </c>
      <c r="C3088" t="s">
        <v>820</v>
      </c>
      <c r="D3088" t="s">
        <v>2893</v>
      </c>
    </row>
    <row r="3089" spans="1:4" x14ac:dyDescent="0.4">
      <c r="A3089">
        <v>1630425</v>
      </c>
      <c r="B3089" t="s">
        <v>815</v>
      </c>
      <c r="C3089" t="s">
        <v>820</v>
      </c>
      <c r="D3089" t="s">
        <v>2894</v>
      </c>
    </row>
    <row r="3090" spans="1:4" x14ac:dyDescent="0.4">
      <c r="A3090">
        <v>1630426</v>
      </c>
      <c r="B3090" t="s">
        <v>815</v>
      </c>
      <c r="C3090" t="s">
        <v>820</v>
      </c>
      <c r="D3090" t="s">
        <v>2895</v>
      </c>
    </row>
    <row r="3091" spans="1:4" x14ac:dyDescent="0.4">
      <c r="A3091">
        <v>1630427</v>
      </c>
      <c r="B3091" t="s">
        <v>815</v>
      </c>
      <c r="C3091" t="s">
        <v>820</v>
      </c>
      <c r="D3091" t="s">
        <v>2896</v>
      </c>
    </row>
    <row r="3092" spans="1:4" x14ac:dyDescent="0.4">
      <c r="A3092">
        <v>1630428</v>
      </c>
      <c r="B3092" t="s">
        <v>815</v>
      </c>
      <c r="C3092" t="s">
        <v>820</v>
      </c>
      <c r="D3092" t="s">
        <v>2897</v>
      </c>
    </row>
    <row r="3093" spans="1:4" x14ac:dyDescent="0.4">
      <c r="A3093">
        <v>1630429</v>
      </c>
      <c r="B3093" t="s">
        <v>815</v>
      </c>
      <c r="C3093" t="s">
        <v>820</v>
      </c>
      <c r="D3093" t="s">
        <v>2898</v>
      </c>
    </row>
    <row r="3094" spans="1:4" x14ac:dyDescent="0.4">
      <c r="A3094">
        <v>1630430</v>
      </c>
      <c r="B3094" t="s">
        <v>815</v>
      </c>
      <c r="C3094" t="s">
        <v>820</v>
      </c>
      <c r="D3094" t="s">
        <v>2899</v>
      </c>
    </row>
    <row r="3095" spans="1:4" x14ac:dyDescent="0.4">
      <c r="A3095">
        <v>1630431</v>
      </c>
      <c r="B3095" t="s">
        <v>815</v>
      </c>
      <c r="C3095" t="s">
        <v>820</v>
      </c>
      <c r="D3095" t="s">
        <v>2900</v>
      </c>
    </row>
    <row r="3096" spans="1:4" x14ac:dyDescent="0.4">
      <c r="A3096">
        <v>1630432</v>
      </c>
      <c r="B3096" t="s">
        <v>815</v>
      </c>
      <c r="C3096" t="s">
        <v>820</v>
      </c>
      <c r="D3096" t="s">
        <v>2901</v>
      </c>
    </row>
    <row r="3097" spans="1:4" x14ac:dyDescent="0.4">
      <c r="A3097">
        <v>1630433</v>
      </c>
      <c r="B3097" t="s">
        <v>815</v>
      </c>
      <c r="C3097" t="s">
        <v>820</v>
      </c>
      <c r="D3097" t="s">
        <v>2902</v>
      </c>
    </row>
    <row r="3098" spans="1:4" x14ac:dyDescent="0.4">
      <c r="A3098">
        <v>1630434</v>
      </c>
      <c r="B3098" t="s">
        <v>815</v>
      </c>
      <c r="C3098" t="s">
        <v>820</v>
      </c>
      <c r="D3098" t="s">
        <v>2903</v>
      </c>
    </row>
    <row r="3099" spans="1:4" x14ac:dyDescent="0.4">
      <c r="A3099">
        <v>1630435</v>
      </c>
      <c r="B3099" t="s">
        <v>815</v>
      </c>
      <c r="C3099" t="s">
        <v>820</v>
      </c>
      <c r="D3099" t="s">
        <v>2904</v>
      </c>
    </row>
    <row r="3100" spans="1:4" x14ac:dyDescent="0.4">
      <c r="A3100">
        <v>1630436</v>
      </c>
      <c r="B3100" t="s">
        <v>815</v>
      </c>
      <c r="C3100" t="s">
        <v>820</v>
      </c>
      <c r="D3100" t="s">
        <v>2905</v>
      </c>
    </row>
    <row r="3101" spans="1:4" x14ac:dyDescent="0.4">
      <c r="A3101">
        <v>1630437</v>
      </c>
      <c r="B3101" t="s">
        <v>815</v>
      </c>
      <c r="C3101" t="s">
        <v>820</v>
      </c>
      <c r="D3101" t="s">
        <v>2906</v>
      </c>
    </row>
    <row r="3102" spans="1:4" x14ac:dyDescent="0.4">
      <c r="A3102">
        <v>1630438</v>
      </c>
      <c r="B3102" t="s">
        <v>815</v>
      </c>
      <c r="C3102" t="s">
        <v>820</v>
      </c>
      <c r="D3102" t="s">
        <v>2907</v>
      </c>
    </row>
    <row r="3103" spans="1:4" x14ac:dyDescent="0.4">
      <c r="A3103">
        <v>1630439</v>
      </c>
      <c r="B3103" t="s">
        <v>815</v>
      </c>
      <c r="C3103" t="s">
        <v>820</v>
      </c>
      <c r="D3103" t="s">
        <v>2908</v>
      </c>
    </row>
    <row r="3104" spans="1:4" x14ac:dyDescent="0.4">
      <c r="A3104">
        <v>1630440</v>
      </c>
      <c r="B3104" t="s">
        <v>815</v>
      </c>
      <c r="C3104" t="s">
        <v>820</v>
      </c>
      <c r="D3104" t="s">
        <v>2909</v>
      </c>
    </row>
    <row r="3105" spans="1:4" x14ac:dyDescent="0.4">
      <c r="A3105">
        <v>1630441</v>
      </c>
      <c r="B3105" t="s">
        <v>815</v>
      </c>
      <c r="C3105" t="s">
        <v>820</v>
      </c>
      <c r="D3105" t="s">
        <v>2910</v>
      </c>
    </row>
    <row r="3106" spans="1:4" x14ac:dyDescent="0.4">
      <c r="A3106">
        <v>1630442</v>
      </c>
      <c r="B3106" t="s">
        <v>815</v>
      </c>
      <c r="C3106" t="s">
        <v>820</v>
      </c>
      <c r="D3106" t="s">
        <v>2911</v>
      </c>
    </row>
    <row r="3107" spans="1:4" x14ac:dyDescent="0.4">
      <c r="A3107">
        <v>1630443</v>
      </c>
      <c r="B3107" t="s">
        <v>815</v>
      </c>
      <c r="C3107" t="s">
        <v>820</v>
      </c>
      <c r="D3107" t="s">
        <v>2912</v>
      </c>
    </row>
    <row r="3108" spans="1:4" x14ac:dyDescent="0.4">
      <c r="A3108">
        <v>1630444</v>
      </c>
      <c r="B3108" t="s">
        <v>815</v>
      </c>
      <c r="C3108" t="s">
        <v>820</v>
      </c>
      <c r="D3108" t="s">
        <v>2913</v>
      </c>
    </row>
    <row r="3109" spans="1:4" x14ac:dyDescent="0.4">
      <c r="A3109">
        <v>1630445</v>
      </c>
      <c r="B3109" t="s">
        <v>815</v>
      </c>
      <c r="C3109" t="s">
        <v>820</v>
      </c>
      <c r="D3109" t="s">
        <v>2914</v>
      </c>
    </row>
    <row r="3110" spans="1:4" x14ac:dyDescent="0.4">
      <c r="A3110">
        <v>1630446</v>
      </c>
      <c r="B3110" t="s">
        <v>815</v>
      </c>
      <c r="C3110" t="s">
        <v>820</v>
      </c>
      <c r="D3110" t="s">
        <v>2915</v>
      </c>
    </row>
    <row r="3111" spans="1:4" x14ac:dyDescent="0.4">
      <c r="A3111">
        <v>1630447</v>
      </c>
      <c r="B3111" t="s">
        <v>815</v>
      </c>
      <c r="C3111" t="s">
        <v>820</v>
      </c>
      <c r="D3111" t="s">
        <v>2916</v>
      </c>
    </row>
    <row r="3112" spans="1:4" x14ac:dyDescent="0.4">
      <c r="A3112">
        <v>1630448</v>
      </c>
      <c r="B3112" t="s">
        <v>815</v>
      </c>
      <c r="C3112" t="s">
        <v>820</v>
      </c>
      <c r="D3112" t="s">
        <v>2917</v>
      </c>
    </row>
    <row r="3113" spans="1:4" x14ac:dyDescent="0.4">
      <c r="A3113">
        <v>1630449</v>
      </c>
      <c r="B3113" t="s">
        <v>815</v>
      </c>
      <c r="C3113" t="s">
        <v>820</v>
      </c>
      <c r="D3113" t="s">
        <v>2918</v>
      </c>
    </row>
    <row r="3114" spans="1:4" x14ac:dyDescent="0.4">
      <c r="A3114">
        <v>1630450</v>
      </c>
      <c r="B3114" t="s">
        <v>815</v>
      </c>
      <c r="C3114" t="s">
        <v>820</v>
      </c>
      <c r="D3114" t="s">
        <v>2919</v>
      </c>
    </row>
    <row r="3115" spans="1:4" x14ac:dyDescent="0.4">
      <c r="A3115">
        <v>1630451</v>
      </c>
      <c r="B3115" t="s">
        <v>815</v>
      </c>
      <c r="C3115" t="s">
        <v>820</v>
      </c>
      <c r="D3115" t="s">
        <v>2920</v>
      </c>
    </row>
    <row r="3116" spans="1:4" x14ac:dyDescent="0.4">
      <c r="A3116">
        <v>1630452</v>
      </c>
      <c r="B3116" t="s">
        <v>815</v>
      </c>
      <c r="C3116" t="s">
        <v>820</v>
      </c>
      <c r="D3116" t="s">
        <v>2921</v>
      </c>
    </row>
    <row r="3117" spans="1:4" x14ac:dyDescent="0.4">
      <c r="A3117">
        <v>1630453</v>
      </c>
      <c r="B3117" t="s">
        <v>815</v>
      </c>
      <c r="C3117" t="s">
        <v>820</v>
      </c>
      <c r="D3117" t="s">
        <v>2922</v>
      </c>
    </row>
    <row r="3118" spans="1:4" x14ac:dyDescent="0.4">
      <c r="A3118">
        <v>1630454</v>
      </c>
      <c r="B3118" t="s">
        <v>815</v>
      </c>
      <c r="C3118" t="s">
        <v>820</v>
      </c>
      <c r="D3118" t="s">
        <v>2923</v>
      </c>
    </row>
    <row r="3119" spans="1:4" x14ac:dyDescent="0.4">
      <c r="A3119">
        <v>1630455</v>
      </c>
      <c r="B3119" t="s">
        <v>815</v>
      </c>
      <c r="C3119" t="s">
        <v>820</v>
      </c>
      <c r="D3119" t="s">
        <v>2924</v>
      </c>
    </row>
    <row r="3120" spans="1:4" x14ac:dyDescent="0.4">
      <c r="A3120">
        <v>1630990</v>
      </c>
      <c r="B3120" t="s">
        <v>815</v>
      </c>
      <c r="C3120" t="s">
        <v>820</v>
      </c>
      <c r="D3120" t="s">
        <v>2925</v>
      </c>
    </row>
    <row r="3121" spans="1:4" x14ac:dyDescent="0.4">
      <c r="A3121">
        <v>1630901</v>
      </c>
      <c r="B3121" t="s">
        <v>815</v>
      </c>
      <c r="C3121" t="s">
        <v>820</v>
      </c>
      <c r="D3121" t="s">
        <v>2926</v>
      </c>
    </row>
    <row r="3122" spans="1:4" x14ac:dyDescent="0.4">
      <c r="A3122">
        <v>1630902</v>
      </c>
      <c r="B3122" t="s">
        <v>815</v>
      </c>
      <c r="C3122" t="s">
        <v>820</v>
      </c>
      <c r="D3122" t="s">
        <v>2927</v>
      </c>
    </row>
    <row r="3123" spans="1:4" x14ac:dyDescent="0.4">
      <c r="A3123">
        <v>1630903</v>
      </c>
      <c r="B3123" t="s">
        <v>815</v>
      </c>
      <c r="C3123" t="s">
        <v>820</v>
      </c>
      <c r="D3123" t="s">
        <v>2928</v>
      </c>
    </row>
    <row r="3124" spans="1:4" x14ac:dyDescent="0.4">
      <c r="A3124">
        <v>1630904</v>
      </c>
      <c r="B3124" t="s">
        <v>815</v>
      </c>
      <c r="C3124" t="s">
        <v>820</v>
      </c>
      <c r="D3124" t="s">
        <v>2929</v>
      </c>
    </row>
    <row r="3125" spans="1:4" x14ac:dyDescent="0.4">
      <c r="A3125">
        <v>1630905</v>
      </c>
      <c r="B3125" t="s">
        <v>815</v>
      </c>
      <c r="C3125" t="s">
        <v>820</v>
      </c>
      <c r="D3125" t="s">
        <v>2930</v>
      </c>
    </row>
    <row r="3126" spans="1:4" x14ac:dyDescent="0.4">
      <c r="A3126">
        <v>1630906</v>
      </c>
      <c r="B3126" t="s">
        <v>815</v>
      </c>
      <c r="C3126" t="s">
        <v>820</v>
      </c>
      <c r="D3126" t="s">
        <v>2931</v>
      </c>
    </row>
    <row r="3127" spans="1:4" x14ac:dyDescent="0.4">
      <c r="A3127">
        <v>1630907</v>
      </c>
      <c r="B3127" t="s">
        <v>815</v>
      </c>
      <c r="C3127" t="s">
        <v>820</v>
      </c>
      <c r="D3127" t="s">
        <v>2932</v>
      </c>
    </row>
    <row r="3128" spans="1:4" x14ac:dyDescent="0.4">
      <c r="A3128">
        <v>1630908</v>
      </c>
      <c r="B3128" t="s">
        <v>815</v>
      </c>
      <c r="C3128" t="s">
        <v>820</v>
      </c>
      <c r="D3128" t="s">
        <v>2933</v>
      </c>
    </row>
    <row r="3129" spans="1:4" x14ac:dyDescent="0.4">
      <c r="A3129">
        <v>1630909</v>
      </c>
      <c r="B3129" t="s">
        <v>815</v>
      </c>
      <c r="C3129" t="s">
        <v>820</v>
      </c>
      <c r="D3129" t="s">
        <v>2934</v>
      </c>
    </row>
    <row r="3130" spans="1:4" x14ac:dyDescent="0.4">
      <c r="A3130">
        <v>1630910</v>
      </c>
      <c r="B3130" t="s">
        <v>815</v>
      </c>
      <c r="C3130" t="s">
        <v>820</v>
      </c>
      <c r="D3130" t="s">
        <v>2935</v>
      </c>
    </row>
    <row r="3131" spans="1:4" x14ac:dyDescent="0.4">
      <c r="A3131">
        <v>1630911</v>
      </c>
      <c r="B3131" t="s">
        <v>815</v>
      </c>
      <c r="C3131" t="s">
        <v>820</v>
      </c>
      <c r="D3131" t="s">
        <v>2936</v>
      </c>
    </row>
    <row r="3132" spans="1:4" x14ac:dyDescent="0.4">
      <c r="A3132">
        <v>1630912</v>
      </c>
      <c r="B3132" t="s">
        <v>815</v>
      </c>
      <c r="C3132" t="s">
        <v>820</v>
      </c>
      <c r="D3132" t="s">
        <v>2937</v>
      </c>
    </row>
    <row r="3133" spans="1:4" x14ac:dyDescent="0.4">
      <c r="A3133">
        <v>1630913</v>
      </c>
      <c r="B3133" t="s">
        <v>815</v>
      </c>
      <c r="C3133" t="s">
        <v>820</v>
      </c>
      <c r="D3133" t="s">
        <v>2938</v>
      </c>
    </row>
    <row r="3134" spans="1:4" x14ac:dyDescent="0.4">
      <c r="A3134">
        <v>1630914</v>
      </c>
      <c r="B3134" t="s">
        <v>815</v>
      </c>
      <c r="C3134" t="s">
        <v>820</v>
      </c>
      <c r="D3134" t="s">
        <v>2939</v>
      </c>
    </row>
    <row r="3135" spans="1:4" x14ac:dyDescent="0.4">
      <c r="A3135">
        <v>1630915</v>
      </c>
      <c r="B3135" t="s">
        <v>815</v>
      </c>
      <c r="C3135" t="s">
        <v>820</v>
      </c>
      <c r="D3135" t="s">
        <v>2940</v>
      </c>
    </row>
    <row r="3136" spans="1:4" x14ac:dyDescent="0.4">
      <c r="A3136">
        <v>1630916</v>
      </c>
      <c r="B3136" t="s">
        <v>815</v>
      </c>
      <c r="C3136" t="s">
        <v>820</v>
      </c>
      <c r="D3136" t="s">
        <v>2941</v>
      </c>
    </row>
    <row r="3137" spans="1:4" x14ac:dyDescent="0.4">
      <c r="A3137">
        <v>1630917</v>
      </c>
      <c r="B3137" t="s">
        <v>815</v>
      </c>
      <c r="C3137" t="s">
        <v>820</v>
      </c>
      <c r="D3137" t="s">
        <v>2942</v>
      </c>
    </row>
    <row r="3138" spans="1:4" x14ac:dyDescent="0.4">
      <c r="A3138">
        <v>1630918</v>
      </c>
      <c r="B3138" t="s">
        <v>815</v>
      </c>
      <c r="C3138" t="s">
        <v>820</v>
      </c>
      <c r="D3138" t="s">
        <v>2943</v>
      </c>
    </row>
    <row r="3139" spans="1:4" x14ac:dyDescent="0.4">
      <c r="A3139">
        <v>1630919</v>
      </c>
      <c r="B3139" t="s">
        <v>815</v>
      </c>
      <c r="C3139" t="s">
        <v>820</v>
      </c>
      <c r="D3139" t="s">
        <v>2944</v>
      </c>
    </row>
    <row r="3140" spans="1:4" x14ac:dyDescent="0.4">
      <c r="A3140">
        <v>1630920</v>
      </c>
      <c r="B3140" t="s">
        <v>815</v>
      </c>
      <c r="C3140" t="s">
        <v>820</v>
      </c>
      <c r="D3140" t="s">
        <v>2945</v>
      </c>
    </row>
    <row r="3141" spans="1:4" x14ac:dyDescent="0.4">
      <c r="A3141">
        <v>1630921</v>
      </c>
      <c r="B3141" t="s">
        <v>815</v>
      </c>
      <c r="C3141" t="s">
        <v>820</v>
      </c>
      <c r="D3141" t="s">
        <v>2946</v>
      </c>
    </row>
    <row r="3142" spans="1:4" x14ac:dyDescent="0.4">
      <c r="A3142">
        <v>1630922</v>
      </c>
      <c r="B3142" t="s">
        <v>815</v>
      </c>
      <c r="C3142" t="s">
        <v>820</v>
      </c>
      <c r="D3142" t="s">
        <v>2947</v>
      </c>
    </row>
    <row r="3143" spans="1:4" x14ac:dyDescent="0.4">
      <c r="A3143">
        <v>1630923</v>
      </c>
      <c r="B3143" t="s">
        <v>815</v>
      </c>
      <c r="C3143" t="s">
        <v>820</v>
      </c>
      <c r="D3143" t="s">
        <v>2948</v>
      </c>
    </row>
    <row r="3144" spans="1:4" x14ac:dyDescent="0.4">
      <c r="A3144">
        <v>1630924</v>
      </c>
      <c r="B3144" t="s">
        <v>815</v>
      </c>
      <c r="C3144" t="s">
        <v>820</v>
      </c>
      <c r="D3144" t="s">
        <v>2949</v>
      </c>
    </row>
    <row r="3145" spans="1:4" x14ac:dyDescent="0.4">
      <c r="A3145">
        <v>1630925</v>
      </c>
      <c r="B3145" t="s">
        <v>815</v>
      </c>
      <c r="C3145" t="s">
        <v>820</v>
      </c>
      <c r="D3145" t="s">
        <v>2950</v>
      </c>
    </row>
    <row r="3146" spans="1:4" x14ac:dyDescent="0.4">
      <c r="A3146">
        <v>1630926</v>
      </c>
      <c r="B3146" t="s">
        <v>815</v>
      </c>
      <c r="C3146" t="s">
        <v>820</v>
      </c>
      <c r="D3146" t="s">
        <v>2951</v>
      </c>
    </row>
    <row r="3147" spans="1:4" x14ac:dyDescent="0.4">
      <c r="A3147">
        <v>1630927</v>
      </c>
      <c r="B3147" t="s">
        <v>815</v>
      </c>
      <c r="C3147" t="s">
        <v>820</v>
      </c>
      <c r="D3147" t="s">
        <v>2952</v>
      </c>
    </row>
    <row r="3148" spans="1:4" x14ac:dyDescent="0.4">
      <c r="A3148">
        <v>1630928</v>
      </c>
      <c r="B3148" t="s">
        <v>815</v>
      </c>
      <c r="C3148" t="s">
        <v>820</v>
      </c>
      <c r="D3148" t="s">
        <v>2953</v>
      </c>
    </row>
    <row r="3149" spans="1:4" x14ac:dyDescent="0.4">
      <c r="A3149">
        <v>1630929</v>
      </c>
      <c r="B3149" t="s">
        <v>815</v>
      </c>
      <c r="C3149" t="s">
        <v>820</v>
      </c>
      <c r="D3149" t="s">
        <v>2954</v>
      </c>
    </row>
    <row r="3150" spans="1:4" x14ac:dyDescent="0.4">
      <c r="A3150">
        <v>1630930</v>
      </c>
      <c r="B3150" t="s">
        <v>815</v>
      </c>
      <c r="C3150" t="s">
        <v>820</v>
      </c>
      <c r="D3150" t="s">
        <v>2955</v>
      </c>
    </row>
    <row r="3151" spans="1:4" x14ac:dyDescent="0.4">
      <c r="A3151">
        <v>1636090</v>
      </c>
      <c r="B3151" t="s">
        <v>815</v>
      </c>
      <c r="C3151" t="s">
        <v>820</v>
      </c>
      <c r="D3151" t="s">
        <v>2956</v>
      </c>
    </row>
    <row r="3152" spans="1:4" x14ac:dyDescent="0.4">
      <c r="A3152">
        <v>1636001</v>
      </c>
      <c r="B3152" t="s">
        <v>815</v>
      </c>
      <c r="C3152" t="s">
        <v>820</v>
      </c>
      <c r="D3152" t="s">
        <v>2957</v>
      </c>
    </row>
    <row r="3153" spans="1:4" x14ac:dyDescent="0.4">
      <c r="A3153">
        <v>1636002</v>
      </c>
      <c r="B3153" t="s">
        <v>815</v>
      </c>
      <c r="C3153" t="s">
        <v>820</v>
      </c>
      <c r="D3153" t="s">
        <v>2958</v>
      </c>
    </row>
    <row r="3154" spans="1:4" x14ac:dyDescent="0.4">
      <c r="A3154">
        <v>1046131</v>
      </c>
      <c r="B3154" t="s">
        <v>815</v>
      </c>
      <c r="C3154" t="s">
        <v>1095</v>
      </c>
      <c r="D3154" t="s">
        <v>2959</v>
      </c>
    </row>
    <row r="3155" spans="1:4" x14ac:dyDescent="0.4">
      <c r="A3155">
        <v>1046132</v>
      </c>
      <c r="B3155" t="s">
        <v>815</v>
      </c>
      <c r="C3155" t="s">
        <v>1095</v>
      </c>
      <c r="D3155" t="s">
        <v>2960</v>
      </c>
    </row>
    <row r="3156" spans="1:4" x14ac:dyDescent="0.4">
      <c r="A3156">
        <v>1046133</v>
      </c>
      <c r="B3156" t="s">
        <v>815</v>
      </c>
      <c r="C3156" t="s">
        <v>1095</v>
      </c>
      <c r="D3156" t="s">
        <v>2961</v>
      </c>
    </row>
    <row r="3157" spans="1:4" x14ac:dyDescent="0.4">
      <c r="A3157">
        <v>1046134</v>
      </c>
      <c r="B3157" t="s">
        <v>815</v>
      </c>
      <c r="C3157" t="s">
        <v>1095</v>
      </c>
      <c r="D3157" t="s">
        <v>2962</v>
      </c>
    </row>
    <row r="3158" spans="1:4" x14ac:dyDescent="0.4">
      <c r="A3158">
        <v>1046135</v>
      </c>
      <c r="B3158" t="s">
        <v>815</v>
      </c>
      <c r="C3158" t="s">
        <v>1095</v>
      </c>
      <c r="D3158" t="s">
        <v>2963</v>
      </c>
    </row>
    <row r="3159" spans="1:4" x14ac:dyDescent="0.4">
      <c r="A3159">
        <v>1046136</v>
      </c>
      <c r="B3159" t="s">
        <v>815</v>
      </c>
      <c r="C3159" t="s">
        <v>1095</v>
      </c>
      <c r="D3159" t="s">
        <v>2964</v>
      </c>
    </row>
    <row r="3160" spans="1:4" x14ac:dyDescent="0.4">
      <c r="A3160">
        <v>1046137</v>
      </c>
      <c r="B3160" t="s">
        <v>815</v>
      </c>
      <c r="C3160" t="s">
        <v>1095</v>
      </c>
      <c r="D3160" t="s">
        <v>2965</v>
      </c>
    </row>
    <row r="3161" spans="1:4" x14ac:dyDescent="0.4">
      <c r="A3161">
        <v>1046138</v>
      </c>
      <c r="B3161" t="s">
        <v>815</v>
      </c>
      <c r="C3161" t="s">
        <v>1095</v>
      </c>
      <c r="D3161" t="s">
        <v>2966</v>
      </c>
    </row>
    <row r="3162" spans="1:4" x14ac:dyDescent="0.4">
      <c r="A3162">
        <v>1046139</v>
      </c>
      <c r="B3162" t="s">
        <v>815</v>
      </c>
      <c r="C3162" t="s">
        <v>1095</v>
      </c>
      <c r="D3162" t="s">
        <v>2967</v>
      </c>
    </row>
    <row r="3163" spans="1:4" x14ac:dyDescent="0.4">
      <c r="A3163">
        <v>1046290</v>
      </c>
      <c r="B3163" t="s">
        <v>815</v>
      </c>
      <c r="C3163" t="s">
        <v>1095</v>
      </c>
      <c r="D3163" t="s">
        <v>2968</v>
      </c>
    </row>
    <row r="3164" spans="1:4" x14ac:dyDescent="0.4">
      <c r="A3164">
        <v>1046201</v>
      </c>
      <c r="B3164" t="s">
        <v>815</v>
      </c>
      <c r="C3164" t="s">
        <v>1095</v>
      </c>
      <c r="D3164" t="s">
        <v>2969</v>
      </c>
    </row>
    <row r="3165" spans="1:4" x14ac:dyDescent="0.4">
      <c r="A3165">
        <v>1046202</v>
      </c>
      <c r="B3165" t="s">
        <v>815</v>
      </c>
      <c r="C3165" t="s">
        <v>1095</v>
      </c>
      <c r="D3165" t="s">
        <v>2970</v>
      </c>
    </row>
    <row r="3166" spans="1:4" x14ac:dyDescent="0.4">
      <c r="A3166">
        <v>1046203</v>
      </c>
      <c r="B3166" t="s">
        <v>815</v>
      </c>
      <c r="C3166" t="s">
        <v>1095</v>
      </c>
      <c r="D3166" t="s">
        <v>2971</v>
      </c>
    </row>
    <row r="3167" spans="1:4" x14ac:dyDescent="0.4">
      <c r="A3167">
        <v>1046204</v>
      </c>
      <c r="B3167" t="s">
        <v>815</v>
      </c>
      <c r="C3167" t="s">
        <v>1095</v>
      </c>
      <c r="D3167" t="s">
        <v>2972</v>
      </c>
    </row>
    <row r="3168" spans="1:4" x14ac:dyDescent="0.4">
      <c r="A3168">
        <v>1046205</v>
      </c>
      <c r="B3168" t="s">
        <v>815</v>
      </c>
      <c r="C3168" t="s">
        <v>1095</v>
      </c>
      <c r="D3168" t="s">
        <v>2973</v>
      </c>
    </row>
    <row r="3169" spans="1:4" x14ac:dyDescent="0.4">
      <c r="A3169">
        <v>1046206</v>
      </c>
      <c r="B3169" t="s">
        <v>815</v>
      </c>
      <c r="C3169" t="s">
        <v>1095</v>
      </c>
      <c r="D3169" t="s">
        <v>2974</v>
      </c>
    </row>
    <row r="3170" spans="1:4" x14ac:dyDescent="0.4">
      <c r="A3170">
        <v>1046207</v>
      </c>
      <c r="B3170" t="s">
        <v>815</v>
      </c>
      <c r="C3170" t="s">
        <v>1095</v>
      </c>
      <c r="D3170" t="s">
        <v>2975</v>
      </c>
    </row>
    <row r="3171" spans="1:4" x14ac:dyDescent="0.4">
      <c r="A3171">
        <v>1046208</v>
      </c>
      <c r="B3171" t="s">
        <v>815</v>
      </c>
      <c r="C3171" t="s">
        <v>1095</v>
      </c>
      <c r="D3171" t="s">
        <v>2976</v>
      </c>
    </row>
    <row r="3172" spans="1:4" x14ac:dyDescent="0.4">
      <c r="A3172">
        <v>1046209</v>
      </c>
      <c r="B3172" t="s">
        <v>815</v>
      </c>
      <c r="C3172" t="s">
        <v>1095</v>
      </c>
      <c r="D3172" t="s">
        <v>2977</v>
      </c>
    </row>
    <row r="3173" spans="1:4" x14ac:dyDescent="0.4">
      <c r="A3173">
        <v>1046210</v>
      </c>
      <c r="B3173" t="s">
        <v>815</v>
      </c>
      <c r="C3173" t="s">
        <v>1095</v>
      </c>
      <c r="D3173" t="s">
        <v>2978</v>
      </c>
    </row>
    <row r="3174" spans="1:4" x14ac:dyDescent="0.4">
      <c r="A3174">
        <v>1046211</v>
      </c>
      <c r="B3174" t="s">
        <v>815</v>
      </c>
      <c r="C3174" t="s">
        <v>1095</v>
      </c>
      <c r="D3174" t="s">
        <v>2979</v>
      </c>
    </row>
    <row r="3175" spans="1:4" x14ac:dyDescent="0.4">
      <c r="A3175">
        <v>1046212</v>
      </c>
      <c r="B3175" t="s">
        <v>815</v>
      </c>
      <c r="C3175" t="s">
        <v>1095</v>
      </c>
      <c r="D3175" t="s">
        <v>2980</v>
      </c>
    </row>
    <row r="3176" spans="1:4" x14ac:dyDescent="0.4">
      <c r="A3176">
        <v>1046213</v>
      </c>
      <c r="B3176" t="s">
        <v>815</v>
      </c>
      <c r="C3176" t="s">
        <v>1095</v>
      </c>
      <c r="D3176" t="s">
        <v>2981</v>
      </c>
    </row>
    <row r="3177" spans="1:4" x14ac:dyDescent="0.4">
      <c r="A3177">
        <v>1046214</v>
      </c>
      <c r="B3177" t="s">
        <v>815</v>
      </c>
      <c r="C3177" t="s">
        <v>1095</v>
      </c>
      <c r="D3177" t="s">
        <v>2982</v>
      </c>
    </row>
    <row r="3178" spans="1:4" x14ac:dyDescent="0.4">
      <c r="A3178">
        <v>1046215</v>
      </c>
      <c r="B3178" t="s">
        <v>815</v>
      </c>
      <c r="C3178" t="s">
        <v>1095</v>
      </c>
      <c r="D3178" t="s">
        <v>2983</v>
      </c>
    </row>
    <row r="3179" spans="1:4" x14ac:dyDescent="0.4">
      <c r="A3179">
        <v>1046216</v>
      </c>
      <c r="B3179" t="s">
        <v>815</v>
      </c>
      <c r="C3179" t="s">
        <v>1095</v>
      </c>
      <c r="D3179" t="s">
        <v>2984</v>
      </c>
    </row>
    <row r="3180" spans="1:4" x14ac:dyDescent="0.4">
      <c r="A3180">
        <v>1046217</v>
      </c>
      <c r="B3180" t="s">
        <v>815</v>
      </c>
      <c r="C3180" t="s">
        <v>1095</v>
      </c>
      <c r="D3180" t="s">
        <v>2985</v>
      </c>
    </row>
    <row r="3181" spans="1:4" x14ac:dyDescent="0.4">
      <c r="A3181">
        <v>1046218</v>
      </c>
      <c r="B3181" t="s">
        <v>815</v>
      </c>
      <c r="C3181" t="s">
        <v>1095</v>
      </c>
      <c r="D3181" t="s">
        <v>2986</v>
      </c>
    </row>
    <row r="3182" spans="1:4" x14ac:dyDescent="0.4">
      <c r="A3182">
        <v>1046219</v>
      </c>
      <c r="B3182" t="s">
        <v>815</v>
      </c>
      <c r="C3182" t="s">
        <v>1095</v>
      </c>
      <c r="D3182" t="s">
        <v>2987</v>
      </c>
    </row>
    <row r="3183" spans="1:4" x14ac:dyDescent="0.4">
      <c r="A3183">
        <v>1046220</v>
      </c>
      <c r="B3183" t="s">
        <v>815</v>
      </c>
      <c r="C3183" t="s">
        <v>1095</v>
      </c>
      <c r="D3183" t="s">
        <v>2988</v>
      </c>
    </row>
    <row r="3184" spans="1:4" x14ac:dyDescent="0.4">
      <c r="A3184">
        <v>1046221</v>
      </c>
      <c r="B3184" t="s">
        <v>815</v>
      </c>
      <c r="C3184" t="s">
        <v>1095</v>
      </c>
      <c r="D3184" t="s">
        <v>2989</v>
      </c>
    </row>
    <row r="3185" spans="1:4" x14ac:dyDescent="0.4">
      <c r="A3185">
        <v>1046222</v>
      </c>
      <c r="B3185" t="s">
        <v>815</v>
      </c>
      <c r="C3185" t="s">
        <v>1095</v>
      </c>
      <c r="D3185" t="s">
        <v>2990</v>
      </c>
    </row>
    <row r="3186" spans="1:4" x14ac:dyDescent="0.4">
      <c r="A3186">
        <v>1046223</v>
      </c>
      <c r="B3186" t="s">
        <v>815</v>
      </c>
      <c r="C3186" t="s">
        <v>1095</v>
      </c>
      <c r="D3186" t="s">
        <v>2991</v>
      </c>
    </row>
    <row r="3187" spans="1:4" x14ac:dyDescent="0.4">
      <c r="A3187">
        <v>1046224</v>
      </c>
      <c r="B3187" t="s">
        <v>815</v>
      </c>
      <c r="C3187" t="s">
        <v>1095</v>
      </c>
      <c r="D3187" t="s">
        <v>2992</v>
      </c>
    </row>
    <row r="3188" spans="1:4" x14ac:dyDescent="0.4">
      <c r="A3188">
        <v>1046225</v>
      </c>
      <c r="B3188" t="s">
        <v>815</v>
      </c>
      <c r="C3188" t="s">
        <v>1095</v>
      </c>
      <c r="D3188" t="s">
        <v>2993</v>
      </c>
    </row>
    <row r="3189" spans="1:4" x14ac:dyDescent="0.4">
      <c r="A3189">
        <v>1046226</v>
      </c>
      <c r="B3189" t="s">
        <v>815</v>
      </c>
      <c r="C3189" t="s">
        <v>1095</v>
      </c>
      <c r="D3189" t="s">
        <v>2994</v>
      </c>
    </row>
    <row r="3190" spans="1:4" x14ac:dyDescent="0.4">
      <c r="A3190">
        <v>1046227</v>
      </c>
      <c r="B3190" t="s">
        <v>815</v>
      </c>
      <c r="C3190" t="s">
        <v>1095</v>
      </c>
      <c r="D3190" t="s">
        <v>2995</v>
      </c>
    </row>
    <row r="3191" spans="1:4" x14ac:dyDescent="0.4">
      <c r="A3191">
        <v>1046228</v>
      </c>
      <c r="B3191" t="s">
        <v>815</v>
      </c>
      <c r="C3191" t="s">
        <v>1095</v>
      </c>
      <c r="D3191" t="s">
        <v>2996</v>
      </c>
    </row>
    <row r="3192" spans="1:4" x14ac:dyDescent="0.4">
      <c r="A3192">
        <v>1046229</v>
      </c>
      <c r="B3192" t="s">
        <v>815</v>
      </c>
      <c r="C3192" t="s">
        <v>1095</v>
      </c>
      <c r="D3192" t="s">
        <v>2997</v>
      </c>
    </row>
    <row r="3193" spans="1:4" x14ac:dyDescent="0.4">
      <c r="A3193">
        <v>1046230</v>
      </c>
      <c r="B3193" t="s">
        <v>815</v>
      </c>
      <c r="C3193" t="s">
        <v>1095</v>
      </c>
      <c r="D3193" t="s">
        <v>2998</v>
      </c>
    </row>
    <row r="3194" spans="1:4" x14ac:dyDescent="0.4">
      <c r="A3194">
        <v>1046231</v>
      </c>
      <c r="B3194" t="s">
        <v>815</v>
      </c>
      <c r="C3194" t="s">
        <v>1095</v>
      </c>
      <c r="D3194" t="s">
        <v>2999</v>
      </c>
    </row>
    <row r="3195" spans="1:4" x14ac:dyDescent="0.4">
      <c r="A3195">
        <v>1046232</v>
      </c>
      <c r="B3195" t="s">
        <v>815</v>
      </c>
      <c r="C3195" t="s">
        <v>1095</v>
      </c>
      <c r="D3195" t="s">
        <v>3000</v>
      </c>
    </row>
    <row r="3196" spans="1:4" x14ac:dyDescent="0.4">
      <c r="A3196">
        <v>1046233</v>
      </c>
      <c r="B3196" t="s">
        <v>815</v>
      </c>
      <c r="C3196" t="s">
        <v>1095</v>
      </c>
      <c r="D3196" t="s">
        <v>3001</v>
      </c>
    </row>
    <row r="3197" spans="1:4" x14ac:dyDescent="0.4">
      <c r="A3197">
        <v>1030004</v>
      </c>
      <c r="B3197" t="s">
        <v>815</v>
      </c>
      <c r="C3197" t="s">
        <v>1095</v>
      </c>
      <c r="D3197" t="s">
        <v>3002</v>
      </c>
    </row>
    <row r="3198" spans="1:4" x14ac:dyDescent="0.4">
      <c r="A3198">
        <v>1040043</v>
      </c>
      <c r="B3198" t="s">
        <v>815</v>
      </c>
      <c r="C3198" t="s">
        <v>1095</v>
      </c>
      <c r="D3198" t="s">
        <v>2125</v>
      </c>
    </row>
    <row r="3199" spans="1:4" x14ac:dyDescent="0.4">
      <c r="A3199">
        <v>1030028</v>
      </c>
      <c r="B3199" t="s">
        <v>815</v>
      </c>
      <c r="C3199" t="s">
        <v>1095</v>
      </c>
      <c r="D3199" t="s">
        <v>3003</v>
      </c>
    </row>
    <row r="3200" spans="1:4" x14ac:dyDescent="0.4">
      <c r="A3200">
        <v>1040028</v>
      </c>
      <c r="B3200" t="s">
        <v>815</v>
      </c>
      <c r="C3200" t="s">
        <v>1095</v>
      </c>
      <c r="D3200" t="s">
        <v>3004</v>
      </c>
    </row>
    <row r="3201" spans="1:4" x14ac:dyDescent="0.4">
      <c r="A3201">
        <v>1050000</v>
      </c>
      <c r="B3201" t="s">
        <v>815</v>
      </c>
      <c r="C3201" t="s">
        <v>818</v>
      </c>
    </row>
    <row r="3202" spans="1:4" x14ac:dyDescent="0.4">
      <c r="A3202">
        <v>1070052</v>
      </c>
      <c r="B3202" t="s">
        <v>815</v>
      </c>
      <c r="C3202" t="s">
        <v>818</v>
      </c>
      <c r="D3202" t="s">
        <v>3005</v>
      </c>
    </row>
    <row r="3203" spans="1:4" x14ac:dyDescent="0.4">
      <c r="A3203">
        <v>1076090</v>
      </c>
      <c r="B3203" t="s">
        <v>815</v>
      </c>
      <c r="C3203" t="s">
        <v>818</v>
      </c>
      <c r="D3203" t="s">
        <v>3006</v>
      </c>
    </row>
    <row r="3204" spans="1:4" x14ac:dyDescent="0.4">
      <c r="A3204">
        <v>1076001</v>
      </c>
      <c r="B3204" t="s">
        <v>815</v>
      </c>
      <c r="C3204" t="s">
        <v>818</v>
      </c>
      <c r="D3204" t="s">
        <v>3007</v>
      </c>
    </row>
    <row r="3205" spans="1:4" x14ac:dyDescent="0.4">
      <c r="A3205">
        <v>1076002</v>
      </c>
      <c r="B3205" t="s">
        <v>815</v>
      </c>
      <c r="C3205" t="s">
        <v>818</v>
      </c>
      <c r="D3205" t="s">
        <v>3008</v>
      </c>
    </row>
    <row r="3206" spans="1:4" x14ac:dyDescent="0.4">
      <c r="A3206">
        <v>1076003</v>
      </c>
      <c r="B3206" t="s">
        <v>815</v>
      </c>
      <c r="C3206" t="s">
        <v>818</v>
      </c>
      <c r="D3206" t="s">
        <v>3009</v>
      </c>
    </row>
    <row r="3207" spans="1:4" x14ac:dyDescent="0.4">
      <c r="A3207">
        <v>1076004</v>
      </c>
      <c r="B3207" t="s">
        <v>815</v>
      </c>
      <c r="C3207" t="s">
        <v>818</v>
      </c>
      <c r="D3207" t="s">
        <v>3010</v>
      </c>
    </row>
    <row r="3208" spans="1:4" x14ac:dyDescent="0.4">
      <c r="A3208">
        <v>1076005</v>
      </c>
      <c r="B3208" t="s">
        <v>815</v>
      </c>
      <c r="C3208" t="s">
        <v>818</v>
      </c>
      <c r="D3208" t="s">
        <v>3011</v>
      </c>
    </row>
    <row r="3209" spans="1:4" x14ac:dyDescent="0.4">
      <c r="A3209">
        <v>1076006</v>
      </c>
      <c r="B3209" t="s">
        <v>815</v>
      </c>
      <c r="C3209" t="s">
        <v>818</v>
      </c>
      <c r="D3209" t="s">
        <v>3012</v>
      </c>
    </row>
    <row r="3210" spans="1:4" x14ac:dyDescent="0.4">
      <c r="A3210">
        <v>1076007</v>
      </c>
      <c r="B3210" t="s">
        <v>815</v>
      </c>
      <c r="C3210" t="s">
        <v>818</v>
      </c>
      <c r="D3210" t="s">
        <v>3013</v>
      </c>
    </row>
    <row r="3211" spans="1:4" x14ac:dyDescent="0.4">
      <c r="A3211">
        <v>1076008</v>
      </c>
      <c r="B3211" t="s">
        <v>815</v>
      </c>
      <c r="C3211" t="s">
        <v>818</v>
      </c>
      <c r="D3211" t="s">
        <v>3014</v>
      </c>
    </row>
    <row r="3212" spans="1:4" x14ac:dyDescent="0.4">
      <c r="A3212">
        <v>1076009</v>
      </c>
      <c r="B3212" t="s">
        <v>815</v>
      </c>
      <c r="C3212" t="s">
        <v>818</v>
      </c>
      <c r="D3212" t="s">
        <v>3015</v>
      </c>
    </row>
    <row r="3213" spans="1:4" x14ac:dyDescent="0.4">
      <c r="A3213">
        <v>1076010</v>
      </c>
      <c r="B3213" t="s">
        <v>815</v>
      </c>
      <c r="C3213" t="s">
        <v>818</v>
      </c>
      <c r="D3213" t="s">
        <v>3016</v>
      </c>
    </row>
    <row r="3214" spans="1:4" x14ac:dyDescent="0.4">
      <c r="A3214">
        <v>1076011</v>
      </c>
      <c r="B3214" t="s">
        <v>815</v>
      </c>
      <c r="C3214" t="s">
        <v>818</v>
      </c>
      <c r="D3214" t="s">
        <v>3017</v>
      </c>
    </row>
    <row r="3215" spans="1:4" x14ac:dyDescent="0.4">
      <c r="A3215">
        <v>1076012</v>
      </c>
      <c r="B3215" t="s">
        <v>815</v>
      </c>
      <c r="C3215" t="s">
        <v>818</v>
      </c>
      <c r="D3215" t="s">
        <v>3018</v>
      </c>
    </row>
    <row r="3216" spans="1:4" x14ac:dyDescent="0.4">
      <c r="A3216">
        <v>1076013</v>
      </c>
      <c r="B3216" t="s">
        <v>815</v>
      </c>
      <c r="C3216" t="s">
        <v>818</v>
      </c>
      <c r="D3216" t="s">
        <v>3019</v>
      </c>
    </row>
    <row r="3217" spans="1:4" x14ac:dyDescent="0.4">
      <c r="A3217">
        <v>1076014</v>
      </c>
      <c r="B3217" t="s">
        <v>815</v>
      </c>
      <c r="C3217" t="s">
        <v>818</v>
      </c>
      <c r="D3217" t="s">
        <v>3020</v>
      </c>
    </row>
    <row r="3218" spans="1:4" x14ac:dyDescent="0.4">
      <c r="A3218">
        <v>1076015</v>
      </c>
      <c r="B3218" t="s">
        <v>815</v>
      </c>
      <c r="C3218" t="s">
        <v>818</v>
      </c>
      <c r="D3218" t="s">
        <v>3021</v>
      </c>
    </row>
    <row r="3219" spans="1:4" x14ac:dyDescent="0.4">
      <c r="A3219">
        <v>1076016</v>
      </c>
      <c r="B3219" t="s">
        <v>815</v>
      </c>
      <c r="C3219" t="s">
        <v>818</v>
      </c>
      <c r="D3219" t="s">
        <v>3022</v>
      </c>
    </row>
    <row r="3220" spans="1:4" x14ac:dyDescent="0.4">
      <c r="A3220">
        <v>1076017</v>
      </c>
      <c r="B3220" t="s">
        <v>815</v>
      </c>
      <c r="C3220" t="s">
        <v>818</v>
      </c>
      <c r="D3220" t="s">
        <v>3023</v>
      </c>
    </row>
    <row r="3221" spans="1:4" x14ac:dyDescent="0.4">
      <c r="A3221">
        <v>1076018</v>
      </c>
      <c r="B3221" t="s">
        <v>815</v>
      </c>
      <c r="C3221" t="s">
        <v>818</v>
      </c>
      <c r="D3221" t="s">
        <v>3024</v>
      </c>
    </row>
    <row r="3222" spans="1:4" x14ac:dyDescent="0.4">
      <c r="A3222">
        <v>1076019</v>
      </c>
      <c r="B3222" t="s">
        <v>815</v>
      </c>
      <c r="C3222" t="s">
        <v>818</v>
      </c>
      <c r="D3222" t="s">
        <v>3025</v>
      </c>
    </row>
    <row r="3223" spans="1:4" x14ac:dyDescent="0.4">
      <c r="A3223">
        <v>1076020</v>
      </c>
      <c r="B3223" t="s">
        <v>815</v>
      </c>
      <c r="C3223" t="s">
        <v>818</v>
      </c>
      <c r="D3223" t="s">
        <v>3026</v>
      </c>
    </row>
    <row r="3224" spans="1:4" x14ac:dyDescent="0.4">
      <c r="A3224">
        <v>1076021</v>
      </c>
      <c r="B3224" t="s">
        <v>815</v>
      </c>
      <c r="C3224" t="s">
        <v>818</v>
      </c>
      <c r="D3224" t="s">
        <v>3027</v>
      </c>
    </row>
    <row r="3225" spans="1:4" x14ac:dyDescent="0.4">
      <c r="A3225">
        <v>1076022</v>
      </c>
      <c r="B3225" t="s">
        <v>815</v>
      </c>
      <c r="C3225" t="s">
        <v>818</v>
      </c>
      <c r="D3225" t="s">
        <v>3028</v>
      </c>
    </row>
    <row r="3226" spans="1:4" x14ac:dyDescent="0.4">
      <c r="A3226">
        <v>1076023</v>
      </c>
      <c r="B3226" t="s">
        <v>815</v>
      </c>
      <c r="C3226" t="s">
        <v>818</v>
      </c>
      <c r="D3226" t="s">
        <v>3029</v>
      </c>
    </row>
    <row r="3227" spans="1:4" x14ac:dyDescent="0.4">
      <c r="A3227">
        <v>1076024</v>
      </c>
      <c r="B3227" t="s">
        <v>815</v>
      </c>
      <c r="C3227" t="s">
        <v>818</v>
      </c>
      <c r="D3227" t="s">
        <v>3030</v>
      </c>
    </row>
    <row r="3228" spans="1:4" x14ac:dyDescent="0.4">
      <c r="A3228">
        <v>1076025</v>
      </c>
      <c r="B3228" t="s">
        <v>815</v>
      </c>
      <c r="C3228" t="s">
        <v>818</v>
      </c>
      <c r="D3228" t="s">
        <v>3031</v>
      </c>
    </row>
    <row r="3229" spans="1:4" x14ac:dyDescent="0.4">
      <c r="A3229">
        <v>1076026</v>
      </c>
      <c r="B3229" t="s">
        <v>815</v>
      </c>
      <c r="C3229" t="s">
        <v>818</v>
      </c>
      <c r="D3229" t="s">
        <v>3032</v>
      </c>
    </row>
    <row r="3230" spans="1:4" x14ac:dyDescent="0.4">
      <c r="A3230">
        <v>1076027</v>
      </c>
      <c r="B3230" t="s">
        <v>815</v>
      </c>
      <c r="C3230" t="s">
        <v>818</v>
      </c>
      <c r="D3230" t="s">
        <v>3033</v>
      </c>
    </row>
    <row r="3231" spans="1:4" x14ac:dyDescent="0.4">
      <c r="A3231">
        <v>1076028</v>
      </c>
      <c r="B3231" t="s">
        <v>815</v>
      </c>
      <c r="C3231" t="s">
        <v>818</v>
      </c>
      <c r="D3231" t="s">
        <v>3034</v>
      </c>
    </row>
    <row r="3232" spans="1:4" x14ac:dyDescent="0.4">
      <c r="A3232">
        <v>1076029</v>
      </c>
      <c r="B3232" t="s">
        <v>815</v>
      </c>
      <c r="C3232" t="s">
        <v>818</v>
      </c>
      <c r="D3232" t="s">
        <v>3035</v>
      </c>
    </row>
    <row r="3233" spans="1:4" x14ac:dyDescent="0.4">
      <c r="A3233">
        <v>1076030</v>
      </c>
      <c r="B3233" t="s">
        <v>815</v>
      </c>
      <c r="C3233" t="s">
        <v>818</v>
      </c>
      <c r="D3233" t="s">
        <v>3036</v>
      </c>
    </row>
    <row r="3234" spans="1:4" x14ac:dyDescent="0.4">
      <c r="A3234">
        <v>1076031</v>
      </c>
      <c r="B3234" t="s">
        <v>815</v>
      </c>
      <c r="C3234" t="s">
        <v>818</v>
      </c>
      <c r="D3234" t="s">
        <v>3037</v>
      </c>
    </row>
    <row r="3235" spans="1:4" x14ac:dyDescent="0.4">
      <c r="A3235">
        <v>1076032</v>
      </c>
      <c r="B3235" t="s">
        <v>815</v>
      </c>
      <c r="C3235" t="s">
        <v>818</v>
      </c>
      <c r="D3235" t="s">
        <v>3038</v>
      </c>
    </row>
    <row r="3236" spans="1:4" x14ac:dyDescent="0.4">
      <c r="A3236">
        <v>1076033</v>
      </c>
      <c r="B3236" t="s">
        <v>815</v>
      </c>
      <c r="C3236" t="s">
        <v>818</v>
      </c>
      <c r="D3236" t="s">
        <v>3039</v>
      </c>
    </row>
    <row r="3237" spans="1:4" x14ac:dyDescent="0.4">
      <c r="A3237">
        <v>1076034</v>
      </c>
      <c r="B3237" t="s">
        <v>815</v>
      </c>
      <c r="C3237" t="s">
        <v>818</v>
      </c>
      <c r="D3237" t="s">
        <v>3040</v>
      </c>
    </row>
    <row r="3238" spans="1:4" x14ac:dyDescent="0.4">
      <c r="A3238">
        <v>1076035</v>
      </c>
      <c r="B3238" t="s">
        <v>815</v>
      </c>
      <c r="C3238" t="s">
        <v>818</v>
      </c>
      <c r="D3238" t="s">
        <v>3041</v>
      </c>
    </row>
    <row r="3239" spans="1:4" x14ac:dyDescent="0.4">
      <c r="A3239">
        <v>1076036</v>
      </c>
      <c r="B3239" t="s">
        <v>815</v>
      </c>
      <c r="C3239" t="s">
        <v>818</v>
      </c>
      <c r="D3239" t="s">
        <v>3042</v>
      </c>
    </row>
    <row r="3240" spans="1:4" x14ac:dyDescent="0.4">
      <c r="A3240">
        <v>1076037</v>
      </c>
      <c r="B3240" t="s">
        <v>815</v>
      </c>
      <c r="C3240" t="s">
        <v>818</v>
      </c>
      <c r="D3240" t="s">
        <v>3043</v>
      </c>
    </row>
    <row r="3241" spans="1:4" x14ac:dyDescent="0.4">
      <c r="A3241">
        <v>1076190</v>
      </c>
      <c r="B3241" t="s">
        <v>815</v>
      </c>
      <c r="C3241" t="s">
        <v>818</v>
      </c>
      <c r="D3241" t="s">
        <v>3044</v>
      </c>
    </row>
    <row r="3242" spans="1:4" x14ac:dyDescent="0.4">
      <c r="A3242">
        <v>1076101</v>
      </c>
      <c r="B3242" t="s">
        <v>815</v>
      </c>
      <c r="C3242" t="s">
        <v>818</v>
      </c>
      <c r="D3242" t="s">
        <v>3045</v>
      </c>
    </row>
    <row r="3243" spans="1:4" x14ac:dyDescent="0.4">
      <c r="A3243">
        <v>1076102</v>
      </c>
      <c r="B3243" t="s">
        <v>815</v>
      </c>
      <c r="C3243" t="s">
        <v>818</v>
      </c>
      <c r="D3243" t="s">
        <v>3046</v>
      </c>
    </row>
    <row r="3244" spans="1:4" x14ac:dyDescent="0.4">
      <c r="A3244">
        <v>1076103</v>
      </c>
      <c r="B3244" t="s">
        <v>815</v>
      </c>
      <c r="C3244" t="s">
        <v>818</v>
      </c>
      <c r="D3244" t="s">
        <v>3047</v>
      </c>
    </row>
    <row r="3245" spans="1:4" x14ac:dyDescent="0.4">
      <c r="A3245">
        <v>1076104</v>
      </c>
      <c r="B3245" t="s">
        <v>815</v>
      </c>
      <c r="C3245" t="s">
        <v>818</v>
      </c>
      <c r="D3245" t="s">
        <v>3048</v>
      </c>
    </row>
    <row r="3246" spans="1:4" x14ac:dyDescent="0.4">
      <c r="A3246">
        <v>1076105</v>
      </c>
      <c r="B3246" t="s">
        <v>815</v>
      </c>
      <c r="C3246" t="s">
        <v>818</v>
      </c>
      <c r="D3246" t="s">
        <v>3049</v>
      </c>
    </row>
    <row r="3247" spans="1:4" x14ac:dyDescent="0.4">
      <c r="A3247">
        <v>1076106</v>
      </c>
      <c r="B3247" t="s">
        <v>815</v>
      </c>
      <c r="C3247" t="s">
        <v>818</v>
      </c>
      <c r="D3247" t="s">
        <v>3050</v>
      </c>
    </row>
    <row r="3248" spans="1:4" x14ac:dyDescent="0.4">
      <c r="A3248">
        <v>1076107</v>
      </c>
      <c r="B3248" t="s">
        <v>815</v>
      </c>
      <c r="C3248" t="s">
        <v>818</v>
      </c>
      <c r="D3248" t="s">
        <v>3051</v>
      </c>
    </row>
    <row r="3249" spans="1:4" x14ac:dyDescent="0.4">
      <c r="A3249">
        <v>1076108</v>
      </c>
      <c r="B3249" t="s">
        <v>815</v>
      </c>
      <c r="C3249" t="s">
        <v>818</v>
      </c>
      <c r="D3249" t="s">
        <v>3052</v>
      </c>
    </row>
    <row r="3250" spans="1:4" x14ac:dyDescent="0.4">
      <c r="A3250">
        <v>1076109</v>
      </c>
      <c r="B3250" t="s">
        <v>815</v>
      </c>
      <c r="C3250" t="s">
        <v>818</v>
      </c>
      <c r="D3250" t="s">
        <v>3053</v>
      </c>
    </row>
    <row r="3251" spans="1:4" x14ac:dyDescent="0.4">
      <c r="A3251">
        <v>1076110</v>
      </c>
      <c r="B3251" t="s">
        <v>815</v>
      </c>
      <c r="C3251" t="s">
        <v>818</v>
      </c>
      <c r="D3251" t="s">
        <v>3054</v>
      </c>
    </row>
    <row r="3252" spans="1:4" x14ac:dyDescent="0.4">
      <c r="A3252">
        <v>1076111</v>
      </c>
      <c r="B3252" t="s">
        <v>815</v>
      </c>
      <c r="C3252" t="s">
        <v>818</v>
      </c>
      <c r="D3252" t="s">
        <v>3055</v>
      </c>
    </row>
    <row r="3253" spans="1:4" x14ac:dyDescent="0.4">
      <c r="A3253">
        <v>1076112</v>
      </c>
      <c r="B3253" t="s">
        <v>815</v>
      </c>
      <c r="C3253" t="s">
        <v>818</v>
      </c>
      <c r="D3253" t="s">
        <v>3056</v>
      </c>
    </row>
    <row r="3254" spans="1:4" x14ac:dyDescent="0.4">
      <c r="A3254">
        <v>1076113</v>
      </c>
      <c r="B3254" t="s">
        <v>815</v>
      </c>
      <c r="C3254" t="s">
        <v>818</v>
      </c>
      <c r="D3254" t="s">
        <v>3057</v>
      </c>
    </row>
    <row r="3255" spans="1:4" x14ac:dyDescent="0.4">
      <c r="A3255">
        <v>1076114</v>
      </c>
      <c r="B3255" t="s">
        <v>815</v>
      </c>
      <c r="C3255" t="s">
        <v>818</v>
      </c>
      <c r="D3255" t="s">
        <v>3058</v>
      </c>
    </row>
    <row r="3256" spans="1:4" x14ac:dyDescent="0.4">
      <c r="A3256">
        <v>1076115</v>
      </c>
      <c r="B3256" t="s">
        <v>815</v>
      </c>
      <c r="C3256" t="s">
        <v>818</v>
      </c>
      <c r="D3256" t="s">
        <v>3059</v>
      </c>
    </row>
    <row r="3257" spans="1:4" x14ac:dyDescent="0.4">
      <c r="A3257">
        <v>1076116</v>
      </c>
      <c r="B3257" t="s">
        <v>815</v>
      </c>
      <c r="C3257" t="s">
        <v>818</v>
      </c>
      <c r="D3257" t="s">
        <v>3060</v>
      </c>
    </row>
    <row r="3258" spans="1:4" x14ac:dyDescent="0.4">
      <c r="A3258">
        <v>1076117</v>
      </c>
      <c r="B3258" t="s">
        <v>815</v>
      </c>
      <c r="C3258" t="s">
        <v>818</v>
      </c>
      <c r="D3258" t="s">
        <v>3061</v>
      </c>
    </row>
    <row r="3259" spans="1:4" x14ac:dyDescent="0.4">
      <c r="A3259">
        <v>1076118</v>
      </c>
      <c r="B3259" t="s">
        <v>815</v>
      </c>
      <c r="C3259" t="s">
        <v>818</v>
      </c>
      <c r="D3259" t="s">
        <v>3062</v>
      </c>
    </row>
    <row r="3260" spans="1:4" x14ac:dyDescent="0.4">
      <c r="A3260">
        <v>1076119</v>
      </c>
      <c r="B3260" t="s">
        <v>815</v>
      </c>
      <c r="C3260" t="s">
        <v>818</v>
      </c>
      <c r="D3260" t="s">
        <v>3063</v>
      </c>
    </row>
    <row r="3261" spans="1:4" x14ac:dyDescent="0.4">
      <c r="A3261">
        <v>1076120</v>
      </c>
      <c r="B3261" t="s">
        <v>815</v>
      </c>
      <c r="C3261" t="s">
        <v>818</v>
      </c>
      <c r="D3261" t="s">
        <v>3064</v>
      </c>
    </row>
    <row r="3262" spans="1:4" x14ac:dyDescent="0.4">
      <c r="A3262">
        <v>1076121</v>
      </c>
      <c r="B3262" t="s">
        <v>815</v>
      </c>
      <c r="C3262" t="s">
        <v>818</v>
      </c>
      <c r="D3262" t="s">
        <v>3065</v>
      </c>
    </row>
    <row r="3263" spans="1:4" x14ac:dyDescent="0.4">
      <c r="A3263">
        <v>1076122</v>
      </c>
      <c r="B3263" t="s">
        <v>815</v>
      </c>
      <c r="C3263" t="s">
        <v>818</v>
      </c>
      <c r="D3263" t="s">
        <v>3066</v>
      </c>
    </row>
    <row r="3264" spans="1:4" x14ac:dyDescent="0.4">
      <c r="A3264">
        <v>1076123</v>
      </c>
      <c r="B3264" t="s">
        <v>815</v>
      </c>
      <c r="C3264" t="s">
        <v>818</v>
      </c>
      <c r="D3264" t="s">
        <v>3067</v>
      </c>
    </row>
    <row r="3265" spans="1:4" x14ac:dyDescent="0.4">
      <c r="A3265">
        <v>2390814</v>
      </c>
      <c r="B3265" t="s">
        <v>2200</v>
      </c>
      <c r="C3265" t="s">
        <v>2270</v>
      </c>
      <c r="D3265" t="s">
        <v>2767</v>
      </c>
    </row>
    <row r="3266" spans="1:4" x14ac:dyDescent="0.4">
      <c r="A3266">
        <v>2390805</v>
      </c>
      <c r="B3266" t="s">
        <v>2200</v>
      </c>
      <c r="C3266" t="s">
        <v>2270</v>
      </c>
      <c r="D3266" t="s">
        <v>3068</v>
      </c>
    </row>
    <row r="3267" spans="1:4" x14ac:dyDescent="0.4">
      <c r="A3267">
        <v>2370076</v>
      </c>
      <c r="B3267" t="s">
        <v>2200</v>
      </c>
      <c r="C3267" t="s">
        <v>2270</v>
      </c>
      <c r="D3267" t="s">
        <v>3069</v>
      </c>
    </row>
    <row r="3268" spans="1:4" x14ac:dyDescent="0.4">
      <c r="A3268">
        <v>2380013</v>
      </c>
      <c r="B3268" t="s">
        <v>2200</v>
      </c>
      <c r="C3268" t="s">
        <v>2270</v>
      </c>
      <c r="D3268" t="s">
        <v>3070</v>
      </c>
    </row>
    <row r="3269" spans="1:4" x14ac:dyDescent="0.4">
      <c r="A3269">
        <v>2380055</v>
      </c>
      <c r="B3269" t="s">
        <v>2200</v>
      </c>
      <c r="C3269" t="s">
        <v>2270</v>
      </c>
      <c r="D3269" t="s">
        <v>654</v>
      </c>
    </row>
    <row r="3270" spans="1:4" x14ac:dyDescent="0.4">
      <c r="A3270">
        <v>2380044</v>
      </c>
      <c r="B3270" t="s">
        <v>2200</v>
      </c>
      <c r="C3270" t="s">
        <v>2270</v>
      </c>
      <c r="D3270" t="s">
        <v>3071</v>
      </c>
    </row>
    <row r="3271" spans="1:4" x14ac:dyDescent="0.4">
      <c r="A3271">
        <v>2380053</v>
      </c>
      <c r="B3271" t="s">
        <v>2200</v>
      </c>
      <c r="C3271" t="s">
        <v>2270</v>
      </c>
      <c r="D3271" t="s">
        <v>3072</v>
      </c>
    </row>
    <row r="3272" spans="1:4" x14ac:dyDescent="0.4">
      <c r="A3272">
        <v>2380041</v>
      </c>
      <c r="B3272" t="s">
        <v>2200</v>
      </c>
      <c r="C3272" t="s">
        <v>2270</v>
      </c>
      <c r="D3272" t="s">
        <v>403</v>
      </c>
    </row>
    <row r="3273" spans="1:4" x14ac:dyDescent="0.4">
      <c r="A3273">
        <v>2390801</v>
      </c>
      <c r="B3273" t="s">
        <v>2200</v>
      </c>
      <c r="C3273" t="s">
        <v>2270</v>
      </c>
      <c r="D3273" t="s">
        <v>3073</v>
      </c>
    </row>
    <row r="3274" spans="1:4" x14ac:dyDescent="0.4">
      <c r="A3274">
        <v>2390802</v>
      </c>
      <c r="B3274" t="s">
        <v>2200</v>
      </c>
      <c r="C3274" t="s">
        <v>2270</v>
      </c>
      <c r="D3274" t="s">
        <v>3074</v>
      </c>
    </row>
    <row r="3275" spans="1:4" x14ac:dyDescent="0.4">
      <c r="A3275">
        <v>2380018</v>
      </c>
      <c r="B3275" t="s">
        <v>2200</v>
      </c>
      <c r="C3275" t="s">
        <v>2270</v>
      </c>
      <c r="D3275" t="s">
        <v>693</v>
      </c>
    </row>
    <row r="3276" spans="1:4" x14ac:dyDescent="0.4">
      <c r="A3276">
        <v>2370079</v>
      </c>
      <c r="B3276" t="s">
        <v>2200</v>
      </c>
      <c r="C3276" t="s">
        <v>2270</v>
      </c>
      <c r="D3276" t="s">
        <v>3075</v>
      </c>
    </row>
    <row r="3277" spans="1:4" x14ac:dyDescent="0.4">
      <c r="A3277">
        <v>2390825</v>
      </c>
      <c r="B3277" t="s">
        <v>2200</v>
      </c>
      <c r="C3277" t="s">
        <v>2270</v>
      </c>
      <c r="D3277" t="s">
        <v>3076</v>
      </c>
    </row>
    <row r="3278" spans="1:4" x14ac:dyDescent="0.4">
      <c r="A3278">
        <v>2380014</v>
      </c>
      <c r="B3278" t="s">
        <v>2200</v>
      </c>
      <c r="C3278" t="s">
        <v>2270</v>
      </c>
      <c r="D3278" t="s">
        <v>3077</v>
      </c>
    </row>
    <row r="3279" spans="1:4" x14ac:dyDescent="0.4">
      <c r="A3279">
        <v>2380317</v>
      </c>
      <c r="B3279" t="s">
        <v>2200</v>
      </c>
      <c r="C3279" t="s">
        <v>2270</v>
      </c>
      <c r="D3279" t="s">
        <v>3078</v>
      </c>
    </row>
    <row r="3280" spans="1:4" x14ac:dyDescent="0.4">
      <c r="A3280">
        <v>2380023</v>
      </c>
      <c r="B3280" t="s">
        <v>2200</v>
      </c>
      <c r="C3280" t="s">
        <v>2270</v>
      </c>
      <c r="D3280" t="s">
        <v>3079</v>
      </c>
    </row>
    <row r="3281" spans="1:4" x14ac:dyDescent="0.4">
      <c r="A3281">
        <v>2380012</v>
      </c>
      <c r="B3281" t="s">
        <v>2200</v>
      </c>
      <c r="C3281" t="s">
        <v>2270</v>
      </c>
      <c r="D3281" t="s">
        <v>3080</v>
      </c>
    </row>
    <row r="3282" spans="1:4" x14ac:dyDescent="0.4">
      <c r="A3282">
        <v>2380312</v>
      </c>
      <c r="B3282" t="s">
        <v>2200</v>
      </c>
      <c r="C3282" t="s">
        <v>2270</v>
      </c>
      <c r="D3282" t="s">
        <v>3081</v>
      </c>
    </row>
    <row r="3283" spans="1:4" x14ac:dyDescent="0.4">
      <c r="A3283">
        <v>2380036</v>
      </c>
      <c r="B3283" t="s">
        <v>2200</v>
      </c>
      <c r="C3283" t="s">
        <v>2270</v>
      </c>
      <c r="D3283" t="s">
        <v>3082</v>
      </c>
    </row>
    <row r="3284" spans="1:4" x14ac:dyDescent="0.4">
      <c r="A3284">
        <v>2390804</v>
      </c>
      <c r="B3284" t="s">
        <v>2200</v>
      </c>
      <c r="C3284" t="s">
        <v>2270</v>
      </c>
      <c r="D3284" t="s">
        <v>3083</v>
      </c>
    </row>
    <row r="3285" spans="1:4" x14ac:dyDescent="0.4">
      <c r="A3285">
        <v>2380047</v>
      </c>
      <c r="B3285" t="s">
        <v>2200</v>
      </c>
      <c r="C3285" t="s">
        <v>2270</v>
      </c>
      <c r="D3285" t="s">
        <v>3084</v>
      </c>
    </row>
    <row r="3286" spans="1:4" x14ac:dyDescent="0.4">
      <c r="A3286">
        <v>2380011</v>
      </c>
      <c r="B3286" t="s">
        <v>2200</v>
      </c>
      <c r="C3286" t="s">
        <v>2270</v>
      </c>
      <c r="D3286" t="s">
        <v>3085</v>
      </c>
    </row>
    <row r="3287" spans="1:4" x14ac:dyDescent="0.4">
      <c r="A3287">
        <v>2380007</v>
      </c>
      <c r="B3287" t="s">
        <v>2200</v>
      </c>
      <c r="C3287" t="s">
        <v>2270</v>
      </c>
      <c r="D3287" t="s">
        <v>32</v>
      </c>
    </row>
    <row r="3288" spans="1:4" x14ac:dyDescent="0.4">
      <c r="A3288">
        <v>2390829</v>
      </c>
      <c r="B3288" t="s">
        <v>2200</v>
      </c>
      <c r="C3288" t="s">
        <v>2270</v>
      </c>
      <c r="D3288" t="s">
        <v>3086</v>
      </c>
    </row>
    <row r="3289" spans="1:4" x14ac:dyDescent="0.4">
      <c r="A3289">
        <v>2540000</v>
      </c>
      <c r="B3289" t="s">
        <v>2200</v>
      </c>
      <c r="C3289" t="s">
        <v>3087</v>
      </c>
    </row>
    <row r="3290" spans="1:4" x14ac:dyDescent="0.4">
      <c r="A3290">
        <v>2540042</v>
      </c>
      <c r="B3290" t="s">
        <v>2200</v>
      </c>
      <c r="C3290" t="s">
        <v>3087</v>
      </c>
      <c r="D3290" t="s">
        <v>1096</v>
      </c>
    </row>
    <row r="3291" spans="1:4" x14ac:dyDescent="0.4">
      <c r="A3291">
        <v>2540031</v>
      </c>
      <c r="B3291" t="s">
        <v>2200</v>
      </c>
      <c r="C3291" t="s">
        <v>3087</v>
      </c>
      <c r="D3291" t="s">
        <v>3088</v>
      </c>
    </row>
    <row r="3292" spans="1:4" x14ac:dyDescent="0.4">
      <c r="A3292">
        <v>2591214</v>
      </c>
      <c r="B3292" t="s">
        <v>2200</v>
      </c>
      <c r="C3292" t="s">
        <v>3087</v>
      </c>
      <c r="D3292" t="s">
        <v>3089</v>
      </c>
    </row>
    <row r="3293" spans="1:4" x14ac:dyDescent="0.4">
      <c r="A3293">
        <v>2540915</v>
      </c>
      <c r="B3293" t="s">
        <v>2200</v>
      </c>
      <c r="C3293" t="s">
        <v>3087</v>
      </c>
      <c r="D3293" t="s">
        <v>3090</v>
      </c>
    </row>
    <row r="3294" spans="1:4" x14ac:dyDescent="0.4">
      <c r="A3294">
        <v>2591216</v>
      </c>
      <c r="B3294" t="s">
        <v>2200</v>
      </c>
      <c r="C3294" t="s">
        <v>3087</v>
      </c>
      <c r="D3294" t="s">
        <v>3091</v>
      </c>
    </row>
    <row r="3295" spans="1:4" x14ac:dyDescent="0.4">
      <c r="A3295">
        <v>2591218</v>
      </c>
      <c r="B3295" t="s">
        <v>2200</v>
      </c>
      <c r="C3295" t="s">
        <v>3087</v>
      </c>
      <c r="D3295" t="s">
        <v>3092</v>
      </c>
    </row>
    <row r="3296" spans="1:4" x14ac:dyDescent="0.4">
      <c r="A3296">
        <v>2540025</v>
      </c>
      <c r="B3296" t="s">
        <v>2200</v>
      </c>
      <c r="C3296" t="s">
        <v>3087</v>
      </c>
      <c r="D3296" t="s">
        <v>3093</v>
      </c>
    </row>
    <row r="3297" spans="1:4" x14ac:dyDescent="0.4">
      <c r="A3297">
        <v>2540033</v>
      </c>
      <c r="B3297" t="s">
        <v>2200</v>
      </c>
      <c r="C3297" t="s">
        <v>3087</v>
      </c>
      <c r="D3297" t="s">
        <v>3094</v>
      </c>
    </row>
    <row r="3298" spans="1:4" x14ac:dyDescent="0.4">
      <c r="A3298">
        <v>2540047</v>
      </c>
      <c r="B3298" t="s">
        <v>2200</v>
      </c>
      <c r="C3298" t="s">
        <v>3087</v>
      </c>
      <c r="D3298" t="s">
        <v>3095</v>
      </c>
    </row>
    <row r="3299" spans="1:4" x14ac:dyDescent="0.4">
      <c r="A3299">
        <v>2540012</v>
      </c>
      <c r="B3299" t="s">
        <v>2200</v>
      </c>
      <c r="C3299" t="s">
        <v>3087</v>
      </c>
      <c r="D3299" t="s">
        <v>3096</v>
      </c>
    </row>
    <row r="3300" spans="1:4" x14ac:dyDescent="0.4">
      <c r="A3300">
        <v>2540001</v>
      </c>
      <c r="B3300" t="s">
        <v>2200</v>
      </c>
      <c r="C3300" t="s">
        <v>3087</v>
      </c>
      <c r="D3300" t="s">
        <v>891</v>
      </c>
    </row>
    <row r="3301" spans="1:4" x14ac:dyDescent="0.4">
      <c r="A3301">
        <v>2540074</v>
      </c>
      <c r="B3301" t="s">
        <v>2200</v>
      </c>
      <c r="C3301" t="s">
        <v>3087</v>
      </c>
      <c r="D3301" t="s">
        <v>1827</v>
      </c>
    </row>
    <row r="3302" spans="1:4" x14ac:dyDescent="0.4">
      <c r="A3302">
        <v>2591212</v>
      </c>
      <c r="B3302" t="s">
        <v>2200</v>
      </c>
      <c r="C3302" t="s">
        <v>3087</v>
      </c>
      <c r="D3302" t="s">
        <v>3097</v>
      </c>
    </row>
    <row r="3303" spans="1:4" x14ac:dyDescent="0.4">
      <c r="A3303">
        <v>2591213</v>
      </c>
      <c r="B3303" t="s">
        <v>2200</v>
      </c>
      <c r="C3303" t="s">
        <v>3087</v>
      </c>
      <c r="D3303" t="s">
        <v>3098</v>
      </c>
    </row>
    <row r="3304" spans="1:4" x14ac:dyDescent="0.4">
      <c r="A3304">
        <v>2591204</v>
      </c>
      <c r="B3304" t="s">
        <v>2200</v>
      </c>
      <c r="C3304" t="s">
        <v>3087</v>
      </c>
      <c r="D3304" t="s">
        <v>3099</v>
      </c>
    </row>
    <row r="3305" spans="1:4" x14ac:dyDescent="0.4">
      <c r="A3305">
        <v>2540055</v>
      </c>
      <c r="B3305" t="s">
        <v>2200</v>
      </c>
      <c r="C3305" t="s">
        <v>3087</v>
      </c>
      <c r="D3305" t="s">
        <v>3100</v>
      </c>
    </row>
    <row r="3306" spans="1:4" x14ac:dyDescent="0.4">
      <c r="A3306">
        <v>2591207</v>
      </c>
      <c r="B3306" t="s">
        <v>2200</v>
      </c>
      <c r="C3306" t="s">
        <v>3087</v>
      </c>
      <c r="D3306" t="s">
        <v>3101</v>
      </c>
    </row>
    <row r="3307" spans="1:4" x14ac:dyDescent="0.4">
      <c r="A3307">
        <v>2540088</v>
      </c>
      <c r="B3307" t="s">
        <v>2200</v>
      </c>
      <c r="C3307" t="s">
        <v>3087</v>
      </c>
      <c r="D3307" t="s">
        <v>3102</v>
      </c>
    </row>
    <row r="3308" spans="1:4" x14ac:dyDescent="0.4">
      <c r="A3308">
        <v>2540005</v>
      </c>
      <c r="B3308" t="s">
        <v>2200</v>
      </c>
      <c r="C3308" t="s">
        <v>3087</v>
      </c>
      <c r="D3308" t="s">
        <v>3103</v>
      </c>
    </row>
    <row r="3309" spans="1:4" x14ac:dyDescent="0.4">
      <c r="A3309">
        <v>2540906</v>
      </c>
      <c r="B3309" t="s">
        <v>2200</v>
      </c>
      <c r="C3309" t="s">
        <v>3087</v>
      </c>
      <c r="D3309" t="s">
        <v>3104</v>
      </c>
    </row>
    <row r="3310" spans="1:4" x14ac:dyDescent="0.4">
      <c r="A3310">
        <v>2540801</v>
      </c>
      <c r="B3310" t="s">
        <v>2200</v>
      </c>
      <c r="C3310" t="s">
        <v>3087</v>
      </c>
      <c r="D3310" t="s">
        <v>3105</v>
      </c>
    </row>
    <row r="3311" spans="1:4" x14ac:dyDescent="0.4">
      <c r="A3311">
        <v>2540821</v>
      </c>
      <c r="B3311" t="s">
        <v>2200</v>
      </c>
      <c r="C3311" t="s">
        <v>3087</v>
      </c>
      <c r="D3311" t="s">
        <v>3106</v>
      </c>
    </row>
    <row r="3312" spans="1:4" x14ac:dyDescent="0.4">
      <c r="A3312">
        <v>2540903</v>
      </c>
      <c r="B3312" t="s">
        <v>2200</v>
      </c>
      <c r="C3312" t="s">
        <v>3087</v>
      </c>
      <c r="D3312" t="s">
        <v>3107</v>
      </c>
    </row>
    <row r="3313" spans="1:4" x14ac:dyDescent="0.4">
      <c r="A3313">
        <v>2540061</v>
      </c>
      <c r="B3313" t="s">
        <v>2200</v>
      </c>
      <c r="C3313" t="s">
        <v>3087</v>
      </c>
      <c r="D3313" t="s">
        <v>3108</v>
      </c>
    </row>
    <row r="3314" spans="1:4" x14ac:dyDescent="0.4">
      <c r="A3314">
        <v>2540004</v>
      </c>
      <c r="B3314" t="s">
        <v>2200</v>
      </c>
      <c r="C3314" t="s">
        <v>3087</v>
      </c>
      <c r="D3314" t="s">
        <v>3109</v>
      </c>
    </row>
    <row r="3315" spans="1:4" x14ac:dyDescent="0.4">
      <c r="A3315">
        <v>2540804</v>
      </c>
      <c r="B3315" t="s">
        <v>2200</v>
      </c>
      <c r="C3315" t="s">
        <v>3087</v>
      </c>
      <c r="D3315" t="s">
        <v>72</v>
      </c>
    </row>
    <row r="3316" spans="1:4" x14ac:dyDescent="0.4">
      <c r="A3316">
        <v>2540053</v>
      </c>
      <c r="B3316" t="s">
        <v>2200</v>
      </c>
      <c r="C3316" t="s">
        <v>3087</v>
      </c>
      <c r="D3316" t="s">
        <v>1741</v>
      </c>
    </row>
    <row r="3317" spans="1:4" x14ac:dyDescent="0.4">
      <c r="A3317">
        <v>2591206</v>
      </c>
      <c r="B3317" t="s">
        <v>2200</v>
      </c>
      <c r="C3317" t="s">
        <v>3087</v>
      </c>
      <c r="D3317" t="s">
        <v>3110</v>
      </c>
    </row>
    <row r="3318" spans="1:4" x14ac:dyDescent="0.4">
      <c r="A3318">
        <v>2540014</v>
      </c>
      <c r="B3318" t="s">
        <v>2200</v>
      </c>
      <c r="C3318" t="s">
        <v>3087</v>
      </c>
      <c r="D3318" t="s">
        <v>3111</v>
      </c>
    </row>
    <row r="3319" spans="1:4" x14ac:dyDescent="0.4">
      <c r="A3319">
        <v>2591203</v>
      </c>
      <c r="B3319" t="s">
        <v>2200</v>
      </c>
      <c r="C3319" t="s">
        <v>3087</v>
      </c>
      <c r="D3319" t="s">
        <v>3112</v>
      </c>
    </row>
    <row r="3320" spans="1:4" x14ac:dyDescent="0.4">
      <c r="A3320">
        <v>2540003</v>
      </c>
      <c r="B3320" t="s">
        <v>2200</v>
      </c>
      <c r="C3320" t="s">
        <v>3087</v>
      </c>
      <c r="D3320" t="s">
        <v>3113</v>
      </c>
    </row>
    <row r="3321" spans="1:4" x14ac:dyDescent="0.4">
      <c r="A3321">
        <v>2540076</v>
      </c>
      <c r="B3321" t="s">
        <v>2200</v>
      </c>
      <c r="C3321" t="s">
        <v>3087</v>
      </c>
      <c r="D3321" t="s">
        <v>367</v>
      </c>
    </row>
    <row r="3322" spans="1:4" x14ac:dyDescent="0.4">
      <c r="A3322">
        <v>2540022</v>
      </c>
      <c r="B3322" t="s">
        <v>2200</v>
      </c>
      <c r="C3322" t="s">
        <v>3087</v>
      </c>
      <c r="D3322" t="s">
        <v>3114</v>
      </c>
    </row>
    <row r="3323" spans="1:4" x14ac:dyDescent="0.4">
      <c r="A3323">
        <v>2540822</v>
      </c>
      <c r="B3323" t="s">
        <v>2200</v>
      </c>
      <c r="C3323" t="s">
        <v>3087</v>
      </c>
      <c r="D3323" t="s">
        <v>3115</v>
      </c>
    </row>
    <row r="3324" spans="1:4" x14ac:dyDescent="0.4">
      <c r="A3324">
        <v>2540063</v>
      </c>
      <c r="B3324" t="s">
        <v>2200</v>
      </c>
      <c r="C3324" t="s">
        <v>3087</v>
      </c>
      <c r="D3324" t="s">
        <v>1569</v>
      </c>
    </row>
    <row r="3325" spans="1:4" x14ac:dyDescent="0.4">
      <c r="A3325">
        <v>2540041</v>
      </c>
      <c r="B3325" t="s">
        <v>2200</v>
      </c>
      <c r="C3325" t="s">
        <v>3087</v>
      </c>
      <c r="D3325" t="s">
        <v>3116</v>
      </c>
    </row>
    <row r="3326" spans="1:4" x14ac:dyDescent="0.4">
      <c r="A3326">
        <v>2540803</v>
      </c>
      <c r="B3326" t="s">
        <v>2200</v>
      </c>
      <c r="C3326" t="s">
        <v>3087</v>
      </c>
      <c r="D3326" t="s">
        <v>3117</v>
      </c>
    </row>
    <row r="3327" spans="1:4" x14ac:dyDescent="0.4">
      <c r="A3327">
        <v>2591202</v>
      </c>
      <c r="B3327" t="s">
        <v>2200</v>
      </c>
      <c r="C3327" t="s">
        <v>3087</v>
      </c>
      <c r="D3327" t="s">
        <v>3118</v>
      </c>
    </row>
    <row r="3328" spans="1:4" x14ac:dyDescent="0.4">
      <c r="A3328">
        <v>2540813</v>
      </c>
      <c r="B3328" t="s">
        <v>2200</v>
      </c>
      <c r="C3328" t="s">
        <v>3087</v>
      </c>
      <c r="D3328" t="s">
        <v>3119</v>
      </c>
    </row>
    <row r="3329" spans="1:4" x14ac:dyDescent="0.4">
      <c r="A3329">
        <v>2540807</v>
      </c>
      <c r="B3329" t="s">
        <v>2200</v>
      </c>
      <c r="C3329" t="s">
        <v>3087</v>
      </c>
      <c r="D3329" t="s">
        <v>3120</v>
      </c>
    </row>
    <row r="3330" spans="1:4" x14ac:dyDescent="0.4">
      <c r="A3330">
        <v>2540912</v>
      </c>
      <c r="B3330" t="s">
        <v>2200</v>
      </c>
      <c r="C3330" t="s">
        <v>3087</v>
      </c>
      <c r="D3330" t="s">
        <v>3121</v>
      </c>
    </row>
    <row r="3331" spans="1:4" x14ac:dyDescent="0.4">
      <c r="A3331">
        <v>2540805</v>
      </c>
      <c r="B3331" t="s">
        <v>2200</v>
      </c>
      <c r="C3331" t="s">
        <v>3087</v>
      </c>
      <c r="D3331" t="s">
        <v>3122</v>
      </c>
    </row>
    <row r="3332" spans="1:4" x14ac:dyDescent="0.4">
      <c r="A3332">
        <v>2540914</v>
      </c>
      <c r="B3332" t="s">
        <v>2200</v>
      </c>
      <c r="C3332" t="s">
        <v>3087</v>
      </c>
      <c r="D3332" t="s">
        <v>3123</v>
      </c>
    </row>
    <row r="3333" spans="1:4" x14ac:dyDescent="0.4">
      <c r="A3333">
        <v>2540034</v>
      </c>
      <c r="B3333" t="s">
        <v>2200</v>
      </c>
      <c r="C3333" t="s">
        <v>3087</v>
      </c>
      <c r="D3333" t="s">
        <v>1454</v>
      </c>
    </row>
    <row r="3334" spans="1:4" x14ac:dyDescent="0.4">
      <c r="A3334">
        <v>2540046</v>
      </c>
      <c r="B3334" t="s">
        <v>2200</v>
      </c>
      <c r="C3334" t="s">
        <v>3087</v>
      </c>
      <c r="D3334" t="s">
        <v>1335</v>
      </c>
    </row>
    <row r="3335" spans="1:4" x14ac:dyDescent="0.4">
      <c r="A3335">
        <v>2540013</v>
      </c>
      <c r="B3335" t="s">
        <v>2200</v>
      </c>
      <c r="C3335" t="s">
        <v>3087</v>
      </c>
      <c r="D3335" t="s">
        <v>3124</v>
      </c>
    </row>
    <row r="3336" spans="1:4" x14ac:dyDescent="0.4">
      <c r="A3336">
        <v>2540064</v>
      </c>
      <c r="B3336" t="s">
        <v>2200</v>
      </c>
      <c r="C3336" t="s">
        <v>3087</v>
      </c>
      <c r="D3336" t="s">
        <v>3125</v>
      </c>
    </row>
    <row r="3337" spans="1:4" x14ac:dyDescent="0.4">
      <c r="A3337">
        <v>2591205</v>
      </c>
      <c r="B3337" t="s">
        <v>2200</v>
      </c>
      <c r="C3337" t="s">
        <v>3087</v>
      </c>
      <c r="D3337" t="s">
        <v>3126</v>
      </c>
    </row>
    <row r="3338" spans="1:4" x14ac:dyDescent="0.4">
      <c r="A3338">
        <v>2540027</v>
      </c>
      <c r="B3338" t="s">
        <v>2200</v>
      </c>
      <c r="C3338" t="s">
        <v>3087</v>
      </c>
      <c r="D3338" t="s">
        <v>1681</v>
      </c>
    </row>
    <row r="3339" spans="1:4" x14ac:dyDescent="0.4">
      <c r="A3339">
        <v>2591215</v>
      </c>
      <c r="B3339" t="s">
        <v>2200</v>
      </c>
      <c r="C3339" t="s">
        <v>3087</v>
      </c>
      <c r="D3339" t="s">
        <v>3127</v>
      </c>
    </row>
    <row r="3340" spans="1:4" x14ac:dyDescent="0.4">
      <c r="A3340">
        <v>2540826</v>
      </c>
      <c r="B3340" t="s">
        <v>2200</v>
      </c>
      <c r="C3340" t="s">
        <v>3087</v>
      </c>
      <c r="D3340" t="s">
        <v>3128</v>
      </c>
    </row>
    <row r="3341" spans="1:4" x14ac:dyDescent="0.4">
      <c r="A3341">
        <v>2540902</v>
      </c>
      <c r="B3341" t="s">
        <v>2200</v>
      </c>
      <c r="C3341" t="s">
        <v>3087</v>
      </c>
      <c r="D3341" t="s">
        <v>3129</v>
      </c>
    </row>
    <row r="3342" spans="1:4" x14ac:dyDescent="0.4">
      <c r="A3342">
        <v>2540081</v>
      </c>
      <c r="B3342" t="s">
        <v>2200</v>
      </c>
      <c r="C3342" t="s">
        <v>3087</v>
      </c>
      <c r="D3342" t="s">
        <v>3130</v>
      </c>
    </row>
    <row r="3343" spans="1:4" x14ac:dyDescent="0.4">
      <c r="A3343">
        <v>2540083</v>
      </c>
      <c r="B3343" t="s">
        <v>2200</v>
      </c>
      <c r="C3343" t="s">
        <v>3087</v>
      </c>
      <c r="D3343" t="s">
        <v>3131</v>
      </c>
    </row>
    <row r="3344" spans="1:4" x14ac:dyDescent="0.4">
      <c r="A3344">
        <v>2540086</v>
      </c>
      <c r="B3344" t="s">
        <v>2200</v>
      </c>
      <c r="C3344" t="s">
        <v>3087</v>
      </c>
      <c r="D3344" t="s">
        <v>3132</v>
      </c>
    </row>
    <row r="3345" spans="1:4" x14ac:dyDescent="0.4">
      <c r="A3345">
        <v>2540087</v>
      </c>
      <c r="B3345" t="s">
        <v>2200</v>
      </c>
      <c r="C3345" t="s">
        <v>3087</v>
      </c>
      <c r="D3345" t="s">
        <v>3133</v>
      </c>
    </row>
    <row r="3346" spans="1:4" x14ac:dyDescent="0.4">
      <c r="A3346">
        <v>2540085</v>
      </c>
      <c r="B3346" t="s">
        <v>2200</v>
      </c>
      <c r="C3346" t="s">
        <v>3087</v>
      </c>
      <c r="D3346" t="s">
        <v>3134</v>
      </c>
    </row>
    <row r="3347" spans="1:4" x14ac:dyDescent="0.4">
      <c r="A3347">
        <v>2540051</v>
      </c>
      <c r="B3347" t="s">
        <v>2200</v>
      </c>
      <c r="C3347" t="s">
        <v>3087</v>
      </c>
      <c r="D3347" t="s">
        <v>3135</v>
      </c>
    </row>
    <row r="3348" spans="1:4" x14ac:dyDescent="0.4">
      <c r="A3348">
        <v>2540054</v>
      </c>
      <c r="B3348" t="s">
        <v>2200</v>
      </c>
      <c r="C3348" t="s">
        <v>3087</v>
      </c>
      <c r="D3348" t="s">
        <v>191</v>
      </c>
    </row>
    <row r="3349" spans="1:4" x14ac:dyDescent="0.4">
      <c r="A3349">
        <v>2540026</v>
      </c>
      <c r="B3349" t="s">
        <v>2200</v>
      </c>
      <c r="C3349" t="s">
        <v>3087</v>
      </c>
      <c r="D3349" t="s">
        <v>3136</v>
      </c>
    </row>
    <row r="3350" spans="1:4" x14ac:dyDescent="0.4">
      <c r="A3350">
        <v>2540075</v>
      </c>
      <c r="B3350" t="s">
        <v>2200</v>
      </c>
      <c r="C3350" t="s">
        <v>3087</v>
      </c>
      <c r="D3350" t="s">
        <v>2477</v>
      </c>
    </row>
    <row r="3351" spans="1:4" x14ac:dyDescent="0.4">
      <c r="A3351">
        <v>2540071</v>
      </c>
      <c r="B3351" t="s">
        <v>2200</v>
      </c>
      <c r="C3351" t="s">
        <v>3087</v>
      </c>
      <c r="D3351" t="s">
        <v>3137</v>
      </c>
    </row>
    <row r="3352" spans="1:4" x14ac:dyDescent="0.4">
      <c r="A3352">
        <v>2540072</v>
      </c>
      <c r="B3352" t="s">
        <v>2200</v>
      </c>
      <c r="C3352" t="s">
        <v>3087</v>
      </c>
      <c r="D3352" t="s">
        <v>3138</v>
      </c>
    </row>
    <row r="3353" spans="1:4" x14ac:dyDescent="0.4">
      <c r="A3353">
        <v>2540021</v>
      </c>
      <c r="B3353" t="s">
        <v>2200</v>
      </c>
      <c r="C3353" t="s">
        <v>3087</v>
      </c>
      <c r="D3353" t="s">
        <v>3139</v>
      </c>
    </row>
    <row r="3354" spans="1:4" x14ac:dyDescent="0.4">
      <c r="A3354">
        <v>2591217</v>
      </c>
      <c r="B3354" t="s">
        <v>2200</v>
      </c>
      <c r="C3354" t="s">
        <v>3087</v>
      </c>
      <c r="D3354" t="s">
        <v>3140</v>
      </c>
    </row>
    <row r="3355" spans="1:4" x14ac:dyDescent="0.4">
      <c r="A3355">
        <v>2540825</v>
      </c>
      <c r="B3355" t="s">
        <v>2200</v>
      </c>
      <c r="C3355" t="s">
        <v>3087</v>
      </c>
      <c r="D3355" t="s">
        <v>3141</v>
      </c>
    </row>
    <row r="3356" spans="1:4" x14ac:dyDescent="0.4">
      <c r="A3356">
        <v>2540044</v>
      </c>
      <c r="B3356" t="s">
        <v>2200</v>
      </c>
      <c r="C3356" t="s">
        <v>3087</v>
      </c>
      <c r="D3356" t="s">
        <v>3142</v>
      </c>
    </row>
    <row r="3357" spans="1:4" x14ac:dyDescent="0.4">
      <c r="A3357">
        <v>2540019</v>
      </c>
      <c r="B3357" t="s">
        <v>2200</v>
      </c>
      <c r="C3357" t="s">
        <v>3087</v>
      </c>
      <c r="D3357" t="s">
        <v>3143</v>
      </c>
    </row>
    <row r="3358" spans="1:4" x14ac:dyDescent="0.4">
      <c r="A3358">
        <v>2540073</v>
      </c>
      <c r="B3358" t="s">
        <v>2200</v>
      </c>
      <c r="C3358" t="s">
        <v>3087</v>
      </c>
      <c r="D3358" t="s">
        <v>3144</v>
      </c>
    </row>
    <row r="3359" spans="1:4" x14ac:dyDescent="0.4">
      <c r="A3359">
        <v>2540823</v>
      </c>
      <c r="B3359" t="s">
        <v>2200</v>
      </c>
      <c r="C3359" t="s">
        <v>3087</v>
      </c>
      <c r="D3359" t="s">
        <v>3145</v>
      </c>
    </row>
    <row r="3360" spans="1:4" x14ac:dyDescent="0.4">
      <c r="A3360">
        <v>2540904</v>
      </c>
      <c r="B3360" t="s">
        <v>2200</v>
      </c>
      <c r="C3360" t="s">
        <v>3087</v>
      </c>
      <c r="D3360" t="s">
        <v>3146</v>
      </c>
    </row>
    <row r="3361" spans="1:4" x14ac:dyDescent="0.4">
      <c r="A3361">
        <v>2540824</v>
      </c>
      <c r="B3361" t="s">
        <v>2200</v>
      </c>
      <c r="C3361" t="s">
        <v>3087</v>
      </c>
      <c r="D3361" t="s">
        <v>3147</v>
      </c>
    </row>
    <row r="3362" spans="1:4" x14ac:dyDescent="0.4">
      <c r="A3362">
        <v>2540023</v>
      </c>
      <c r="B3362" t="s">
        <v>2200</v>
      </c>
      <c r="C3362" t="s">
        <v>3087</v>
      </c>
      <c r="D3362" t="s">
        <v>3148</v>
      </c>
    </row>
    <row r="3363" spans="1:4" x14ac:dyDescent="0.4">
      <c r="A3363">
        <v>2540024</v>
      </c>
      <c r="B3363" t="s">
        <v>2200</v>
      </c>
      <c r="C3363" t="s">
        <v>3087</v>
      </c>
      <c r="D3363" t="s">
        <v>3149</v>
      </c>
    </row>
    <row r="3364" spans="1:4" x14ac:dyDescent="0.4">
      <c r="A3364">
        <v>2540018</v>
      </c>
      <c r="B3364" t="s">
        <v>2200</v>
      </c>
      <c r="C3364" t="s">
        <v>3087</v>
      </c>
      <c r="D3364" t="s">
        <v>3150</v>
      </c>
    </row>
    <row r="3365" spans="1:4" x14ac:dyDescent="0.4">
      <c r="A3365">
        <v>2540082</v>
      </c>
      <c r="B3365" t="s">
        <v>2200</v>
      </c>
      <c r="C3365" t="s">
        <v>3087</v>
      </c>
      <c r="D3365" t="s">
        <v>3151</v>
      </c>
    </row>
    <row r="3366" spans="1:4" x14ac:dyDescent="0.4">
      <c r="A3366">
        <v>2540077</v>
      </c>
      <c r="B3366" t="s">
        <v>2200</v>
      </c>
      <c r="C3366" t="s">
        <v>3087</v>
      </c>
      <c r="D3366" t="s">
        <v>3152</v>
      </c>
    </row>
    <row r="3367" spans="1:4" x14ac:dyDescent="0.4">
      <c r="A3367">
        <v>2540016</v>
      </c>
      <c r="B3367" t="s">
        <v>2200</v>
      </c>
      <c r="C3367" t="s">
        <v>3087</v>
      </c>
      <c r="D3367" t="s">
        <v>3153</v>
      </c>
    </row>
    <row r="3368" spans="1:4" x14ac:dyDescent="0.4">
      <c r="A3368">
        <v>2540905</v>
      </c>
      <c r="B3368" t="s">
        <v>2200</v>
      </c>
      <c r="C3368" t="s">
        <v>3087</v>
      </c>
      <c r="D3368" t="s">
        <v>3154</v>
      </c>
    </row>
    <row r="3369" spans="1:4" x14ac:dyDescent="0.4">
      <c r="A3369">
        <v>2540052</v>
      </c>
      <c r="B3369" t="s">
        <v>2200</v>
      </c>
      <c r="C3369" t="s">
        <v>3087</v>
      </c>
      <c r="D3369" t="s">
        <v>2030</v>
      </c>
    </row>
    <row r="3370" spans="1:4" x14ac:dyDescent="0.4">
      <c r="A3370">
        <v>2591219</v>
      </c>
      <c r="B3370" t="s">
        <v>2200</v>
      </c>
      <c r="C3370" t="s">
        <v>3087</v>
      </c>
      <c r="D3370" t="s">
        <v>3155</v>
      </c>
    </row>
    <row r="3371" spans="1:4" x14ac:dyDescent="0.4">
      <c r="A3371">
        <v>2540062</v>
      </c>
      <c r="B3371" t="s">
        <v>2200</v>
      </c>
      <c r="C3371" t="s">
        <v>3087</v>
      </c>
      <c r="D3371" t="s">
        <v>1605</v>
      </c>
    </row>
    <row r="3372" spans="1:4" x14ac:dyDescent="0.4">
      <c r="A3372">
        <v>2591211</v>
      </c>
      <c r="B3372" t="s">
        <v>2200</v>
      </c>
      <c r="C3372" t="s">
        <v>3087</v>
      </c>
      <c r="D3372" t="s">
        <v>3156</v>
      </c>
    </row>
    <row r="3373" spans="1:4" x14ac:dyDescent="0.4">
      <c r="A3373">
        <v>2540802</v>
      </c>
      <c r="B3373" t="s">
        <v>2200</v>
      </c>
      <c r="C3373" t="s">
        <v>3087</v>
      </c>
      <c r="D3373" t="s">
        <v>3157</v>
      </c>
    </row>
    <row r="3374" spans="1:4" x14ac:dyDescent="0.4">
      <c r="A3374">
        <v>2540043</v>
      </c>
      <c r="B3374" t="s">
        <v>2200</v>
      </c>
      <c r="C3374" t="s">
        <v>3087</v>
      </c>
      <c r="D3374" t="s">
        <v>3158</v>
      </c>
    </row>
    <row r="3375" spans="1:4" x14ac:dyDescent="0.4">
      <c r="A3375">
        <v>2540812</v>
      </c>
      <c r="B3375" t="s">
        <v>2200</v>
      </c>
      <c r="C3375" t="s">
        <v>3087</v>
      </c>
      <c r="D3375" t="s">
        <v>3159</v>
      </c>
    </row>
    <row r="3376" spans="1:4" x14ac:dyDescent="0.4">
      <c r="A3376">
        <v>2540901</v>
      </c>
      <c r="B3376" t="s">
        <v>2200</v>
      </c>
      <c r="C3376" t="s">
        <v>3087</v>
      </c>
      <c r="D3376" t="s">
        <v>3160</v>
      </c>
    </row>
    <row r="3377" spans="1:4" x14ac:dyDescent="0.4">
      <c r="A3377">
        <v>2540913</v>
      </c>
      <c r="B3377" t="s">
        <v>2200</v>
      </c>
      <c r="C3377" t="s">
        <v>3087</v>
      </c>
      <c r="D3377" t="s">
        <v>3161</v>
      </c>
    </row>
    <row r="3378" spans="1:4" x14ac:dyDescent="0.4">
      <c r="A3378">
        <v>2540045</v>
      </c>
      <c r="B3378" t="s">
        <v>2200</v>
      </c>
      <c r="C3378" t="s">
        <v>3087</v>
      </c>
      <c r="D3378" t="s">
        <v>3162</v>
      </c>
    </row>
    <row r="3379" spans="1:4" x14ac:dyDescent="0.4">
      <c r="A3379">
        <v>2591201</v>
      </c>
      <c r="B3379" t="s">
        <v>2200</v>
      </c>
      <c r="C3379" t="s">
        <v>3087</v>
      </c>
      <c r="D3379" t="s">
        <v>3163</v>
      </c>
    </row>
    <row r="3380" spans="1:4" x14ac:dyDescent="0.4">
      <c r="A3380">
        <v>2540084</v>
      </c>
      <c r="B3380" t="s">
        <v>2200</v>
      </c>
      <c r="C3380" t="s">
        <v>3087</v>
      </c>
      <c r="D3380" t="s">
        <v>3164</v>
      </c>
    </row>
    <row r="3381" spans="1:4" x14ac:dyDescent="0.4">
      <c r="A3381">
        <v>2540065</v>
      </c>
      <c r="B3381" t="s">
        <v>2200</v>
      </c>
      <c r="C3381" t="s">
        <v>3087</v>
      </c>
      <c r="D3381" t="s">
        <v>3165</v>
      </c>
    </row>
    <row r="3382" spans="1:4" x14ac:dyDescent="0.4">
      <c r="A3382">
        <v>2540035</v>
      </c>
      <c r="B3382" t="s">
        <v>2200</v>
      </c>
      <c r="C3382" t="s">
        <v>3087</v>
      </c>
      <c r="D3382" t="s">
        <v>3166</v>
      </c>
    </row>
    <row r="3383" spans="1:4" x14ac:dyDescent="0.4">
      <c r="A3383">
        <v>2540036</v>
      </c>
      <c r="B3383" t="s">
        <v>2200</v>
      </c>
      <c r="C3383" t="s">
        <v>3087</v>
      </c>
      <c r="D3383" t="s">
        <v>3167</v>
      </c>
    </row>
    <row r="3384" spans="1:4" x14ac:dyDescent="0.4">
      <c r="A3384">
        <v>2591220</v>
      </c>
      <c r="B3384" t="s">
        <v>2200</v>
      </c>
      <c r="C3384" t="s">
        <v>3087</v>
      </c>
      <c r="D3384" t="s">
        <v>3168</v>
      </c>
    </row>
    <row r="3385" spans="1:4" x14ac:dyDescent="0.4">
      <c r="A3385">
        <v>2540815</v>
      </c>
      <c r="B3385" t="s">
        <v>2200</v>
      </c>
      <c r="C3385" t="s">
        <v>3087</v>
      </c>
      <c r="D3385" t="s">
        <v>3169</v>
      </c>
    </row>
    <row r="3386" spans="1:4" x14ac:dyDescent="0.4">
      <c r="A3386">
        <v>2540811</v>
      </c>
      <c r="B3386" t="s">
        <v>2200</v>
      </c>
      <c r="C3386" t="s">
        <v>3087</v>
      </c>
      <c r="D3386" t="s">
        <v>3170</v>
      </c>
    </row>
    <row r="3387" spans="1:4" x14ac:dyDescent="0.4">
      <c r="A3387">
        <v>2540032</v>
      </c>
      <c r="B3387" t="s">
        <v>2200</v>
      </c>
      <c r="C3387" t="s">
        <v>3087</v>
      </c>
      <c r="D3387" t="s">
        <v>3171</v>
      </c>
    </row>
    <row r="3388" spans="1:4" x14ac:dyDescent="0.4">
      <c r="A3388">
        <v>2540911</v>
      </c>
      <c r="B3388" t="s">
        <v>2200</v>
      </c>
      <c r="C3388" t="s">
        <v>3087</v>
      </c>
      <c r="D3388" t="s">
        <v>3172</v>
      </c>
    </row>
    <row r="3389" spans="1:4" x14ac:dyDescent="0.4">
      <c r="A3389">
        <v>2540015</v>
      </c>
      <c r="B3389" t="s">
        <v>2200</v>
      </c>
      <c r="C3389" t="s">
        <v>3087</v>
      </c>
      <c r="D3389" t="s">
        <v>2067</v>
      </c>
    </row>
    <row r="3390" spans="1:4" x14ac:dyDescent="0.4">
      <c r="A3390">
        <v>2540806</v>
      </c>
      <c r="B3390" t="s">
        <v>2200</v>
      </c>
      <c r="C3390" t="s">
        <v>3087</v>
      </c>
      <c r="D3390" t="s">
        <v>3173</v>
      </c>
    </row>
    <row r="3391" spans="1:4" x14ac:dyDescent="0.4">
      <c r="A3391">
        <v>2540002</v>
      </c>
      <c r="B3391" t="s">
        <v>2200</v>
      </c>
      <c r="C3391" t="s">
        <v>3087</v>
      </c>
      <c r="D3391" t="s">
        <v>3174</v>
      </c>
    </row>
    <row r="3392" spans="1:4" x14ac:dyDescent="0.4">
      <c r="A3392">
        <v>2540011</v>
      </c>
      <c r="B3392" t="s">
        <v>2200</v>
      </c>
      <c r="C3392" t="s">
        <v>3087</v>
      </c>
      <c r="D3392" t="s">
        <v>3175</v>
      </c>
    </row>
    <row r="3393" spans="1:4" x14ac:dyDescent="0.4">
      <c r="A3393">
        <v>2540814</v>
      </c>
      <c r="B3393" t="s">
        <v>2200</v>
      </c>
      <c r="C3393" t="s">
        <v>3087</v>
      </c>
      <c r="D3393" t="s">
        <v>3176</v>
      </c>
    </row>
    <row r="3394" spans="1:4" x14ac:dyDescent="0.4">
      <c r="A3394">
        <v>2480000</v>
      </c>
      <c r="B3394" t="s">
        <v>2200</v>
      </c>
      <c r="C3394" t="s">
        <v>3177</v>
      </c>
    </row>
    <row r="3395" spans="1:4" x14ac:dyDescent="0.4">
      <c r="A3395">
        <v>2480024</v>
      </c>
      <c r="B3395" t="s">
        <v>2200</v>
      </c>
      <c r="C3395" t="s">
        <v>3177</v>
      </c>
      <c r="D3395" t="s">
        <v>3178</v>
      </c>
    </row>
    <row r="3396" spans="1:4" x14ac:dyDescent="0.4">
      <c r="A3396">
        <v>2470052</v>
      </c>
      <c r="B3396" t="s">
        <v>2200</v>
      </c>
      <c r="C3396" t="s">
        <v>3177</v>
      </c>
      <c r="D3396" t="s">
        <v>1713</v>
      </c>
    </row>
    <row r="3397" spans="1:4" x14ac:dyDescent="0.4">
      <c r="A3397">
        <v>2470053</v>
      </c>
      <c r="B3397" t="s">
        <v>2200</v>
      </c>
      <c r="C3397" t="s">
        <v>3177</v>
      </c>
      <c r="D3397" t="s">
        <v>3179</v>
      </c>
    </row>
    <row r="3398" spans="1:4" x14ac:dyDescent="0.4">
      <c r="A3398">
        <v>2470051</v>
      </c>
      <c r="B3398" t="s">
        <v>2200</v>
      </c>
      <c r="C3398" t="s">
        <v>3177</v>
      </c>
      <c r="D3398" t="s">
        <v>223</v>
      </c>
    </row>
    <row r="3399" spans="1:4" x14ac:dyDescent="0.4">
      <c r="A3399">
        <v>2470073</v>
      </c>
      <c r="B3399" t="s">
        <v>2200</v>
      </c>
      <c r="C3399" t="s">
        <v>3177</v>
      </c>
      <c r="D3399" t="s">
        <v>3180</v>
      </c>
    </row>
    <row r="3400" spans="1:4" x14ac:dyDescent="0.4">
      <c r="A3400">
        <v>2480011</v>
      </c>
      <c r="B3400" t="s">
        <v>2200</v>
      </c>
      <c r="C3400" t="s">
        <v>3177</v>
      </c>
      <c r="D3400" t="s">
        <v>3181</v>
      </c>
    </row>
    <row r="3401" spans="1:4" x14ac:dyDescent="0.4">
      <c r="A3401">
        <v>2470056</v>
      </c>
      <c r="B3401" t="s">
        <v>2200</v>
      </c>
      <c r="C3401" t="s">
        <v>3177</v>
      </c>
      <c r="D3401" t="s">
        <v>3182</v>
      </c>
    </row>
    <row r="3402" spans="1:4" x14ac:dyDescent="0.4">
      <c r="A3402">
        <v>2480007</v>
      </c>
      <c r="B3402" t="s">
        <v>2200</v>
      </c>
      <c r="C3402" t="s">
        <v>3177</v>
      </c>
      <c r="D3402" t="s">
        <v>3183</v>
      </c>
    </row>
    <row r="3403" spans="1:4" x14ac:dyDescent="0.4">
      <c r="A3403">
        <v>2470072</v>
      </c>
      <c r="B3403" t="s">
        <v>2200</v>
      </c>
      <c r="C3403" t="s">
        <v>3177</v>
      </c>
      <c r="D3403" t="s">
        <v>3184</v>
      </c>
    </row>
    <row r="3404" spans="1:4" x14ac:dyDescent="0.4">
      <c r="A3404">
        <v>2480012</v>
      </c>
      <c r="B3404" t="s">
        <v>2200</v>
      </c>
      <c r="C3404" t="s">
        <v>3177</v>
      </c>
      <c r="D3404" t="s">
        <v>3185</v>
      </c>
    </row>
    <row r="3405" spans="1:4" x14ac:dyDescent="0.4">
      <c r="A3405">
        <v>2470063</v>
      </c>
      <c r="B3405" t="s">
        <v>2200</v>
      </c>
      <c r="C3405" t="s">
        <v>3177</v>
      </c>
      <c r="D3405" t="s">
        <v>3186</v>
      </c>
    </row>
    <row r="3406" spans="1:4" x14ac:dyDescent="0.4">
      <c r="A3406">
        <v>2480031</v>
      </c>
      <c r="B3406" t="s">
        <v>2200</v>
      </c>
      <c r="C3406" t="s">
        <v>3177</v>
      </c>
      <c r="D3406" t="s">
        <v>3187</v>
      </c>
    </row>
    <row r="3407" spans="1:4" x14ac:dyDescent="0.4">
      <c r="A3407">
        <v>2470065</v>
      </c>
      <c r="B3407" t="s">
        <v>2200</v>
      </c>
      <c r="C3407" t="s">
        <v>3177</v>
      </c>
      <c r="D3407" t="s">
        <v>3188</v>
      </c>
    </row>
    <row r="3408" spans="1:4" x14ac:dyDescent="0.4">
      <c r="A3408">
        <v>2480023</v>
      </c>
      <c r="B3408" t="s">
        <v>2200</v>
      </c>
      <c r="C3408" t="s">
        <v>3177</v>
      </c>
      <c r="D3408" t="s">
        <v>429</v>
      </c>
    </row>
    <row r="3409" spans="1:4" x14ac:dyDescent="0.4">
      <c r="A3409">
        <v>2480033</v>
      </c>
      <c r="B3409" t="s">
        <v>2200</v>
      </c>
      <c r="C3409" t="s">
        <v>3177</v>
      </c>
      <c r="D3409" t="s">
        <v>3189</v>
      </c>
    </row>
    <row r="3410" spans="1:4" x14ac:dyDescent="0.4">
      <c r="A3410">
        <v>2470055</v>
      </c>
      <c r="B3410" t="s">
        <v>2200</v>
      </c>
      <c r="C3410" t="s">
        <v>3177</v>
      </c>
      <c r="D3410" t="s">
        <v>3190</v>
      </c>
    </row>
    <row r="3411" spans="1:4" x14ac:dyDescent="0.4">
      <c r="A3411">
        <v>2480006</v>
      </c>
      <c r="B3411" t="s">
        <v>2200</v>
      </c>
      <c r="C3411" t="s">
        <v>3177</v>
      </c>
      <c r="D3411" t="s">
        <v>3191</v>
      </c>
    </row>
    <row r="3412" spans="1:4" x14ac:dyDescent="0.4">
      <c r="A3412">
        <v>2480013</v>
      </c>
      <c r="B3412" t="s">
        <v>2200</v>
      </c>
      <c r="C3412" t="s">
        <v>3177</v>
      </c>
      <c r="D3412" t="s">
        <v>3192</v>
      </c>
    </row>
    <row r="3413" spans="1:4" x14ac:dyDescent="0.4">
      <c r="A3413">
        <v>2480021</v>
      </c>
      <c r="B3413" t="s">
        <v>2200</v>
      </c>
      <c r="C3413" t="s">
        <v>3177</v>
      </c>
      <c r="D3413" t="s">
        <v>3193</v>
      </c>
    </row>
    <row r="3414" spans="1:4" x14ac:dyDescent="0.4">
      <c r="A3414">
        <v>2480015</v>
      </c>
      <c r="B3414" t="s">
        <v>2200</v>
      </c>
      <c r="C3414" t="s">
        <v>3177</v>
      </c>
      <c r="D3414" t="s">
        <v>3194</v>
      </c>
    </row>
    <row r="3415" spans="1:4" x14ac:dyDescent="0.4">
      <c r="A3415">
        <v>2480017</v>
      </c>
      <c r="B3415" t="s">
        <v>2200</v>
      </c>
      <c r="C3415" t="s">
        <v>3177</v>
      </c>
      <c r="D3415" t="s">
        <v>3195</v>
      </c>
    </row>
    <row r="3416" spans="1:4" x14ac:dyDescent="0.4">
      <c r="A3416">
        <v>2480026</v>
      </c>
      <c r="B3416" t="s">
        <v>2200</v>
      </c>
      <c r="C3416" t="s">
        <v>3177</v>
      </c>
      <c r="D3416" t="s">
        <v>3196</v>
      </c>
    </row>
    <row r="3417" spans="1:4" x14ac:dyDescent="0.4">
      <c r="A3417">
        <v>2480025</v>
      </c>
      <c r="B3417" t="s">
        <v>2200</v>
      </c>
      <c r="C3417" t="s">
        <v>3177</v>
      </c>
      <c r="D3417" t="s">
        <v>3197</v>
      </c>
    </row>
    <row r="3418" spans="1:4" x14ac:dyDescent="0.4">
      <c r="A3418">
        <v>2480001</v>
      </c>
      <c r="B3418" t="s">
        <v>2200</v>
      </c>
      <c r="C3418" t="s">
        <v>3177</v>
      </c>
      <c r="D3418" t="s">
        <v>3198</v>
      </c>
    </row>
    <row r="3419" spans="1:4" x14ac:dyDescent="0.4">
      <c r="A3419">
        <v>2480003</v>
      </c>
      <c r="B3419" t="s">
        <v>2200</v>
      </c>
      <c r="C3419" t="s">
        <v>3177</v>
      </c>
      <c r="D3419" t="s">
        <v>3199</v>
      </c>
    </row>
    <row r="3420" spans="1:4" x14ac:dyDescent="0.4">
      <c r="A3420">
        <v>2470074</v>
      </c>
      <c r="B3420" t="s">
        <v>2200</v>
      </c>
      <c r="C3420" t="s">
        <v>3177</v>
      </c>
      <c r="D3420" t="s">
        <v>3200</v>
      </c>
    </row>
    <row r="3421" spans="1:4" x14ac:dyDescent="0.4">
      <c r="A3421">
        <v>2470075</v>
      </c>
      <c r="B3421" t="s">
        <v>2200</v>
      </c>
      <c r="C3421" t="s">
        <v>3177</v>
      </c>
      <c r="D3421" t="s">
        <v>557</v>
      </c>
    </row>
    <row r="3422" spans="1:4" x14ac:dyDescent="0.4">
      <c r="A3422">
        <v>2470061</v>
      </c>
      <c r="B3422" t="s">
        <v>2200</v>
      </c>
      <c r="C3422" t="s">
        <v>3177</v>
      </c>
      <c r="D3422" t="s">
        <v>3201</v>
      </c>
    </row>
    <row r="3423" spans="1:4" x14ac:dyDescent="0.4">
      <c r="A3423">
        <v>2470054</v>
      </c>
      <c r="B3423" t="s">
        <v>2200</v>
      </c>
      <c r="C3423" t="s">
        <v>3177</v>
      </c>
      <c r="D3423" t="s">
        <v>2038</v>
      </c>
    </row>
    <row r="3424" spans="1:4" x14ac:dyDescent="0.4">
      <c r="A3424">
        <v>2470071</v>
      </c>
      <c r="B3424" t="s">
        <v>2200</v>
      </c>
      <c r="C3424" t="s">
        <v>3177</v>
      </c>
      <c r="D3424" t="s">
        <v>3202</v>
      </c>
    </row>
    <row r="3425" spans="1:4" x14ac:dyDescent="0.4">
      <c r="A3425">
        <v>2480032</v>
      </c>
      <c r="B3425" t="s">
        <v>2200</v>
      </c>
      <c r="C3425" t="s">
        <v>3177</v>
      </c>
      <c r="D3425" t="s">
        <v>3203</v>
      </c>
    </row>
    <row r="3426" spans="1:4" x14ac:dyDescent="0.4">
      <c r="A3426">
        <v>2480034</v>
      </c>
      <c r="B3426" t="s">
        <v>2200</v>
      </c>
      <c r="C3426" t="s">
        <v>3177</v>
      </c>
      <c r="D3426" t="s">
        <v>3204</v>
      </c>
    </row>
    <row r="3427" spans="1:4" x14ac:dyDescent="0.4">
      <c r="A3427">
        <v>2480036</v>
      </c>
      <c r="B3427" t="s">
        <v>2200</v>
      </c>
      <c r="C3427" t="s">
        <v>3177</v>
      </c>
      <c r="D3427" t="s">
        <v>3205</v>
      </c>
    </row>
    <row r="3428" spans="1:4" x14ac:dyDescent="0.4">
      <c r="A3428">
        <v>2470064</v>
      </c>
      <c r="B3428" t="s">
        <v>2200</v>
      </c>
      <c r="C3428" t="s">
        <v>3177</v>
      </c>
      <c r="D3428" t="s">
        <v>3206</v>
      </c>
    </row>
    <row r="3429" spans="1:4" x14ac:dyDescent="0.4">
      <c r="A3429">
        <v>2480022</v>
      </c>
      <c r="B3429" t="s">
        <v>2200</v>
      </c>
      <c r="C3429" t="s">
        <v>3177</v>
      </c>
      <c r="D3429" t="s">
        <v>910</v>
      </c>
    </row>
    <row r="3430" spans="1:4" x14ac:dyDescent="0.4">
      <c r="A3430">
        <v>2480002</v>
      </c>
      <c r="B3430" t="s">
        <v>2200</v>
      </c>
      <c r="C3430" t="s">
        <v>3177</v>
      </c>
      <c r="D3430" t="s">
        <v>3207</v>
      </c>
    </row>
    <row r="3431" spans="1:4" x14ac:dyDescent="0.4">
      <c r="A3431">
        <v>2480035</v>
      </c>
      <c r="B3431" t="s">
        <v>2200</v>
      </c>
      <c r="C3431" t="s">
        <v>3177</v>
      </c>
      <c r="D3431" t="s">
        <v>3208</v>
      </c>
    </row>
    <row r="3432" spans="1:4" x14ac:dyDescent="0.4">
      <c r="A3432">
        <v>2480004</v>
      </c>
      <c r="B3432" t="s">
        <v>2200</v>
      </c>
      <c r="C3432" t="s">
        <v>3177</v>
      </c>
      <c r="D3432" t="s">
        <v>385</v>
      </c>
    </row>
    <row r="3433" spans="1:4" x14ac:dyDescent="0.4">
      <c r="A3433">
        <v>2480016</v>
      </c>
      <c r="B3433" t="s">
        <v>2200</v>
      </c>
      <c r="C3433" t="s">
        <v>3177</v>
      </c>
      <c r="D3433" t="s">
        <v>3209</v>
      </c>
    </row>
    <row r="3434" spans="1:4" x14ac:dyDescent="0.4">
      <c r="A3434">
        <v>1057408</v>
      </c>
      <c r="B3434" t="s">
        <v>815</v>
      </c>
      <c r="C3434" t="s">
        <v>818</v>
      </c>
      <c r="D3434" t="s">
        <v>3210</v>
      </c>
    </row>
    <row r="3435" spans="1:4" x14ac:dyDescent="0.4">
      <c r="A3435">
        <v>1057409</v>
      </c>
      <c r="B3435" t="s">
        <v>815</v>
      </c>
      <c r="C3435" t="s">
        <v>818</v>
      </c>
      <c r="D3435" t="s">
        <v>3211</v>
      </c>
    </row>
    <row r="3436" spans="1:4" x14ac:dyDescent="0.4">
      <c r="A3436">
        <v>1057410</v>
      </c>
      <c r="B3436" t="s">
        <v>815</v>
      </c>
      <c r="C3436" t="s">
        <v>818</v>
      </c>
      <c r="D3436" t="s">
        <v>3212</v>
      </c>
    </row>
    <row r="3437" spans="1:4" x14ac:dyDescent="0.4">
      <c r="A3437">
        <v>1057411</v>
      </c>
      <c r="B3437" t="s">
        <v>815</v>
      </c>
      <c r="C3437" t="s">
        <v>818</v>
      </c>
      <c r="D3437" t="s">
        <v>3213</v>
      </c>
    </row>
    <row r="3438" spans="1:4" x14ac:dyDescent="0.4">
      <c r="A3438">
        <v>1057412</v>
      </c>
      <c r="B3438" t="s">
        <v>815</v>
      </c>
      <c r="C3438" t="s">
        <v>818</v>
      </c>
      <c r="D3438" t="s">
        <v>3214</v>
      </c>
    </row>
    <row r="3439" spans="1:4" x14ac:dyDescent="0.4">
      <c r="A3439">
        <v>1057413</v>
      </c>
      <c r="B3439" t="s">
        <v>815</v>
      </c>
      <c r="C3439" t="s">
        <v>818</v>
      </c>
      <c r="D3439" t="s">
        <v>3215</v>
      </c>
    </row>
    <row r="3440" spans="1:4" x14ac:dyDescent="0.4">
      <c r="A3440">
        <v>1057414</v>
      </c>
      <c r="B3440" t="s">
        <v>815</v>
      </c>
      <c r="C3440" t="s">
        <v>818</v>
      </c>
      <c r="D3440" t="s">
        <v>3216</v>
      </c>
    </row>
    <row r="3441" spans="1:4" x14ac:dyDescent="0.4">
      <c r="A3441">
        <v>1057415</v>
      </c>
      <c r="B3441" t="s">
        <v>815</v>
      </c>
      <c r="C3441" t="s">
        <v>818</v>
      </c>
      <c r="D3441" t="s">
        <v>3217</v>
      </c>
    </row>
    <row r="3442" spans="1:4" x14ac:dyDescent="0.4">
      <c r="A3442">
        <v>1057416</v>
      </c>
      <c r="B3442" t="s">
        <v>815</v>
      </c>
      <c r="C3442" t="s">
        <v>818</v>
      </c>
      <c r="D3442" t="s">
        <v>3218</v>
      </c>
    </row>
    <row r="3443" spans="1:4" x14ac:dyDescent="0.4">
      <c r="A3443">
        <v>1057417</v>
      </c>
      <c r="B3443" t="s">
        <v>815</v>
      </c>
      <c r="C3443" t="s">
        <v>818</v>
      </c>
      <c r="D3443" t="s">
        <v>3219</v>
      </c>
    </row>
    <row r="3444" spans="1:4" x14ac:dyDescent="0.4">
      <c r="A3444">
        <v>1057418</v>
      </c>
      <c r="B3444" t="s">
        <v>815</v>
      </c>
      <c r="C3444" t="s">
        <v>818</v>
      </c>
      <c r="D3444" t="s">
        <v>3220</v>
      </c>
    </row>
    <row r="3445" spans="1:4" x14ac:dyDescent="0.4">
      <c r="A3445">
        <v>1057419</v>
      </c>
      <c r="B3445" t="s">
        <v>815</v>
      </c>
      <c r="C3445" t="s">
        <v>818</v>
      </c>
      <c r="D3445" t="s">
        <v>3221</v>
      </c>
    </row>
    <row r="3446" spans="1:4" x14ac:dyDescent="0.4">
      <c r="A3446">
        <v>1057420</v>
      </c>
      <c r="B3446" t="s">
        <v>815</v>
      </c>
      <c r="C3446" t="s">
        <v>818</v>
      </c>
      <c r="D3446" t="s">
        <v>3222</v>
      </c>
    </row>
    <row r="3447" spans="1:4" x14ac:dyDescent="0.4">
      <c r="A3447">
        <v>1057421</v>
      </c>
      <c r="B3447" t="s">
        <v>815</v>
      </c>
      <c r="C3447" t="s">
        <v>818</v>
      </c>
      <c r="D3447" t="s">
        <v>3223</v>
      </c>
    </row>
    <row r="3448" spans="1:4" x14ac:dyDescent="0.4">
      <c r="A3448">
        <v>1057422</v>
      </c>
      <c r="B3448" t="s">
        <v>815</v>
      </c>
      <c r="C3448" t="s">
        <v>818</v>
      </c>
      <c r="D3448" t="s">
        <v>3224</v>
      </c>
    </row>
    <row r="3449" spans="1:4" x14ac:dyDescent="0.4">
      <c r="A3449">
        <v>1057423</v>
      </c>
      <c r="B3449" t="s">
        <v>815</v>
      </c>
      <c r="C3449" t="s">
        <v>818</v>
      </c>
      <c r="D3449" t="s">
        <v>3225</v>
      </c>
    </row>
    <row r="3450" spans="1:4" x14ac:dyDescent="0.4">
      <c r="A3450">
        <v>1057424</v>
      </c>
      <c r="B3450" t="s">
        <v>815</v>
      </c>
      <c r="C3450" t="s">
        <v>818</v>
      </c>
      <c r="D3450" t="s">
        <v>3226</v>
      </c>
    </row>
    <row r="3451" spans="1:4" x14ac:dyDescent="0.4">
      <c r="A3451">
        <v>1057425</v>
      </c>
      <c r="B3451" t="s">
        <v>815</v>
      </c>
      <c r="C3451" t="s">
        <v>818</v>
      </c>
      <c r="D3451" t="s">
        <v>3227</v>
      </c>
    </row>
    <row r="3452" spans="1:4" x14ac:dyDescent="0.4">
      <c r="A3452">
        <v>1057426</v>
      </c>
      <c r="B3452" t="s">
        <v>815</v>
      </c>
      <c r="C3452" t="s">
        <v>818</v>
      </c>
      <c r="D3452" t="s">
        <v>3228</v>
      </c>
    </row>
    <row r="3453" spans="1:4" x14ac:dyDescent="0.4">
      <c r="A3453">
        <v>1057427</v>
      </c>
      <c r="B3453" t="s">
        <v>815</v>
      </c>
      <c r="C3453" t="s">
        <v>818</v>
      </c>
      <c r="D3453" t="s">
        <v>3229</v>
      </c>
    </row>
    <row r="3454" spans="1:4" x14ac:dyDescent="0.4">
      <c r="A3454">
        <v>1057428</v>
      </c>
      <c r="B3454" t="s">
        <v>815</v>
      </c>
      <c r="C3454" t="s">
        <v>818</v>
      </c>
      <c r="D3454" t="s">
        <v>3230</v>
      </c>
    </row>
    <row r="3455" spans="1:4" x14ac:dyDescent="0.4">
      <c r="A3455">
        <v>1057429</v>
      </c>
      <c r="B3455" t="s">
        <v>815</v>
      </c>
      <c r="C3455" t="s">
        <v>818</v>
      </c>
      <c r="D3455" t="s">
        <v>3231</v>
      </c>
    </row>
    <row r="3456" spans="1:4" x14ac:dyDescent="0.4">
      <c r="A3456">
        <v>1057430</v>
      </c>
      <c r="B3456" t="s">
        <v>815</v>
      </c>
      <c r="C3456" t="s">
        <v>818</v>
      </c>
      <c r="D3456" t="s">
        <v>3232</v>
      </c>
    </row>
    <row r="3457" spans="1:4" x14ac:dyDescent="0.4">
      <c r="A3457">
        <v>1057431</v>
      </c>
      <c r="B3457" t="s">
        <v>815</v>
      </c>
      <c r="C3457" t="s">
        <v>818</v>
      </c>
      <c r="D3457" t="s">
        <v>3233</v>
      </c>
    </row>
    <row r="3458" spans="1:4" x14ac:dyDescent="0.4">
      <c r="A3458">
        <v>1057432</v>
      </c>
      <c r="B3458" t="s">
        <v>815</v>
      </c>
      <c r="C3458" t="s">
        <v>818</v>
      </c>
      <c r="D3458" t="s">
        <v>3234</v>
      </c>
    </row>
    <row r="3459" spans="1:4" x14ac:dyDescent="0.4">
      <c r="A3459">
        <v>1080073</v>
      </c>
      <c r="B3459" t="s">
        <v>815</v>
      </c>
      <c r="C3459" t="s">
        <v>818</v>
      </c>
      <c r="D3459" t="s">
        <v>3235</v>
      </c>
    </row>
    <row r="3460" spans="1:4" x14ac:dyDescent="0.4">
      <c r="A3460">
        <v>1086390</v>
      </c>
      <c r="B3460" t="s">
        <v>815</v>
      </c>
      <c r="C3460" t="s">
        <v>818</v>
      </c>
      <c r="D3460" t="s">
        <v>3236</v>
      </c>
    </row>
    <row r="3461" spans="1:4" x14ac:dyDescent="0.4">
      <c r="A3461">
        <v>1086301</v>
      </c>
      <c r="B3461" t="s">
        <v>815</v>
      </c>
      <c r="C3461" t="s">
        <v>818</v>
      </c>
      <c r="D3461" t="s">
        <v>3237</v>
      </c>
    </row>
    <row r="3462" spans="1:4" x14ac:dyDescent="0.4">
      <c r="A3462">
        <v>1086302</v>
      </c>
      <c r="B3462" t="s">
        <v>815</v>
      </c>
      <c r="C3462" t="s">
        <v>818</v>
      </c>
      <c r="D3462" t="s">
        <v>3238</v>
      </c>
    </row>
    <row r="3463" spans="1:4" x14ac:dyDescent="0.4">
      <c r="A3463">
        <v>1086303</v>
      </c>
      <c r="B3463" t="s">
        <v>815</v>
      </c>
      <c r="C3463" t="s">
        <v>818</v>
      </c>
      <c r="D3463" t="s">
        <v>3239</v>
      </c>
    </row>
    <row r="3464" spans="1:4" x14ac:dyDescent="0.4">
      <c r="A3464">
        <v>1086304</v>
      </c>
      <c r="B3464" t="s">
        <v>815</v>
      </c>
      <c r="C3464" t="s">
        <v>818</v>
      </c>
      <c r="D3464" t="s">
        <v>3240</v>
      </c>
    </row>
    <row r="3465" spans="1:4" x14ac:dyDescent="0.4">
      <c r="A3465">
        <v>1086305</v>
      </c>
      <c r="B3465" t="s">
        <v>815</v>
      </c>
      <c r="C3465" t="s">
        <v>818</v>
      </c>
      <c r="D3465" t="s">
        <v>3241</v>
      </c>
    </row>
    <row r="3466" spans="1:4" x14ac:dyDescent="0.4">
      <c r="A3466">
        <v>1086306</v>
      </c>
      <c r="B3466" t="s">
        <v>815</v>
      </c>
      <c r="C3466" t="s">
        <v>818</v>
      </c>
      <c r="D3466" t="s">
        <v>3242</v>
      </c>
    </row>
    <row r="3467" spans="1:4" x14ac:dyDescent="0.4">
      <c r="A3467">
        <v>1086307</v>
      </c>
      <c r="B3467" t="s">
        <v>815</v>
      </c>
      <c r="C3467" t="s">
        <v>818</v>
      </c>
      <c r="D3467" t="s">
        <v>3243</v>
      </c>
    </row>
    <row r="3468" spans="1:4" x14ac:dyDescent="0.4">
      <c r="A3468">
        <v>1086308</v>
      </c>
      <c r="B3468" t="s">
        <v>815</v>
      </c>
      <c r="C3468" t="s">
        <v>818</v>
      </c>
      <c r="D3468" t="s">
        <v>3244</v>
      </c>
    </row>
    <row r="3469" spans="1:4" x14ac:dyDescent="0.4">
      <c r="A3469">
        <v>1086309</v>
      </c>
      <c r="B3469" t="s">
        <v>815</v>
      </c>
      <c r="C3469" t="s">
        <v>818</v>
      </c>
      <c r="D3469" t="s">
        <v>3245</v>
      </c>
    </row>
    <row r="3470" spans="1:4" x14ac:dyDescent="0.4">
      <c r="A3470">
        <v>1086310</v>
      </c>
      <c r="B3470" t="s">
        <v>815</v>
      </c>
      <c r="C3470" t="s">
        <v>818</v>
      </c>
      <c r="D3470" t="s">
        <v>3246</v>
      </c>
    </row>
    <row r="3471" spans="1:4" x14ac:dyDescent="0.4">
      <c r="A3471">
        <v>1086311</v>
      </c>
      <c r="B3471" t="s">
        <v>815</v>
      </c>
      <c r="C3471" t="s">
        <v>818</v>
      </c>
      <c r="D3471" t="s">
        <v>3247</v>
      </c>
    </row>
    <row r="3472" spans="1:4" x14ac:dyDescent="0.4">
      <c r="A3472">
        <v>1086312</v>
      </c>
      <c r="B3472" t="s">
        <v>815</v>
      </c>
      <c r="C3472" t="s">
        <v>818</v>
      </c>
      <c r="D3472" t="s">
        <v>3248</v>
      </c>
    </row>
    <row r="3473" spans="1:4" x14ac:dyDescent="0.4">
      <c r="A3473">
        <v>1086313</v>
      </c>
      <c r="B3473" t="s">
        <v>815</v>
      </c>
      <c r="C3473" t="s">
        <v>818</v>
      </c>
      <c r="D3473" t="s">
        <v>3249</v>
      </c>
    </row>
    <row r="3474" spans="1:4" x14ac:dyDescent="0.4">
      <c r="A3474">
        <v>1086314</v>
      </c>
      <c r="B3474" t="s">
        <v>815</v>
      </c>
      <c r="C3474" t="s">
        <v>818</v>
      </c>
      <c r="D3474" t="s">
        <v>3250</v>
      </c>
    </row>
    <row r="3475" spans="1:4" x14ac:dyDescent="0.4">
      <c r="A3475">
        <v>1086315</v>
      </c>
      <c r="B3475" t="s">
        <v>815</v>
      </c>
      <c r="C3475" t="s">
        <v>818</v>
      </c>
      <c r="D3475" t="s">
        <v>3251</v>
      </c>
    </row>
    <row r="3476" spans="1:4" x14ac:dyDescent="0.4">
      <c r="A3476">
        <v>1086316</v>
      </c>
      <c r="B3476" t="s">
        <v>815</v>
      </c>
      <c r="C3476" t="s">
        <v>818</v>
      </c>
      <c r="D3476" t="s">
        <v>3252</v>
      </c>
    </row>
    <row r="3477" spans="1:4" x14ac:dyDescent="0.4">
      <c r="A3477">
        <v>1086317</v>
      </c>
      <c r="B3477" t="s">
        <v>815</v>
      </c>
      <c r="C3477" t="s">
        <v>818</v>
      </c>
      <c r="D3477" t="s">
        <v>3253</v>
      </c>
    </row>
    <row r="3478" spans="1:4" x14ac:dyDescent="0.4">
      <c r="A3478">
        <v>1086318</v>
      </c>
      <c r="B3478" t="s">
        <v>815</v>
      </c>
      <c r="C3478" t="s">
        <v>818</v>
      </c>
      <c r="D3478" t="s">
        <v>3254</v>
      </c>
    </row>
    <row r="3479" spans="1:4" x14ac:dyDescent="0.4">
      <c r="A3479">
        <v>1086319</v>
      </c>
      <c r="B3479" t="s">
        <v>815</v>
      </c>
      <c r="C3479" t="s">
        <v>818</v>
      </c>
      <c r="D3479" t="s">
        <v>3255</v>
      </c>
    </row>
    <row r="3480" spans="1:4" x14ac:dyDescent="0.4">
      <c r="A3480">
        <v>1086320</v>
      </c>
      <c r="B3480" t="s">
        <v>815</v>
      </c>
      <c r="C3480" t="s">
        <v>818</v>
      </c>
      <c r="D3480" t="s">
        <v>3256</v>
      </c>
    </row>
    <row r="3481" spans="1:4" x14ac:dyDescent="0.4">
      <c r="A3481">
        <v>1086321</v>
      </c>
      <c r="B3481" t="s">
        <v>815</v>
      </c>
      <c r="C3481" t="s">
        <v>818</v>
      </c>
      <c r="D3481" t="s">
        <v>3257</v>
      </c>
    </row>
    <row r="3482" spans="1:4" x14ac:dyDescent="0.4">
      <c r="A3482">
        <v>1086322</v>
      </c>
      <c r="B3482" t="s">
        <v>815</v>
      </c>
      <c r="C3482" t="s">
        <v>818</v>
      </c>
      <c r="D3482" t="s">
        <v>3258</v>
      </c>
    </row>
    <row r="3483" spans="1:4" x14ac:dyDescent="0.4">
      <c r="A3483">
        <v>1086323</v>
      </c>
      <c r="B3483" t="s">
        <v>815</v>
      </c>
      <c r="C3483" t="s">
        <v>818</v>
      </c>
      <c r="D3483" t="s">
        <v>3259</v>
      </c>
    </row>
    <row r="3484" spans="1:4" x14ac:dyDescent="0.4">
      <c r="A3484">
        <v>1086324</v>
      </c>
      <c r="B3484" t="s">
        <v>815</v>
      </c>
      <c r="C3484" t="s">
        <v>818</v>
      </c>
      <c r="D3484" t="s">
        <v>3260</v>
      </c>
    </row>
    <row r="3485" spans="1:4" x14ac:dyDescent="0.4">
      <c r="A3485">
        <v>1086325</v>
      </c>
      <c r="B3485" t="s">
        <v>815</v>
      </c>
      <c r="C3485" t="s">
        <v>818</v>
      </c>
      <c r="D3485" t="s">
        <v>3261</v>
      </c>
    </row>
    <row r="3486" spans="1:4" x14ac:dyDescent="0.4">
      <c r="A3486">
        <v>1086326</v>
      </c>
      <c r="B3486" t="s">
        <v>815</v>
      </c>
      <c r="C3486" t="s">
        <v>818</v>
      </c>
      <c r="D3486" t="s">
        <v>3262</v>
      </c>
    </row>
    <row r="3487" spans="1:4" x14ac:dyDescent="0.4">
      <c r="A3487">
        <v>1086327</v>
      </c>
      <c r="B3487" t="s">
        <v>815</v>
      </c>
      <c r="C3487" t="s">
        <v>818</v>
      </c>
      <c r="D3487" t="s">
        <v>3263</v>
      </c>
    </row>
    <row r="3488" spans="1:4" x14ac:dyDescent="0.4">
      <c r="A3488">
        <v>1086328</v>
      </c>
      <c r="B3488" t="s">
        <v>815</v>
      </c>
      <c r="C3488" t="s">
        <v>818</v>
      </c>
      <c r="D3488" t="s">
        <v>3264</v>
      </c>
    </row>
    <row r="3489" spans="1:4" x14ac:dyDescent="0.4">
      <c r="A3489">
        <v>1086329</v>
      </c>
      <c r="B3489" t="s">
        <v>815</v>
      </c>
      <c r="C3489" t="s">
        <v>818</v>
      </c>
      <c r="D3489" t="s">
        <v>3265</v>
      </c>
    </row>
    <row r="3490" spans="1:4" x14ac:dyDescent="0.4">
      <c r="A3490">
        <v>1086330</v>
      </c>
      <c r="B3490" t="s">
        <v>815</v>
      </c>
      <c r="C3490" t="s">
        <v>818</v>
      </c>
      <c r="D3490" t="s">
        <v>3266</v>
      </c>
    </row>
    <row r="3491" spans="1:4" x14ac:dyDescent="0.4">
      <c r="A3491">
        <v>1070062</v>
      </c>
      <c r="B3491" t="s">
        <v>815</v>
      </c>
      <c r="C3491" t="s">
        <v>818</v>
      </c>
      <c r="D3491" t="s">
        <v>758</v>
      </c>
    </row>
    <row r="3492" spans="1:4" x14ac:dyDescent="0.4">
      <c r="A3492">
        <v>1060047</v>
      </c>
      <c r="B3492" t="s">
        <v>815</v>
      </c>
      <c r="C3492" t="s">
        <v>818</v>
      </c>
      <c r="D3492" t="s">
        <v>3267</v>
      </c>
    </row>
    <row r="3493" spans="1:4" x14ac:dyDescent="0.4">
      <c r="A3493">
        <v>1070051</v>
      </c>
      <c r="B3493" t="s">
        <v>815</v>
      </c>
      <c r="C3493" t="s">
        <v>818</v>
      </c>
      <c r="D3493" t="s">
        <v>3268</v>
      </c>
    </row>
    <row r="3494" spans="1:4" x14ac:dyDescent="0.4">
      <c r="A3494">
        <v>1060046</v>
      </c>
      <c r="B3494" t="s">
        <v>815</v>
      </c>
      <c r="C3494" t="s">
        <v>818</v>
      </c>
      <c r="D3494" t="s">
        <v>3269</v>
      </c>
    </row>
    <row r="3495" spans="1:4" x14ac:dyDescent="0.4">
      <c r="A3495">
        <v>1060032</v>
      </c>
      <c r="B3495" t="s">
        <v>815</v>
      </c>
      <c r="C3495" t="s">
        <v>818</v>
      </c>
      <c r="D3495" t="s">
        <v>3270</v>
      </c>
    </row>
    <row r="3496" spans="1:4" x14ac:dyDescent="0.4">
      <c r="A3496">
        <v>1066090</v>
      </c>
      <c r="B3496" t="s">
        <v>815</v>
      </c>
      <c r="C3496" t="s">
        <v>818</v>
      </c>
      <c r="D3496" t="s">
        <v>3271</v>
      </c>
    </row>
    <row r="3497" spans="1:4" x14ac:dyDescent="0.4">
      <c r="A3497">
        <v>1066001</v>
      </c>
      <c r="B3497" t="s">
        <v>815</v>
      </c>
      <c r="C3497" t="s">
        <v>818</v>
      </c>
      <c r="D3497" t="s">
        <v>3272</v>
      </c>
    </row>
    <row r="3498" spans="1:4" x14ac:dyDescent="0.4">
      <c r="A3498">
        <v>1066002</v>
      </c>
      <c r="B3498" t="s">
        <v>815</v>
      </c>
      <c r="C3498" t="s">
        <v>818</v>
      </c>
      <c r="D3498" t="s">
        <v>3273</v>
      </c>
    </row>
    <row r="3499" spans="1:4" x14ac:dyDescent="0.4">
      <c r="A3499">
        <v>1066003</v>
      </c>
      <c r="B3499" t="s">
        <v>815</v>
      </c>
      <c r="C3499" t="s">
        <v>818</v>
      </c>
      <c r="D3499" t="s">
        <v>3274</v>
      </c>
    </row>
    <row r="3500" spans="1:4" x14ac:dyDescent="0.4">
      <c r="A3500">
        <v>1066004</v>
      </c>
      <c r="B3500" t="s">
        <v>815</v>
      </c>
      <c r="C3500" t="s">
        <v>818</v>
      </c>
      <c r="D3500" t="s">
        <v>3275</v>
      </c>
    </row>
    <row r="3501" spans="1:4" x14ac:dyDescent="0.4">
      <c r="A3501">
        <v>1066005</v>
      </c>
      <c r="B3501" t="s">
        <v>815</v>
      </c>
      <c r="C3501" t="s">
        <v>818</v>
      </c>
      <c r="D3501" t="s">
        <v>3276</v>
      </c>
    </row>
    <row r="3502" spans="1:4" x14ac:dyDescent="0.4">
      <c r="A3502">
        <v>1066006</v>
      </c>
      <c r="B3502" t="s">
        <v>815</v>
      </c>
      <c r="C3502" t="s">
        <v>818</v>
      </c>
      <c r="D3502" t="s">
        <v>3277</v>
      </c>
    </row>
    <row r="3503" spans="1:4" x14ac:dyDescent="0.4">
      <c r="A3503">
        <v>1066007</v>
      </c>
      <c r="B3503" t="s">
        <v>815</v>
      </c>
      <c r="C3503" t="s">
        <v>818</v>
      </c>
      <c r="D3503" t="s">
        <v>3278</v>
      </c>
    </row>
    <row r="3504" spans="1:4" x14ac:dyDescent="0.4">
      <c r="A3504">
        <v>1066008</v>
      </c>
      <c r="B3504" t="s">
        <v>815</v>
      </c>
      <c r="C3504" t="s">
        <v>818</v>
      </c>
      <c r="D3504" t="s">
        <v>3279</v>
      </c>
    </row>
    <row r="3505" spans="1:4" x14ac:dyDescent="0.4">
      <c r="A3505">
        <v>1066009</v>
      </c>
      <c r="B3505" t="s">
        <v>815</v>
      </c>
      <c r="C3505" t="s">
        <v>818</v>
      </c>
      <c r="D3505" t="s">
        <v>3280</v>
      </c>
    </row>
    <row r="3506" spans="1:4" x14ac:dyDescent="0.4">
      <c r="A3506">
        <v>1066010</v>
      </c>
      <c r="B3506" t="s">
        <v>815</v>
      </c>
      <c r="C3506" t="s">
        <v>818</v>
      </c>
      <c r="D3506" t="s">
        <v>3281</v>
      </c>
    </row>
    <row r="3507" spans="1:4" x14ac:dyDescent="0.4">
      <c r="A3507">
        <v>1066011</v>
      </c>
      <c r="B3507" t="s">
        <v>815</v>
      </c>
      <c r="C3507" t="s">
        <v>818</v>
      </c>
      <c r="D3507" t="s">
        <v>3282</v>
      </c>
    </row>
    <row r="3508" spans="1:4" x14ac:dyDescent="0.4">
      <c r="A3508">
        <v>1066012</v>
      </c>
      <c r="B3508" t="s">
        <v>815</v>
      </c>
      <c r="C3508" t="s">
        <v>818</v>
      </c>
      <c r="D3508" t="s">
        <v>3283</v>
      </c>
    </row>
    <row r="3509" spans="1:4" x14ac:dyDescent="0.4">
      <c r="A3509">
        <v>1066013</v>
      </c>
      <c r="B3509" t="s">
        <v>815</v>
      </c>
      <c r="C3509" t="s">
        <v>818</v>
      </c>
      <c r="D3509" t="s">
        <v>3284</v>
      </c>
    </row>
    <row r="3510" spans="1:4" x14ac:dyDescent="0.4">
      <c r="A3510">
        <v>1066014</v>
      </c>
      <c r="B3510" t="s">
        <v>815</v>
      </c>
      <c r="C3510" t="s">
        <v>818</v>
      </c>
      <c r="D3510" t="s">
        <v>3285</v>
      </c>
    </row>
    <row r="3511" spans="1:4" x14ac:dyDescent="0.4">
      <c r="A3511">
        <v>1066015</v>
      </c>
      <c r="B3511" t="s">
        <v>815</v>
      </c>
      <c r="C3511" t="s">
        <v>818</v>
      </c>
      <c r="D3511" t="s">
        <v>3286</v>
      </c>
    </row>
    <row r="3512" spans="1:4" x14ac:dyDescent="0.4">
      <c r="A3512">
        <v>1066016</v>
      </c>
      <c r="B3512" t="s">
        <v>815</v>
      </c>
      <c r="C3512" t="s">
        <v>818</v>
      </c>
      <c r="D3512" t="s">
        <v>3287</v>
      </c>
    </row>
    <row r="3513" spans="1:4" x14ac:dyDescent="0.4">
      <c r="A3513">
        <v>1066017</v>
      </c>
      <c r="B3513" t="s">
        <v>815</v>
      </c>
      <c r="C3513" t="s">
        <v>818</v>
      </c>
      <c r="D3513" t="s">
        <v>3288</v>
      </c>
    </row>
    <row r="3514" spans="1:4" x14ac:dyDescent="0.4">
      <c r="A3514">
        <v>1066018</v>
      </c>
      <c r="B3514" t="s">
        <v>815</v>
      </c>
      <c r="C3514" t="s">
        <v>818</v>
      </c>
      <c r="D3514" t="s">
        <v>3289</v>
      </c>
    </row>
    <row r="3515" spans="1:4" x14ac:dyDescent="0.4">
      <c r="A3515">
        <v>1066019</v>
      </c>
      <c r="B3515" t="s">
        <v>815</v>
      </c>
      <c r="C3515" t="s">
        <v>818</v>
      </c>
      <c r="D3515" t="s">
        <v>3290</v>
      </c>
    </row>
    <row r="3516" spans="1:4" x14ac:dyDescent="0.4">
      <c r="A3516">
        <v>1066020</v>
      </c>
      <c r="B3516" t="s">
        <v>815</v>
      </c>
      <c r="C3516" t="s">
        <v>818</v>
      </c>
      <c r="D3516" t="s">
        <v>3291</v>
      </c>
    </row>
    <row r="3517" spans="1:4" x14ac:dyDescent="0.4">
      <c r="A3517">
        <v>1066021</v>
      </c>
      <c r="B3517" t="s">
        <v>815</v>
      </c>
      <c r="C3517" t="s">
        <v>818</v>
      </c>
      <c r="D3517" t="s">
        <v>3292</v>
      </c>
    </row>
    <row r="3518" spans="1:4" x14ac:dyDescent="0.4">
      <c r="A3518">
        <v>1066022</v>
      </c>
      <c r="B3518" t="s">
        <v>815</v>
      </c>
      <c r="C3518" t="s">
        <v>818</v>
      </c>
      <c r="D3518" t="s">
        <v>3293</v>
      </c>
    </row>
    <row r="3519" spans="1:4" x14ac:dyDescent="0.4">
      <c r="A3519">
        <v>1066023</v>
      </c>
      <c r="B3519" t="s">
        <v>815</v>
      </c>
      <c r="C3519" t="s">
        <v>818</v>
      </c>
      <c r="D3519" t="s">
        <v>3294</v>
      </c>
    </row>
    <row r="3520" spans="1:4" x14ac:dyDescent="0.4">
      <c r="A3520">
        <v>1066024</v>
      </c>
      <c r="B3520" t="s">
        <v>815</v>
      </c>
      <c r="C3520" t="s">
        <v>818</v>
      </c>
      <c r="D3520" t="s">
        <v>3295</v>
      </c>
    </row>
    <row r="3521" spans="1:4" x14ac:dyDescent="0.4">
      <c r="A3521">
        <v>1066025</v>
      </c>
      <c r="B3521" t="s">
        <v>815</v>
      </c>
      <c r="C3521" t="s">
        <v>818</v>
      </c>
      <c r="D3521" t="s">
        <v>3296</v>
      </c>
    </row>
    <row r="3522" spans="1:4" x14ac:dyDescent="0.4">
      <c r="A3522">
        <v>1066026</v>
      </c>
      <c r="B3522" t="s">
        <v>815</v>
      </c>
      <c r="C3522" t="s">
        <v>818</v>
      </c>
      <c r="D3522" t="s">
        <v>3297</v>
      </c>
    </row>
    <row r="3523" spans="1:4" x14ac:dyDescent="0.4">
      <c r="A3523">
        <v>1066027</v>
      </c>
      <c r="B3523" t="s">
        <v>815</v>
      </c>
      <c r="C3523" t="s">
        <v>818</v>
      </c>
      <c r="D3523" t="s">
        <v>3298</v>
      </c>
    </row>
    <row r="3524" spans="1:4" x14ac:dyDescent="0.4">
      <c r="A3524">
        <v>1066028</v>
      </c>
      <c r="B3524" t="s">
        <v>815</v>
      </c>
      <c r="C3524" t="s">
        <v>818</v>
      </c>
      <c r="D3524" t="s">
        <v>3299</v>
      </c>
    </row>
    <row r="3525" spans="1:4" x14ac:dyDescent="0.4">
      <c r="A3525">
        <v>1066029</v>
      </c>
      <c r="B3525" t="s">
        <v>815</v>
      </c>
      <c r="C3525" t="s">
        <v>818</v>
      </c>
      <c r="D3525" t="s">
        <v>3300</v>
      </c>
    </row>
    <row r="3526" spans="1:4" x14ac:dyDescent="0.4">
      <c r="A3526">
        <v>1066030</v>
      </c>
      <c r="B3526" t="s">
        <v>815</v>
      </c>
      <c r="C3526" t="s">
        <v>818</v>
      </c>
      <c r="D3526" t="s">
        <v>3301</v>
      </c>
    </row>
    <row r="3527" spans="1:4" x14ac:dyDescent="0.4">
      <c r="A3527">
        <v>1066031</v>
      </c>
      <c r="B3527" t="s">
        <v>815</v>
      </c>
      <c r="C3527" t="s">
        <v>818</v>
      </c>
      <c r="D3527" t="s">
        <v>3302</v>
      </c>
    </row>
    <row r="3528" spans="1:4" x14ac:dyDescent="0.4">
      <c r="A3528">
        <v>1066032</v>
      </c>
      <c r="B3528" t="s">
        <v>815</v>
      </c>
      <c r="C3528" t="s">
        <v>818</v>
      </c>
      <c r="D3528" t="s">
        <v>3303</v>
      </c>
    </row>
    <row r="3529" spans="1:4" x14ac:dyDescent="0.4">
      <c r="A3529">
        <v>1066033</v>
      </c>
      <c r="B3529" t="s">
        <v>815</v>
      </c>
      <c r="C3529" t="s">
        <v>818</v>
      </c>
      <c r="D3529" t="s">
        <v>3304</v>
      </c>
    </row>
    <row r="3530" spans="1:4" x14ac:dyDescent="0.4">
      <c r="A3530">
        <v>1066034</v>
      </c>
      <c r="B3530" t="s">
        <v>815</v>
      </c>
      <c r="C3530" t="s">
        <v>818</v>
      </c>
      <c r="D3530" t="s">
        <v>3305</v>
      </c>
    </row>
    <row r="3531" spans="1:4" x14ac:dyDescent="0.4">
      <c r="A3531">
        <v>1066035</v>
      </c>
      <c r="B3531" t="s">
        <v>815</v>
      </c>
      <c r="C3531" t="s">
        <v>818</v>
      </c>
      <c r="D3531" t="s">
        <v>3306</v>
      </c>
    </row>
    <row r="3532" spans="1:4" x14ac:dyDescent="0.4">
      <c r="A3532">
        <v>1066036</v>
      </c>
      <c r="B3532" t="s">
        <v>815</v>
      </c>
      <c r="C3532" t="s">
        <v>818</v>
      </c>
      <c r="D3532" t="s">
        <v>3307</v>
      </c>
    </row>
    <row r="3533" spans="1:4" x14ac:dyDescent="0.4">
      <c r="A3533">
        <v>1066037</v>
      </c>
      <c r="B3533" t="s">
        <v>815</v>
      </c>
      <c r="C3533" t="s">
        <v>818</v>
      </c>
      <c r="D3533" t="s">
        <v>3308</v>
      </c>
    </row>
    <row r="3534" spans="1:4" x14ac:dyDescent="0.4">
      <c r="A3534">
        <v>1066038</v>
      </c>
      <c r="B3534" t="s">
        <v>815</v>
      </c>
      <c r="C3534" t="s">
        <v>818</v>
      </c>
      <c r="D3534" t="s">
        <v>3309</v>
      </c>
    </row>
    <row r="3535" spans="1:4" x14ac:dyDescent="0.4">
      <c r="A3535">
        <v>1066039</v>
      </c>
      <c r="B3535" t="s">
        <v>815</v>
      </c>
      <c r="C3535" t="s">
        <v>818</v>
      </c>
      <c r="D3535" t="s">
        <v>3310</v>
      </c>
    </row>
    <row r="3536" spans="1:4" x14ac:dyDescent="0.4">
      <c r="A3536">
        <v>1066040</v>
      </c>
      <c r="B3536" t="s">
        <v>815</v>
      </c>
      <c r="C3536" t="s">
        <v>818</v>
      </c>
      <c r="D3536" t="s">
        <v>3311</v>
      </c>
    </row>
    <row r="3537" spans="1:4" x14ac:dyDescent="0.4">
      <c r="A3537">
        <v>1066041</v>
      </c>
      <c r="B3537" t="s">
        <v>815</v>
      </c>
      <c r="C3537" t="s">
        <v>818</v>
      </c>
      <c r="D3537" t="s">
        <v>3312</v>
      </c>
    </row>
    <row r="3538" spans="1:4" x14ac:dyDescent="0.4">
      <c r="A3538">
        <v>1066042</v>
      </c>
      <c r="B3538" t="s">
        <v>815</v>
      </c>
      <c r="C3538" t="s">
        <v>818</v>
      </c>
      <c r="D3538" t="s">
        <v>3313</v>
      </c>
    </row>
    <row r="3539" spans="1:4" x14ac:dyDescent="0.4">
      <c r="A3539">
        <v>1066043</v>
      </c>
      <c r="B3539" t="s">
        <v>815</v>
      </c>
      <c r="C3539" t="s">
        <v>818</v>
      </c>
      <c r="D3539" t="s">
        <v>3314</v>
      </c>
    </row>
    <row r="3540" spans="1:4" x14ac:dyDescent="0.4">
      <c r="A3540">
        <v>1066044</v>
      </c>
      <c r="B3540" t="s">
        <v>815</v>
      </c>
      <c r="C3540" t="s">
        <v>818</v>
      </c>
      <c r="D3540" t="s">
        <v>3315</v>
      </c>
    </row>
    <row r="3541" spans="1:4" x14ac:dyDescent="0.4">
      <c r="A3541">
        <v>1066045</v>
      </c>
      <c r="B3541" t="s">
        <v>815</v>
      </c>
      <c r="C3541" t="s">
        <v>818</v>
      </c>
      <c r="D3541" t="s">
        <v>3316</v>
      </c>
    </row>
    <row r="3542" spans="1:4" x14ac:dyDescent="0.4">
      <c r="A3542">
        <v>1066190</v>
      </c>
      <c r="B3542" t="s">
        <v>815</v>
      </c>
      <c r="C3542" t="s">
        <v>818</v>
      </c>
      <c r="D3542" t="s">
        <v>3317</v>
      </c>
    </row>
    <row r="3543" spans="1:4" x14ac:dyDescent="0.4">
      <c r="A3543">
        <v>1066101</v>
      </c>
      <c r="B3543" t="s">
        <v>815</v>
      </c>
      <c r="C3543" t="s">
        <v>818</v>
      </c>
      <c r="D3543" t="s">
        <v>3318</v>
      </c>
    </row>
    <row r="3544" spans="1:4" x14ac:dyDescent="0.4">
      <c r="A3544">
        <v>1066102</v>
      </c>
      <c r="B3544" t="s">
        <v>815</v>
      </c>
      <c r="C3544" t="s">
        <v>818</v>
      </c>
      <c r="D3544" t="s">
        <v>3319</v>
      </c>
    </row>
    <row r="3545" spans="1:4" x14ac:dyDescent="0.4">
      <c r="A3545">
        <v>1920903</v>
      </c>
      <c r="B3545" t="s">
        <v>815</v>
      </c>
      <c r="C3545" t="s">
        <v>1524</v>
      </c>
      <c r="D3545" t="s">
        <v>3320</v>
      </c>
    </row>
    <row r="3546" spans="1:4" x14ac:dyDescent="0.4">
      <c r="A3546">
        <v>1900000</v>
      </c>
      <c r="B3546" t="s">
        <v>815</v>
      </c>
      <c r="C3546" t="s">
        <v>3321</v>
      </c>
    </row>
    <row r="3547" spans="1:4" x14ac:dyDescent="0.4">
      <c r="A3547">
        <v>1900012</v>
      </c>
      <c r="B3547" t="s">
        <v>815</v>
      </c>
      <c r="C3547" t="s">
        <v>3321</v>
      </c>
      <c r="D3547" t="s">
        <v>3322</v>
      </c>
    </row>
    <row r="3548" spans="1:4" x14ac:dyDescent="0.4">
      <c r="A3548">
        <v>1900015</v>
      </c>
      <c r="B3548" t="s">
        <v>815</v>
      </c>
      <c r="C3548" t="s">
        <v>3321</v>
      </c>
      <c r="D3548" t="s">
        <v>1528</v>
      </c>
    </row>
    <row r="3549" spans="1:4" x14ac:dyDescent="0.4">
      <c r="A3549">
        <v>1900033</v>
      </c>
      <c r="B3549" t="s">
        <v>815</v>
      </c>
      <c r="C3549" t="s">
        <v>3321</v>
      </c>
      <c r="D3549" t="s">
        <v>3323</v>
      </c>
    </row>
    <row r="3550" spans="1:4" x14ac:dyDescent="0.4">
      <c r="A3550">
        <v>1900004</v>
      </c>
      <c r="B3550" t="s">
        <v>815</v>
      </c>
      <c r="C3550" t="s">
        <v>3321</v>
      </c>
      <c r="D3550" t="s">
        <v>3324</v>
      </c>
    </row>
    <row r="3551" spans="1:4" x14ac:dyDescent="0.4">
      <c r="A3551">
        <v>1900032</v>
      </c>
      <c r="B3551" t="s">
        <v>815</v>
      </c>
      <c r="C3551" t="s">
        <v>3321</v>
      </c>
      <c r="D3551" t="s">
        <v>3325</v>
      </c>
    </row>
    <row r="3552" spans="1:4" x14ac:dyDescent="0.4">
      <c r="A3552">
        <v>1900002</v>
      </c>
      <c r="B3552" t="s">
        <v>815</v>
      </c>
      <c r="C3552" t="s">
        <v>3321</v>
      </c>
      <c r="D3552" t="s">
        <v>72</v>
      </c>
    </row>
    <row r="3553" spans="1:4" x14ac:dyDescent="0.4">
      <c r="A3553">
        <v>1900003</v>
      </c>
      <c r="B3553" t="s">
        <v>815</v>
      </c>
      <c r="C3553" t="s">
        <v>3321</v>
      </c>
      <c r="D3553" t="s">
        <v>255</v>
      </c>
    </row>
    <row r="3554" spans="1:4" x14ac:dyDescent="0.4">
      <c r="A3554">
        <v>1900023</v>
      </c>
      <c r="B3554" t="s">
        <v>815</v>
      </c>
      <c r="C3554" t="s">
        <v>3321</v>
      </c>
      <c r="D3554" t="s">
        <v>3326</v>
      </c>
    </row>
    <row r="3555" spans="1:4" x14ac:dyDescent="0.4">
      <c r="A3555">
        <v>1900031</v>
      </c>
      <c r="B3555" t="s">
        <v>815</v>
      </c>
      <c r="C3555" t="s">
        <v>3321</v>
      </c>
      <c r="D3555" t="s">
        <v>3327</v>
      </c>
    </row>
    <row r="3556" spans="1:4" x14ac:dyDescent="0.4">
      <c r="A3556">
        <v>1900011</v>
      </c>
      <c r="B3556" t="s">
        <v>815</v>
      </c>
      <c r="C3556" t="s">
        <v>3321</v>
      </c>
      <c r="D3556" t="s">
        <v>3328</v>
      </c>
    </row>
    <row r="3557" spans="1:4" x14ac:dyDescent="0.4">
      <c r="A3557">
        <v>1900022</v>
      </c>
      <c r="B3557" t="s">
        <v>815</v>
      </c>
      <c r="C3557" t="s">
        <v>3321</v>
      </c>
      <c r="D3557" t="s">
        <v>3142</v>
      </c>
    </row>
    <row r="3558" spans="1:4" x14ac:dyDescent="0.4">
      <c r="A3558">
        <v>1900034</v>
      </c>
      <c r="B3558" t="s">
        <v>815</v>
      </c>
      <c r="C3558" t="s">
        <v>3321</v>
      </c>
      <c r="D3558" t="s">
        <v>3329</v>
      </c>
    </row>
    <row r="3559" spans="1:4" x14ac:dyDescent="0.4">
      <c r="A3559">
        <v>1900021</v>
      </c>
      <c r="B3559" t="s">
        <v>815</v>
      </c>
      <c r="C3559" t="s">
        <v>3321</v>
      </c>
      <c r="D3559" t="s">
        <v>3330</v>
      </c>
    </row>
    <row r="3560" spans="1:4" x14ac:dyDescent="0.4">
      <c r="A3560">
        <v>1900013</v>
      </c>
      <c r="B3560" t="s">
        <v>815</v>
      </c>
      <c r="C3560" t="s">
        <v>3321</v>
      </c>
      <c r="D3560" t="s">
        <v>1605</v>
      </c>
    </row>
    <row r="3561" spans="1:4" x14ac:dyDescent="0.4">
      <c r="A3561">
        <v>1900014</v>
      </c>
      <c r="B3561" t="s">
        <v>815</v>
      </c>
      <c r="C3561" t="s">
        <v>3321</v>
      </c>
      <c r="D3561" t="s">
        <v>1611</v>
      </c>
    </row>
    <row r="3562" spans="1:4" x14ac:dyDescent="0.4">
      <c r="A3562">
        <v>1900001</v>
      </c>
      <c r="B3562" t="s">
        <v>815</v>
      </c>
      <c r="C3562" t="s">
        <v>3321</v>
      </c>
      <c r="D3562" t="s">
        <v>219</v>
      </c>
    </row>
    <row r="3563" spans="1:4" x14ac:dyDescent="0.4">
      <c r="A3563">
        <v>1800000</v>
      </c>
      <c r="B3563" t="s">
        <v>815</v>
      </c>
      <c r="C3563" t="s">
        <v>3331</v>
      </c>
    </row>
    <row r="3564" spans="1:4" x14ac:dyDescent="0.4">
      <c r="A3564">
        <v>1800004</v>
      </c>
      <c r="B3564" t="s">
        <v>815</v>
      </c>
      <c r="C3564" t="s">
        <v>3331</v>
      </c>
      <c r="D3564" t="s">
        <v>3332</v>
      </c>
    </row>
    <row r="3565" spans="1:4" x14ac:dyDescent="0.4">
      <c r="A3565">
        <v>1800002</v>
      </c>
      <c r="B3565" t="s">
        <v>815</v>
      </c>
      <c r="C3565" t="s">
        <v>3331</v>
      </c>
      <c r="D3565" t="s">
        <v>3333</v>
      </c>
    </row>
    <row r="3566" spans="1:4" x14ac:dyDescent="0.4">
      <c r="A3566">
        <v>1800003</v>
      </c>
      <c r="B3566" t="s">
        <v>815</v>
      </c>
      <c r="C3566" t="s">
        <v>3331</v>
      </c>
      <c r="D3566" t="s">
        <v>3334</v>
      </c>
    </row>
    <row r="3567" spans="1:4" x14ac:dyDescent="0.4">
      <c r="A3567">
        <v>1800001</v>
      </c>
      <c r="B3567" t="s">
        <v>815</v>
      </c>
      <c r="C3567" t="s">
        <v>3331</v>
      </c>
      <c r="D3567" t="s">
        <v>3335</v>
      </c>
    </row>
    <row r="3568" spans="1:4" x14ac:dyDescent="0.4">
      <c r="A3568">
        <v>1800023</v>
      </c>
      <c r="B3568" t="s">
        <v>815</v>
      </c>
      <c r="C3568" t="s">
        <v>3331</v>
      </c>
      <c r="D3568" t="s">
        <v>3336</v>
      </c>
    </row>
    <row r="3569" spans="1:4" x14ac:dyDescent="0.4">
      <c r="A3569">
        <v>1800005</v>
      </c>
      <c r="B3569" t="s">
        <v>815</v>
      </c>
      <c r="C3569" t="s">
        <v>3331</v>
      </c>
      <c r="D3569" t="s">
        <v>3337</v>
      </c>
    </row>
    <row r="3570" spans="1:4" x14ac:dyDescent="0.4">
      <c r="A3570">
        <v>1800022</v>
      </c>
      <c r="B3570" t="s">
        <v>815</v>
      </c>
      <c r="C3570" t="s">
        <v>3331</v>
      </c>
      <c r="D3570" t="s">
        <v>1672</v>
      </c>
    </row>
    <row r="3571" spans="1:4" x14ac:dyDescent="0.4">
      <c r="A3571">
        <v>1800021</v>
      </c>
      <c r="B3571" t="s">
        <v>815</v>
      </c>
      <c r="C3571" t="s">
        <v>3331</v>
      </c>
      <c r="D3571" t="s">
        <v>3338</v>
      </c>
    </row>
    <row r="3572" spans="1:4" x14ac:dyDescent="0.4">
      <c r="A3572">
        <v>1800014</v>
      </c>
      <c r="B3572" t="s">
        <v>815</v>
      </c>
      <c r="C3572" t="s">
        <v>3331</v>
      </c>
      <c r="D3572" t="s">
        <v>3339</v>
      </c>
    </row>
    <row r="3573" spans="1:4" x14ac:dyDescent="0.4">
      <c r="A3573">
        <v>1800006</v>
      </c>
      <c r="B3573" t="s">
        <v>815</v>
      </c>
      <c r="C3573" t="s">
        <v>3331</v>
      </c>
      <c r="D3573" t="s">
        <v>1585</v>
      </c>
    </row>
    <row r="3574" spans="1:4" x14ac:dyDescent="0.4">
      <c r="A3574">
        <v>1800013</v>
      </c>
      <c r="B3574" t="s">
        <v>815</v>
      </c>
      <c r="C3574" t="s">
        <v>3331</v>
      </c>
      <c r="D3574" t="s">
        <v>3340</v>
      </c>
    </row>
    <row r="3575" spans="1:4" x14ac:dyDescent="0.4">
      <c r="A3575">
        <v>1800012</v>
      </c>
      <c r="B3575" t="s">
        <v>815</v>
      </c>
      <c r="C3575" t="s">
        <v>3331</v>
      </c>
      <c r="D3575" t="s">
        <v>1611</v>
      </c>
    </row>
    <row r="3576" spans="1:4" x14ac:dyDescent="0.4">
      <c r="A3576">
        <v>1800011</v>
      </c>
      <c r="B3576" t="s">
        <v>815</v>
      </c>
      <c r="C3576" t="s">
        <v>3331</v>
      </c>
      <c r="D3576" t="s">
        <v>479</v>
      </c>
    </row>
    <row r="3577" spans="1:4" x14ac:dyDescent="0.4">
      <c r="A3577">
        <v>1810000</v>
      </c>
      <c r="B3577" t="s">
        <v>815</v>
      </c>
      <c r="C3577" t="s">
        <v>3341</v>
      </c>
    </row>
    <row r="3578" spans="1:4" x14ac:dyDescent="0.4">
      <c r="A3578">
        <v>1810011</v>
      </c>
      <c r="B3578" t="s">
        <v>815</v>
      </c>
      <c r="C3578" t="s">
        <v>3341</v>
      </c>
      <c r="D3578" t="s">
        <v>3342</v>
      </c>
    </row>
    <row r="3579" spans="1:4" x14ac:dyDescent="0.4">
      <c r="A3579">
        <v>1810001</v>
      </c>
      <c r="B3579" t="s">
        <v>815</v>
      </c>
      <c r="C3579" t="s">
        <v>3341</v>
      </c>
      <c r="D3579" t="s">
        <v>3343</v>
      </c>
    </row>
    <row r="3580" spans="1:4" x14ac:dyDescent="0.4">
      <c r="A3580">
        <v>1810015</v>
      </c>
      <c r="B3580" t="s">
        <v>815</v>
      </c>
      <c r="C3580" t="s">
        <v>3341</v>
      </c>
      <c r="D3580" t="s">
        <v>537</v>
      </c>
    </row>
    <row r="3581" spans="1:4" x14ac:dyDescent="0.4">
      <c r="A3581">
        <v>1810012</v>
      </c>
      <c r="B3581" t="s">
        <v>815</v>
      </c>
      <c r="C3581" t="s">
        <v>3341</v>
      </c>
      <c r="D3581" t="s">
        <v>3344</v>
      </c>
    </row>
    <row r="3582" spans="1:4" x14ac:dyDescent="0.4">
      <c r="A3582">
        <v>1810003</v>
      </c>
      <c r="B3582" t="s">
        <v>815</v>
      </c>
      <c r="C3582" t="s">
        <v>3341</v>
      </c>
      <c r="D3582" t="s">
        <v>3345</v>
      </c>
    </row>
    <row r="3583" spans="1:4" x14ac:dyDescent="0.4">
      <c r="A3583">
        <v>1810013</v>
      </c>
      <c r="B3583" t="s">
        <v>815</v>
      </c>
      <c r="C3583" t="s">
        <v>3341</v>
      </c>
      <c r="D3583" t="s">
        <v>3346</v>
      </c>
    </row>
    <row r="3584" spans="1:4" x14ac:dyDescent="0.4">
      <c r="A3584">
        <v>1810004</v>
      </c>
      <c r="B3584" t="s">
        <v>815</v>
      </c>
      <c r="C3584" t="s">
        <v>3341</v>
      </c>
      <c r="D3584" t="s">
        <v>1101</v>
      </c>
    </row>
    <row r="3585" spans="1:4" x14ac:dyDescent="0.4">
      <c r="A3585">
        <v>1810016</v>
      </c>
      <c r="B3585" t="s">
        <v>815</v>
      </c>
      <c r="C3585" t="s">
        <v>3341</v>
      </c>
      <c r="D3585" t="s">
        <v>3347</v>
      </c>
    </row>
    <row r="3586" spans="1:4" x14ac:dyDescent="0.4">
      <c r="A3586">
        <v>1810005</v>
      </c>
      <c r="B3586" t="s">
        <v>815</v>
      </c>
      <c r="C3586" t="s">
        <v>3341</v>
      </c>
      <c r="D3586" t="s">
        <v>2477</v>
      </c>
    </row>
    <row r="3587" spans="1:4" x14ac:dyDescent="0.4">
      <c r="A3587">
        <v>1810014</v>
      </c>
      <c r="B3587" t="s">
        <v>815</v>
      </c>
      <c r="C3587" t="s">
        <v>3341</v>
      </c>
      <c r="D3587" t="s">
        <v>3348</v>
      </c>
    </row>
    <row r="3588" spans="1:4" x14ac:dyDescent="0.4">
      <c r="A3588">
        <v>1810002</v>
      </c>
      <c r="B3588" t="s">
        <v>815</v>
      </c>
      <c r="C3588" t="s">
        <v>3341</v>
      </c>
      <c r="D3588" t="s">
        <v>3349</v>
      </c>
    </row>
    <row r="3589" spans="1:4" x14ac:dyDescent="0.4">
      <c r="A3589">
        <v>1980000</v>
      </c>
      <c r="B3589" t="s">
        <v>815</v>
      </c>
      <c r="C3589" t="s">
        <v>3350</v>
      </c>
    </row>
    <row r="3590" spans="1:4" x14ac:dyDescent="0.4">
      <c r="A3590">
        <v>1980087</v>
      </c>
      <c r="B3590" t="s">
        <v>815</v>
      </c>
      <c r="C3590" t="s">
        <v>3350</v>
      </c>
      <c r="D3590" t="s">
        <v>3351</v>
      </c>
    </row>
    <row r="3591" spans="1:4" x14ac:dyDescent="0.4">
      <c r="A3591">
        <v>1980023</v>
      </c>
      <c r="B3591" t="s">
        <v>815</v>
      </c>
      <c r="C3591" t="s">
        <v>3350</v>
      </c>
      <c r="D3591" t="s">
        <v>2009</v>
      </c>
    </row>
    <row r="3592" spans="1:4" x14ac:dyDescent="0.4">
      <c r="A3592">
        <v>1980021</v>
      </c>
      <c r="B3592" t="s">
        <v>815</v>
      </c>
      <c r="C3592" t="s">
        <v>3350</v>
      </c>
      <c r="D3592" t="s">
        <v>3352</v>
      </c>
    </row>
    <row r="3593" spans="1:4" x14ac:dyDescent="0.4">
      <c r="A3593">
        <v>1980088</v>
      </c>
      <c r="B3593" t="s">
        <v>815</v>
      </c>
      <c r="C3593" t="s">
        <v>3350</v>
      </c>
      <c r="D3593" t="s">
        <v>3353</v>
      </c>
    </row>
    <row r="3594" spans="1:4" x14ac:dyDescent="0.4">
      <c r="A3594">
        <v>1980086</v>
      </c>
      <c r="B3594" t="s">
        <v>815</v>
      </c>
      <c r="C3594" t="s">
        <v>3350</v>
      </c>
      <c r="D3594" t="s">
        <v>3354</v>
      </c>
    </row>
    <row r="3595" spans="1:4" x14ac:dyDescent="0.4">
      <c r="A3595">
        <v>1980003</v>
      </c>
      <c r="B3595" t="s">
        <v>815</v>
      </c>
      <c r="C3595" t="s">
        <v>3350</v>
      </c>
      <c r="D3595" t="s">
        <v>3355</v>
      </c>
    </row>
    <row r="3596" spans="1:4" x14ac:dyDescent="0.4">
      <c r="A3596">
        <v>1980041</v>
      </c>
      <c r="B3596" t="s">
        <v>815</v>
      </c>
      <c r="C3596" t="s">
        <v>3350</v>
      </c>
      <c r="D3596" t="s">
        <v>3356</v>
      </c>
    </row>
    <row r="3597" spans="1:4" x14ac:dyDescent="0.4">
      <c r="A3597">
        <v>1980036</v>
      </c>
      <c r="B3597" t="s">
        <v>815</v>
      </c>
      <c r="C3597" t="s">
        <v>3350</v>
      </c>
      <c r="D3597" t="s">
        <v>3357</v>
      </c>
    </row>
    <row r="3598" spans="1:4" x14ac:dyDescent="0.4">
      <c r="A3598">
        <v>1980081</v>
      </c>
      <c r="B3598" t="s">
        <v>815</v>
      </c>
      <c r="C3598" t="s">
        <v>3350</v>
      </c>
      <c r="D3598" t="s">
        <v>2287</v>
      </c>
    </row>
    <row r="3599" spans="1:4" x14ac:dyDescent="0.4">
      <c r="A3599">
        <v>1980013</v>
      </c>
      <c r="B3599" t="s">
        <v>815</v>
      </c>
      <c r="C3599" t="s">
        <v>3350</v>
      </c>
      <c r="D3599" t="s">
        <v>3358</v>
      </c>
    </row>
    <row r="3600" spans="1:4" x14ac:dyDescent="0.4">
      <c r="A3600">
        <v>1980005</v>
      </c>
      <c r="B3600" t="s">
        <v>815</v>
      </c>
      <c r="C3600" t="s">
        <v>3350</v>
      </c>
      <c r="D3600" t="s">
        <v>3359</v>
      </c>
    </row>
    <row r="3601" spans="1:4" x14ac:dyDescent="0.4">
      <c r="A3601">
        <v>1980053</v>
      </c>
      <c r="B3601" t="s">
        <v>815</v>
      </c>
      <c r="C3601" t="s">
        <v>3350</v>
      </c>
      <c r="D3601" t="s">
        <v>3360</v>
      </c>
    </row>
    <row r="3602" spans="1:4" x14ac:dyDescent="0.4">
      <c r="A3602">
        <v>1980172</v>
      </c>
      <c r="B3602" t="s">
        <v>815</v>
      </c>
      <c r="C3602" t="s">
        <v>3350</v>
      </c>
      <c r="D3602" t="s">
        <v>3361</v>
      </c>
    </row>
    <row r="3603" spans="1:4" x14ac:dyDescent="0.4">
      <c r="A3603">
        <v>1980011</v>
      </c>
      <c r="B3603" t="s">
        <v>815</v>
      </c>
      <c r="C3603" t="s">
        <v>3350</v>
      </c>
      <c r="D3603" t="s">
        <v>3362</v>
      </c>
    </row>
    <row r="3604" spans="1:4" x14ac:dyDescent="0.4">
      <c r="A3604">
        <v>1980024</v>
      </c>
      <c r="B3604" t="s">
        <v>815</v>
      </c>
      <c r="C3604" t="s">
        <v>3350</v>
      </c>
      <c r="D3604" t="s">
        <v>367</v>
      </c>
    </row>
    <row r="3605" spans="1:4" x14ac:dyDescent="0.4">
      <c r="A3605">
        <v>1980025</v>
      </c>
      <c r="B3605" t="s">
        <v>815</v>
      </c>
      <c r="C3605" t="s">
        <v>3350</v>
      </c>
      <c r="D3605" t="s">
        <v>3363</v>
      </c>
    </row>
    <row r="3606" spans="1:4" x14ac:dyDescent="0.4">
      <c r="A3606">
        <v>1980084</v>
      </c>
      <c r="B3606" t="s">
        <v>815</v>
      </c>
      <c r="C3606" t="s">
        <v>3350</v>
      </c>
      <c r="D3606" t="s">
        <v>3364</v>
      </c>
    </row>
    <row r="3607" spans="1:4" x14ac:dyDescent="0.4">
      <c r="A3607">
        <v>1980014</v>
      </c>
      <c r="B3607" t="s">
        <v>815</v>
      </c>
      <c r="C3607" t="s">
        <v>3350</v>
      </c>
      <c r="D3607" t="s">
        <v>1874</v>
      </c>
    </row>
    <row r="3608" spans="1:4" x14ac:dyDescent="0.4">
      <c r="A3608">
        <v>1980085</v>
      </c>
      <c r="B3608" t="s">
        <v>815</v>
      </c>
      <c r="C3608" t="s">
        <v>3350</v>
      </c>
      <c r="D3608" t="s">
        <v>3365</v>
      </c>
    </row>
    <row r="3609" spans="1:4" x14ac:dyDescent="0.4">
      <c r="A3609">
        <v>1980043</v>
      </c>
      <c r="B3609" t="s">
        <v>815</v>
      </c>
      <c r="C3609" t="s">
        <v>3350</v>
      </c>
      <c r="D3609" t="s">
        <v>3366</v>
      </c>
    </row>
    <row r="3610" spans="1:4" x14ac:dyDescent="0.4">
      <c r="A3610">
        <v>1980002</v>
      </c>
      <c r="B3610" t="s">
        <v>815</v>
      </c>
      <c r="C3610" t="s">
        <v>3350</v>
      </c>
      <c r="D3610" t="s">
        <v>911</v>
      </c>
    </row>
    <row r="3611" spans="1:4" x14ac:dyDescent="0.4">
      <c r="A3611">
        <v>1980051</v>
      </c>
      <c r="B3611" t="s">
        <v>815</v>
      </c>
      <c r="C3611" t="s">
        <v>3350</v>
      </c>
      <c r="D3611" t="s">
        <v>3367</v>
      </c>
    </row>
    <row r="3612" spans="1:4" x14ac:dyDescent="0.4">
      <c r="A3612">
        <v>1980082</v>
      </c>
      <c r="B3612" t="s">
        <v>815</v>
      </c>
      <c r="C3612" t="s">
        <v>3350</v>
      </c>
      <c r="D3612" t="s">
        <v>802</v>
      </c>
    </row>
    <row r="3613" spans="1:4" x14ac:dyDescent="0.4">
      <c r="A3613">
        <v>1980052</v>
      </c>
      <c r="B3613" t="s">
        <v>815</v>
      </c>
      <c r="C3613" t="s">
        <v>3350</v>
      </c>
      <c r="D3613" t="s">
        <v>3368</v>
      </c>
    </row>
    <row r="3614" spans="1:4" x14ac:dyDescent="0.4">
      <c r="A3614">
        <v>1980001</v>
      </c>
      <c r="B3614" t="s">
        <v>815</v>
      </c>
      <c r="C3614" t="s">
        <v>3350</v>
      </c>
      <c r="D3614" t="s">
        <v>3369</v>
      </c>
    </row>
    <row r="3615" spans="1:4" x14ac:dyDescent="0.4">
      <c r="A3615">
        <v>1980044</v>
      </c>
      <c r="B3615" t="s">
        <v>815</v>
      </c>
      <c r="C3615" t="s">
        <v>3350</v>
      </c>
      <c r="D3615" t="s">
        <v>3370</v>
      </c>
    </row>
    <row r="3616" spans="1:4" x14ac:dyDescent="0.4">
      <c r="A3616">
        <v>1980004</v>
      </c>
      <c r="B3616" t="s">
        <v>815</v>
      </c>
      <c r="C3616" t="s">
        <v>3350</v>
      </c>
      <c r="D3616" t="s">
        <v>3371</v>
      </c>
    </row>
    <row r="3617" spans="1:4" x14ac:dyDescent="0.4">
      <c r="A3617">
        <v>1980032</v>
      </c>
      <c r="B3617" t="s">
        <v>815</v>
      </c>
      <c r="C3617" t="s">
        <v>3350</v>
      </c>
      <c r="D3617" t="s">
        <v>3372</v>
      </c>
    </row>
    <row r="3618" spans="1:4" x14ac:dyDescent="0.4">
      <c r="A3618">
        <v>1980063</v>
      </c>
      <c r="B3618" t="s">
        <v>815</v>
      </c>
      <c r="C3618" t="s">
        <v>3350</v>
      </c>
      <c r="D3618" t="s">
        <v>3373</v>
      </c>
    </row>
    <row r="3619" spans="1:4" x14ac:dyDescent="0.4">
      <c r="A3619">
        <v>1980061</v>
      </c>
      <c r="B3619" t="s">
        <v>815</v>
      </c>
      <c r="C3619" t="s">
        <v>3350</v>
      </c>
      <c r="D3619" t="s">
        <v>3374</v>
      </c>
    </row>
    <row r="3620" spans="1:4" x14ac:dyDescent="0.4">
      <c r="A3620">
        <v>1980042</v>
      </c>
      <c r="B3620" t="s">
        <v>815</v>
      </c>
      <c r="C3620" t="s">
        <v>3350</v>
      </c>
      <c r="D3620" t="s">
        <v>3375</v>
      </c>
    </row>
    <row r="3621" spans="1:4" x14ac:dyDescent="0.4">
      <c r="A3621">
        <v>1980046</v>
      </c>
      <c r="B3621" t="s">
        <v>815</v>
      </c>
      <c r="C3621" t="s">
        <v>3350</v>
      </c>
      <c r="D3621" t="s">
        <v>3376</v>
      </c>
    </row>
    <row r="3622" spans="1:4" x14ac:dyDescent="0.4">
      <c r="A3622">
        <v>1980015</v>
      </c>
      <c r="B3622" t="s">
        <v>815</v>
      </c>
      <c r="C3622" t="s">
        <v>3350</v>
      </c>
      <c r="D3622" t="s">
        <v>1696</v>
      </c>
    </row>
    <row r="3623" spans="1:4" x14ac:dyDescent="0.4">
      <c r="A3623">
        <v>1980022</v>
      </c>
      <c r="B3623" t="s">
        <v>815</v>
      </c>
      <c r="C3623" t="s">
        <v>3350</v>
      </c>
      <c r="D3623" t="s">
        <v>3377</v>
      </c>
    </row>
    <row r="3624" spans="1:4" x14ac:dyDescent="0.4">
      <c r="A3624">
        <v>1980171</v>
      </c>
      <c r="B3624" t="s">
        <v>815</v>
      </c>
      <c r="C3624" t="s">
        <v>3350</v>
      </c>
      <c r="D3624" t="s">
        <v>3378</v>
      </c>
    </row>
    <row r="3625" spans="1:4" x14ac:dyDescent="0.4">
      <c r="A3625">
        <v>1980083</v>
      </c>
      <c r="B3625" t="s">
        <v>815</v>
      </c>
      <c r="C3625" t="s">
        <v>3350</v>
      </c>
      <c r="D3625" t="s">
        <v>403</v>
      </c>
    </row>
    <row r="3626" spans="1:4" x14ac:dyDescent="0.4">
      <c r="A3626">
        <v>1980174</v>
      </c>
      <c r="B3626" t="s">
        <v>815</v>
      </c>
      <c r="C3626" t="s">
        <v>3350</v>
      </c>
      <c r="D3626" t="s">
        <v>3379</v>
      </c>
    </row>
    <row r="3627" spans="1:4" x14ac:dyDescent="0.4">
      <c r="A3627">
        <v>1980175</v>
      </c>
      <c r="B3627" t="s">
        <v>815</v>
      </c>
      <c r="C3627" t="s">
        <v>3350</v>
      </c>
      <c r="D3627" t="s">
        <v>3380</v>
      </c>
    </row>
    <row r="3628" spans="1:4" x14ac:dyDescent="0.4">
      <c r="A3628">
        <v>1980173</v>
      </c>
      <c r="B3628" t="s">
        <v>815</v>
      </c>
      <c r="C3628" t="s">
        <v>3350</v>
      </c>
      <c r="D3628" t="s">
        <v>3381</v>
      </c>
    </row>
    <row r="3629" spans="1:4" x14ac:dyDescent="0.4">
      <c r="A3629">
        <v>1980089</v>
      </c>
      <c r="B3629" t="s">
        <v>815</v>
      </c>
      <c r="C3629" t="s">
        <v>3350</v>
      </c>
      <c r="D3629" t="s">
        <v>3382</v>
      </c>
    </row>
    <row r="3630" spans="1:4" x14ac:dyDescent="0.4">
      <c r="A3630">
        <v>1980031</v>
      </c>
      <c r="B3630" t="s">
        <v>815</v>
      </c>
      <c r="C3630" t="s">
        <v>3350</v>
      </c>
      <c r="D3630" t="s">
        <v>2562</v>
      </c>
    </row>
    <row r="3631" spans="1:4" x14ac:dyDescent="0.4">
      <c r="A3631">
        <v>1980012</v>
      </c>
      <c r="B3631" t="s">
        <v>815</v>
      </c>
      <c r="C3631" t="s">
        <v>3350</v>
      </c>
      <c r="D3631" t="s">
        <v>3383</v>
      </c>
    </row>
    <row r="3632" spans="1:4" x14ac:dyDescent="0.4">
      <c r="A3632">
        <v>1980064</v>
      </c>
      <c r="B3632" t="s">
        <v>815</v>
      </c>
      <c r="C3632" t="s">
        <v>3350</v>
      </c>
      <c r="D3632" t="s">
        <v>3384</v>
      </c>
    </row>
    <row r="3633" spans="1:4" x14ac:dyDescent="0.4">
      <c r="A3633">
        <v>1980062</v>
      </c>
      <c r="B3633" t="s">
        <v>815</v>
      </c>
      <c r="C3633" t="s">
        <v>3350</v>
      </c>
      <c r="D3633" t="s">
        <v>3385</v>
      </c>
    </row>
    <row r="3634" spans="1:4" x14ac:dyDescent="0.4">
      <c r="A3634">
        <v>1830000</v>
      </c>
      <c r="B3634" t="s">
        <v>815</v>
      </c>
      <c r="C3634" t="s">
        <v>3386</v>
      </c>
    </row>
    <row r="3635" spans="1:4" x14ac:dyDescent="0.4">
      <c r="A3635">
        <v>1830003</v>
      </c>
      <c r="B3635" t="s">
        <v>815</v>
      </c>
      <c r="C3635" t="s">
        <v>3386</v>
      </c>
      <c r="D3635" t="s">
        <v>3387</v>
      </c>
    </row>
    <row r="3636" spans="1:4" x14ac:dyDescent="0.4">
      <c r="A3636">
        <v>1830012</v>
      </c>
      <c r="B3636" t="s">
        <v>815</v>
      </c>
      <c r="C3636" t="s">
        <v>3386</v>
      </c>
      <c r="D3636" t="s">
        <v>3388</v>
      </c>
    </row>
    <row r="3637" spans="1:4" x14ac:dyDescent="0.4">
      <c r="A3637">
        <v>1830021</v>
      </c>
      <c r="B3637" t="s">
        <v>815</v>
      </c>
      <c r="C3637" t="s">
        <v>3386</v>
      </c>
      <c r="D3637" t="s">
        <v>3389</v>
      </c>
    </row>
    <row r="3638" spans="1:4" x14ac:dyDescent="0.4">
      <c r="A3638">
        <v>1830041</v>
      </c>
      <c r="B3638" t="s">
        <v>815</v>
      </c>
      <c r="C3638" t="s">
        <v>3386</v>
      </c>
      <c r="D3638" t="s">
        <v>3390</v>
      </c>
    </row>
    <row r="3639" spans="1:4" x14ac:dyDescent="0.4">
      <c r="A3639">
        <v>1830056</v>
      </c>
      <c r="B3639" t="s">
        <v>815</v>
      </c>
      <c r="C3639" t="s">
        <v>3386</v>
      </c>
      <c r="D3639" t="s">
        <v>1740</v>
      </c>
    </row>
    <row r="3640" spans="1:4" x14ac:dyDescent="0.4">
      <c r="A3640">
        <v>1830013</v>
      </c>
      <c r="B3640" t="s">
        <v>815</v>
      </c>
      <c r="C3640" t="s">
        <v>3386</v>
      </c>
      <c r="D3640" t="s">
        <v>3391</v>
      </c>
    </row>
    <row r="3641" spans="1:4" x14ac:dyDescent="0.4">
      <c r="A3641">
        <v>1830014</v>
      </c>
      <c r="B3641" t="s">
        <v>815</v>
      </c>
      <c r="C3641" t="s">
        <v>3386</v>
      </c>
      <c r="D3641" t="s">
        <v>3392</v>
      </c>
    </row>
    <row r="3642" spans="1:4" x14ac:dyDescent="0.4">
      <c r="A3642">
        <v>1830054</v>
      </c>
      <c r="B3642" t="s">
        <v>815</v>
      </c>
      <c r="C3642" t="s">
        <v>3386</v>
      </c>
      <c r="D3642" t="s">
        <v>72</v>
      </c>
    </row>
    <row r="3643" spans="1:4" x14ac:dyDescent="0.4">
      <c r="A3643">
        <v>1830051</v>
      </c>
      <c r="B3643" t="s">
        <v>815</v>
      </c>
      <c r="C3643" t="s">
        <v>3386</v>
      </c>
      <c r="D3643" t="s">
        <v>255</v>
      </c>
    </row>
    <row r="3644" spans="1:4" x14ac:dyDescent="0.4">
      <c r="A3644">
        <v>1830015</v>
      </c>
      <c r="B3644" t="s">
        <v>815</v>
      </c>
      <c r="C3644" t="s">
        <v>3386</v>
      </c>
      <c r="D3644" t="s">
        <v>3393</v>
      </c>
    </row>
    <row r="3645" spans="1:4" x14ac:dyDescent="0.4">
      <c r="A3645">
        <v>1830011</v>
      </c>
      <c r="B3645" t="s">
        <v>815</v>
      </c>
      <c r="C3645" t="s">
        <v>3386</v>
      </c>
      <c r="D3645" t="s">
        <v>3394</v>
      </c>
    </row>
    <row r="3646" spans="1:4" x14ac:dyDescent="0.4">
      <c r="A3646">
        <v>1830052</v>
      </c>
      <c r="B3646" t="s">
        <v>815</v>
      </c>
      <c r="C3646" t="s">
        <v>3386</v>
      </c>
      <c r="D3646" t="s">
        <v>367</v>
      </c>
    </row>
    <row r="3647" spans="1:4" x14ac:dyDescent="0.4">
      <c r="A3647">
        <v>1830034</v>
      </c>
      <c r="B3647" t="s">
        <v>815</v>
      </c>
      <c r="C3647" t="s">
        <v>3386</v>
      </c>
      <c r="D3647" t="s">
        <v>3395</v>
      </c>
    </row>
    <row r="3648" spans="1:4" x14ac:dyDescent="0.4">
      <c r="A3648">
        <v>1830001</v>
      </c>
      <c r="B3648" t="s">
        <v>815</v>
      </c>
      <c r="C3648" t="s">
        <v>3386</v>
      </c>
      <c r="D3648" t="s">
        <v>3116</v>
      </c>
    </row>
    <row r="3649" spans="1:4" x14ac:dyDescent="0.4">
      <c r="A3649">
        <v>1830002</v>
      </c>
      <c r="B3649" t="s">
        <v>815</v>
      </c>
      <c r="C3649" t="s">
        <v>3386</v>
      </c>
      <c r="D3649" t="s">
        <v>3396</v>
      </c>
    </row>
    <row r="3650" spans="1:4" x14ac:dyDescent="0.4">
      <c r="A3650">
        <v>1830053</v>
      </c>
      <c r="B3650" t="s">
        <v>815</v>
      </c>
      <c r="C3650" t="s">
        <v>3386</v>
      </c>
      <c r="D3650" t="s">
        <v>1582</v>
      </c>
    </row>
    <row r="3651" spans="1:4" x14ac:dyDescent="0.4">
      <c r="A3651">
        <v>1830043</v>
      </c>
      <c r="B3651" t="s">
        <v>815</v>
      </c>
      <c r="C3651" t="s">
        <v>3386</v>
      </c>
      <c r="D3651" t="s">
        <v>3397</v>
      </c>
    </row>
    <row r="3652" spans="1:4" x14ac:dyDescent="0.4">
      <c r="A3652">
        <v>1830046</v>
      </c>
      <c r="B3652" t="s">
        <v>815</v>
      </c>
      <c r="C3652" t="s">
        <v>3386</v>
      </c>
      <c r="D3652" t="s">
        <v>3398</v>
      </c>
    </row>
    <row r="3653" spans="1:4" x14ac:dyDescent="0.4">
      <c r="A3653">
        <v>1830031</v>
      </c>
      <c r="B3653" t="s">
        <v>815</v>
      </c>
      <c r="C3653" t="s">
        <v>3386</v>
      </c>
      <c r="D3653" t="s">
        <v>3399</v>
      </c>
    </row>
    <row r="3654" spans="1:4" x14ac:dyDescent="0.4">
      <c r="A3654">
        <v>1830044</v>
      </c>
      <c r="B3654" t="s">
        <v>815</v>
      </c>
      <c r="C3654" t="s">
        <v>3386</v>
      </c>
      <c r="D3654" t="s">
        <v>3400</v>
      </c>
    </row>
    <row r="3655" spans="1:4" x14ac:dyDescent="0.4">
      <c r="A3655">
        <v>1830036</v>
      </c>
      <c r="B3655" t="s">
        <v>815</v>
      </c>
      <c r="C3655" t="s">
        <v>3386</v>
      </c>
      <c r="D3655" t="s">
        <v>3401</v>
      </c>
    </row>
    <row r="3656" spans="1:4" x14ac:dyDescent="0.4">
      <c r="A3656">
        <v>1830016</v>
      </c>
      <c r="B3656" t="s">
        <v>815</v>
      </c>
      <c r="C3656" t="s">
        <v>3386</v>
      </c>
      <c r="D3656" t="s">
        <v>479</v>
      </c>
    </row>
    <row r="3657" spans="1:4" x14ac:dyDescent="0.4">
      <c r="A3657">
        <v>1830057</v>
      </c>
      <c r="B3657" t="s">
        <v>815</v>
      </c>
      <c r="C3657" t="s">
        <v>3386</v>
      </c>
      <c r="D3657" t="s">
        <v>3402</v>
      </c>
    </row>
    <row r="3658" spans="1:4" x14ac:dyDescent="0.4">
      <c r="A3658">
        <v>1830024</v>
      </c>
      <c r="B3658" t="s">
        <v>815</v>
      </c>
      <c r="C3658" t="s">
        <v>3386</v>
      </c>
      <c r="D3658" t="s">
        <v>1603</v>
      </c>
    </row>
    <row r="3659" spans="1:4" x14ac:dyDescent="0.4">
      <c r="A3659">
        <v>1830055</v>
      </c>
      <c r="B3659" t="s">
        <v>815</v>
      </c>
      <c r="C3659" t="s">
        <v>3386</v>
      </c>
      <c r="D3659" t="s">
        <v>3403</v>
      </c>
    </row>
    <row r="3660" spans="1:4" x14ac:dyDescent="0.4">
      <c r="A3660">
        <v>1830033</v>
      </c>
      <c r="B3660" t="s">
        <v>815</v>
      </c>
      <c r="C3660" t="s">
        <v>3386</v>
      </c>
      <c r="D3660" t="s">
        <v>3404</v>
      </c>
    </row>
    <row r="3661" spans="1:4" x14ac:dyDescent="0.4">
      <c r="A3661">
        <v>1830032</v>
      </c>
      <c r="B3661" t="s">
        <v>815</v>
      </c>
      <c r="C3661" t="s">
        <v>3386</v>
      </c>
      <c r="D3661" t="s">
        <v>3405</v>
      </c>
    </row>
    <row r="3662" spans="1:4" x14ac:dyDescent="0.4">
      <c r="A3662">
        <v>1830027</v>
      </c>
      <c r="B3662" t="s">
        <v>815</v>
      </c>
      <c r="C3662" t="s">
        <v>3386</v>
      </c>
      <c r="D3662" t="s">
        <v>403</v>
      </c>
    </row>
    <row r="3663" spans="1:4" x14ac:dyDescent="0.4">
      <c r="A3663">
        <v>1830006</v>
      </c>
      <c r="B3663" t="s">
        <v>815</v>
      </c>
      <c r="C3663" t="s">
        <v>3386</v>
      </c>
      <c r="D3663" t="s">
        <v>1611</v>
      </c>
    </row>
    <row r="3664" spans="1:4" x14ac:dyDescent="0.4">
      <c r="A3664">
        <v>1830026</v>
      </c>
      <c r="B3664" t="s">
        <v>815</v>
      </c>
      <c r="C3664" t="s">
        <v>3386</v>
      </c>
      <c r="D3664" t="s">
        <v>1615</v>
      </c>
    </row>
    <row r="3665" spans="1:4" x14ac:dyDescent="0.4">
      <c r="A3665">
        <v>1830022</v>
      </c>
      <c r="B3665" t="s">
        <v>815</v>
      </c>
      <c r="C3665" t="s">
        <v>3386</v>
      </c>
      <c r="D3665" t="s">
        <v>3406</v>
      </c>
    </row>
    <row r="3666" spans="1:4" x14ac:dyDescent="0.4">
      <c r="A3666">
        <v>1830023</v>
      </c>
      <c r="B3666" t="s">
        <v>815</v>
      </c>
      <c r="C3666" t="s">
        <v>3386</v>
      </c>
      <c r="D3666" t="s">
        <v>3407</v>
      </c>
    </row>
    <row r="3667" spans="1:4" x14ac:dyDescent="0.4">
      <c r="A3667">
        <v>1830045</v>
      </c>
      <c r="B3667" t="s">
        <v>815</v>
      </c>
      <c r="C3667" t="s">
        <v>3386</v>
      </c>
      <c r="D3667" t="s">
        <v>3408</v>
      </c>
    </row>
    <row r="3668" spans="1:4" x14ac:dyDescent="0.4">
      <c r="A3668">
        <v>1830042</v>
      </c>
      <c r="B3668" t="s">
        <v>815</v>
      </c>
      <c r="C3668" t="s">
        <v>3386</v>
      </c>
      <c r="D3668" t="s">
        <v>3409</v>
      </c>
    </row>
    <row r="3669" spans="1:4" x14ac:dyDescent="0.4">
      <c r="A3669">
        <v>1830004</v>
      </c>
      <c r="B3669" t="s">
        <v>815</v>
      </c>
      <c r="C3669" t="s">
        <v>3386</v>
      </c>
      <c r="D3669" t="s">
        <v>3410</v>
      </c>
    </row>
    <row r="3670" spans="1:4" x14ac:dyDescent="0.4">
      <c r="A3670">
        <v>1830025</v>
      </c>
      <c r="B3670" t="s">
        <v>815</v>
      </c>
      <c r="C3670" t="s">
        <v>3386</v>
      </c>
      <c r="D3670" t="s">
        <v>3411</v>
      </c>
    </row>
    <row r="3671" spans="1:4" x14ac:dyDescent="0.4">
      <c r="A3671">
        <v>1830035</v>
      </c>
      <c r="B3671" t="s">
        <v>815</v>
      </c>
      <c r="C3671" t="s">
        <v>3386</v>
      </c>
      <c r="D3671" t="s">
        <v>1860</v>
      </c>
    </row>
    <row r="3672" spans="1:4" x14ac:dyDescent="0.4">
      <c r="A3672">
        <v>1830005</v>
      </c>
      <c r="B3672" t="s">
        <v>815</v>
      </c>
      <c r="C3672" t="s">
        <v>3386</v>
      </c>
      <c r="D3672" t="s">
        <v>32</v>
      </c>
    </row>
    <row r="3673" spans="1:4" x14ac:dyDescent="0.4">
      <c r="A3673">
        <v>1960000</v>
      </c>
      <c r="B3673" t="s">
        <v>815</v>
      </c>
      <c r="C3673" t="s">
        <v>3412</v>
      </c>
    </row>
    <row r="3674" spans="1:4" x14ac:dyDescent="0.4">
      <c r="A3674">
        <v>1960025</v>
      </c>
      <c r="B3674" t="s">
        <v>815</v>
      </c>
      <c r="C3674" t="s">
        <v>3412</v>
      </c>
      <c r="D3674" t="s">
        <v>3387</v>
      </c>
    </row>
    <row r="3675" spans="1:4" x14ac:dyDescent="0.4">
      <c r="A3675">
        <v>1960033</v>
      </c>
      <c r="B3675" t="s">
        <v>815</v>
      </c>
      <c r="C3675" t="s">
        <v>3412</v>
      </c>
      <c r="D3675" t="s">
        <v>1526</v>
      </c>
    </row>
    <row r="3676" spans="1:4" x14ac:dyDescent="0.4">
      <c r="A3676">
        <v>1960013</v>
      </c>
      <c r="B3676" t="s">
        <v>815</v>
      </c>
      <c r="C3676" t="s">
        <v>3412</v>
      </c>
      <c r="D3676" t="s">
        <v>3413</v>
      </c>
    </row>
    <row r="3677" spans="1:4" x14ac:dyDescent="0.4">
      <c r="A3677">
        <v>1960032</v>
      </c>
      <c r="B3677" t="s">
        <v>815</v>
      </c>
      <c r="C3677" t="s">
        <v>3412</v>
      </c>
      <c r="D3677" t="s">
        <v>3414</v>
      </c>
    </row>
    <row r="3678" spans="1:4" x14ac:dyDescent="0.4">
      <c r="A3678">
        <v>1960011</v>
      </c>
      <c r="B3678" t="s">
        <v>815</v>
      </c>
      <c r="C3678" t="s">
        <v>3412</v>
      </c>
      <c r="D3678" t="s">
        <v>3415</v>
      </c>
    </row>
    <row r="3679" spans="1:4" x14ac:dyDescent="0.4">
      <c r="A3679">
        <v>1960015</v>
      </c>
      <c r="B3679" t="s">
        <v>815</v>
      </c>
      <c r="C3679" t="s">
        <v>3412</v>
      </c>
      <c r="D3679" t="s">
        <v>2500</v>
      </c>
    </row>
    <row r="3680" spans="1:4" x14ac:dyDescent="0.4">
      <c r="A3680">
        <v>1960014</v>
      </c>
      <c r="B3680" t="s">
        <v>815</v>
      </c>
      <c r="C3680" t="s">
        <v>3412</v>
      </c>
      <c r="D3680" t="s">
        <v>3416</v>
      </c>
    </row>
    <row r="3681" spans="1:4" x14ac:dyDescent="0.4">
      <c r="A3681">
        <v>1960034</v>
      </c>
      <c r="B3681" t="s">
        <v>815</v>
      </c>
      <c r="C3681" t="s">
        <v>3412</v>
      </c>
      <c r="D3681" t="s">
        <v>3417</v>
      </c>
    </row>
    <row r="3682" spans="1:4" x14ac:dyDescent="0.4">
      <c r="A3682">
        <v>1960023</v>
      </c>
      <c r="B3682" t="s">
        <v>815</v>
      </c>
      <c r="C3682" t="s">
        <v>3412</v>
      </c>
      <c r="D3682" t="s">
        <v>3418</v>
      </c>
    </row>
    <row r="3683" spans="1:4" x14ac:dyDescent="0.4">
      <c r="A3683">
        <v>1960012</v>
      </c>
      <c r="B3683" t="s">
        <v>815</v>
      </c>
      <c r="C3683" t="s">
        <v>3412</v>
      </c>
      <c r="D3683" t="s">
        <v>2631</v>
      </c>
    </row>
    <row r="3684" spans="1:4" x14ac:dyDescent="0.4">
      <c r="A3684">
        <v>1960022</v>
      </c>
      <c r="B3684" t="s">
        <v>815</v>
      </c>
      <c r="C3684" t="s">
        <v>3412</v>
      </c>
      <c r="D3684" t="s">
        <v>3419</v>
      </c>
    </row>
    <row r="3685" spans="1:4" x14ac:dyDescent="0.4">
      <c r="A3685">
        <v>1960002</v>
      </c>
      <c r="B3685" t="s">
        <v>815</v>
      </c>
      <c r="C3685" t="s">
        <v>3412</v>
      </c>
      <c r="D3685" t="s">
        <v>3420</v>
      </c>
    </row>
    <row r="3686" spans="1:4" x14ac:dyDescent="0.4">
      <c r="A3686">
        <v>1960031</v>
      </c>
      <c r="B3686" t="s">
        <v>815</v>
      </c>
      <c r="C3686" t="s">
        <v>3412</v>
      </c>
      <c r="D3686" t="s">
        <v>3421</v>
      </c>
    </row>
    <row r="3687" spans="1:4" x14ac:dyDescent="0.4">
      <c r="A3687">
        <v>1960003</v>
      </c>
      <c r="B3687" t="s">
        <v>815</v>
      </c>
      <c r="C3687" t="s">
        <v>3412</v>
      </c>
      <c r="D3687" t="s">
        <v>3422</v>
      </c>
    </row>
    <row r="3688" spans="1:4" x14ac:dyDescent="0.4">
      <c r="A3688">
        <v>1960004</v>
      </c>
      <c r="B3688" t="s">
        <v>815</v>
      </c>
      <c r="C3688" t="s">
        <v>3412</v>
      </c>
      <c r="D3688" t="s">
        <v>1611</v>
      </c>
    </row>
    <row r="3689" spans="1:4" x14ac:dyDescent="0.4">
      <c r="A3689">
        <v>1960001</v>
      </c>
      <c r="B3689" t="s">
        <v>815</v>
      </c>
      <c r="C3689" t="s">
        <v>3412</v>
      </c>
      <c r="D3689" t="s">
        <v>3423</v>
      </c>
    </row>
    <row r="3690" spans="1:4" x14ac:dyDescent="0.4">
      <c r="A3690">
        <v>1960024</v>
      </c>
      <c r="B3690" t="s">
        <v>815</v>
      </c>
      <c r="C3690" t="s">
        <v>3412</v>
      </c>
      <c r="D3690" t="s">
        <v>3424</v>
      </c>
    </row>
    <row r="3691" spans="1:4" x14ac:dyDescent="0.4">
      <c r="A3691">
        <v>1960021</v>
      </c>
      <c r="B3691" t="s">
        <v>815</v>
      </c>
      <c r="C3691" t="s">
        <v>3412</v>
      </c>
      <c r="D3691" t="s">
        <v>3425</v>
      </c>
    </row>
    <row r="3692" spans="1:4" x14ac:dyDescent="0.4">
      <c r="A3692">
        <v>1820000</v>
      </c>
      <c r="B3692" t="s">
        <v>815</v>
      </c>
      <c r="C3692" t="s">
        <v>3426</v>
      </c>
    </row>
    <row r="3693" spans="1:4" x14ac:dyDescent="0.4">
      <c r="A3693">
        <v>1820004</v>
      </c>
      <c r="B3693" t="s">
        <v>815</v>
      </c>
      <c r="C3693" t="s">
        <v>3426</v>
      </c>
      <c r="D3693" t="s">
        <v>3427</v>
      </c>
    </row>
    <row r="3694" spans="1:4" x14ac:dyDescent="0.4">
      <c r="A3694">
        <v>1820035</v>
      </c>
      <c r="B3694" t="s">
        <v>815</v>
      </c>
      <c r="C3694" t="s">
        <v>3426</v>
      </c>
      <c r="D3694" t="s">
        <v>3428</v>
      </c>
    </row>
    <row r="3695" spans="1:4" x14ac:dyDescent="0.4">
      <c r="A3695">
        <v>1820007</v>
      </c>
      <c r="B3695" t="s">
        <v>815</v>
      </c>
      <c r="C3695" t="s">
        <v>3426</v>
      </c>
      <c r="D3695" t="s">
        <v>3429</v>
      </c>
    </row>
    <row r="3696" spans="1:4" x14ac:dyDescent="0.4">
      <c r="A3696">
        <v>1820022</v>
      </c>
      <c r="B3696" t="s">
        <v>815</v>
      </c>
      <c r="C3696" t="s">
        <v>3426</v>
      </c>
      <c r="D3696" t="s">
        <v>3430</v>
      </c>
    </row>
    <row r="3697" spans="1:4" x14ac:dyDescent="0.4">
      <c r="A3697">
        <v>1820026</v>
      </c>
      <c r="B3697" t="s">
        <v>815</v>
      </c>
      <c r="C3697" t="s">
        <v>3426</v>
      </c>
      <c r="D3697" t="s">
        <v>2708</v>
      </c>
    </row>
    <row r="3698" spans="1:4" x14ac:dyDescent="0.4">
      <c r="A3698">
        <v>1820016</v>
      </c>
      <c r="B3698" t="s">
        <v>815</v>
      </c>
      <c r="C3698" t="s">
        <v>3426</v>
      </c>
      <c r="D3698" t="s">
        <v>3431</v>
      </c>
    </row>
    <row r="3699" spans="1:4" x14ac:dyDescent="0.4">
      <c r="A3699">
        <v>1820014</v>
      </c>
      <c r="B3699" t="s">
        <v>815</v>
      </c>
      <c r="C3699" t="s">
        <v>3426</v>
      </c>
      <c r="D3699" t="s">
        <v>732</v>
      </c>
    </row>
    <row r="3700" spans="1:4" x14ac:dyDescent="0.4">
      <c r="A3700">
        <v>1820034</v>
      </c>
      <c r="B3700" t="s">
        <v>815</v>
      </c>
      <c r="C3700" t="s">
        <v>3426</v>
      </c>
      <c r="D3700" t="s">
        <v>3432</v>
      </c>
    </row>
    <row r="3701" spans="1:4" x14ac:dyDescent="0.4">
      <c r="A3701">
        <v>1820012</v>
      </c>
      <c r="B3701" t="s">
        <v>815</v>
      </c>
      <c r="C3701" t="s">
        <v>3426</v>
      </c>
      <c r="D3701" t="s">
        <v>3433</v>
      </c>
    </row>
    <row r="3702" spans="1:4" x14ac:dyDescent="0.4">
      <c r="A3702">
        <v>1820013</v>
      </c>
      <c r="B3702" t="s">
        <v>815</v>
      </c>
      <c r="C3702" t="s">
        <v>3426</v>
      </c>
      <c r="D3702" t="s">
        <v>3434</v>
      </c>
    </row>
    <row r="3703" spans="1:4" x14ac:dyDescent="0.4">
      <c r="A3703">
        <v>1820011</v>
      </c>
      <c r="B3703" t="s">
        <v>815</v>
      </c>
      <c r="C3703" t="s">
        <v>3426</v>
      </c>
      <c r="D3703" t="s">
        <v>3435</v>
      </c>
    </row>
    <row r="3704" spans="1:4" x14ac:dyDescent="0.4">
      <c r="A3704">
        <v>1820017</v>
      </c>
      <c r="B3704" t="s">
        <v>815</v>
      </c>
      <c r="C3704" t="s">
        <v>3426</v>
      </c>
      <c r="D3704" t="s">
        <v>3436</v>
      </c>
    </row>
    <row r="3705" spans="1:4" x14ac:dyDescent="0.4">
      <c r="A3705">
        <v>1820002</v>
      </c>
      <c r="B3705" t="s">
        <v>815</v>
      </c>
      <c r="C3705" t="s">
        <v>3426</v>
      </c>
      <c r="D3705" t="s">
        <v>3437</v>
      </c>
    </row>
    <row r="3706" spans="1:4" x14ac:dyDescent="0.4">
      <c r="A3706">
        <v>1820023</v>
      </c>
      <c r="B3706" t="s">
        <v>815</v>
      </c>
      <c r="C3706" t="s">
        <v>3426</v>
      </c>
      <c r="D3706" t="s">
        <v>3438</v>
      </c>
    </row>
    <row r="3707" spans="1:4" x14ac:dyDescent="0.4">
      <c r="A3707">
        <v>1820025</v>
      </c>
      <c r="B3707" t="s">
        <v>815</v>
      </c>
      <c r="C3707" t="s">
        <v>3426</v>
      </c>
      <c r="D3707" t="s">
        <v>2809</v>
      </c>
    </row>
    <row r="3708" spans="1:4" x14ac:dyDescent="0.4">
      <c r="A3708">
        <v>1820021</v>
      </c>
      <c r="B3708" t="s">
        <v>815</v>
      </c>
      <c r="C3708" t="s">
        <v>3426</v>
      </c>
      <c r="D3708" t="s">
        <v>3439</v>
      </c>
    </row>
    <row r="3709" spans="1:4" x14ac:dyDescent="0.4">
      <c r="A3709">
        <v>1820036</v>
      </c>
      <c r="B3709" t="s">
        <v>815</v>
      </c>
      <c r="C3709" t="s">
        <v>3426</v>
      </c>
      <c r="D3709" t="s">
        <v>3440</v>
      </c>
    </row>
    <row r="3710" spans="1:4" x14ac:dyDescent="0.4">
      <c r="A3710">
        <v>1820006</v>
      </c>
      <c r="B3710" t="s">
        <v>815</v>
      </c>
      <c r="C3710" t="s">
        <v>3426</v>
      </c>
      <c r="D3710" t="s">
        <v>3441</v>
      </c>
    </row>
    <row r="3711" spans="1:4" x14ac:dyDescent="0.4">
      <c r="A3711">
        <v>1820032</v>
      </c>
      <c r="B3711" t="s">
        <v>815</v>
      </c>
      <c r="C3711" t="s">
        <v>3426</v>
      </c>
      <c r="D3711" t="s">
        <v>808</v>
      </c>
    </row>
    <row r="3712" spans="1:4" x14ac:dyDescent="0.4">
      <c r="A3712">
        <v>1820031</v>
      </c>
      <c r="B3712" t="s">
        <v>815</v>
      </c>
      <c r="C3712" t="s">
        <v>3426</v>
      </c>
      <c r="D3712" t="s">
        <v>3442</v>
      </c>
    </row>
    <row r="3713" spans="1:4" x14ac:dyDescent="0.4">
      <c r="A3713">
        <v>1820005</v>
      </c>
      <c r="B3713" t="s">
        <v>815</v>
      </c>
      <c r="C3713" t="s">
        <v>3426</v>
      </c>
      <c r="D3713" t="s">
        <v>3443</v>
      </c>
    </row>
    <row r="3714" spans="1:4" x14ac:dyDescent="0.4">
      <c r="A3714">
        <v>1820033</v>
      </c>
      <c r="B3714" t="s">
        <v>815</v>
      </c>
      <c r="C3714" t="s">
        <v>3426</v>
      </c>
      <c r="D3714" t="s">
        <v>1605</v>
      </c>
    </row>
    <row r="3715" spans="1:4" x14ac:dyDescent="0.4">
      <c r="A3715">
        <v>1820024</v>
      </c>
      <c r="B3715" t="s">
        <v>815</v>
      </c>
      <c r="C3715" t="s">
        <v>3426</v>
      </c>
      <c r="D3715" t="s">
        <v>2217</v>
      </c>
    </row>
    <row r="3716" spans="1:4" x14ac:dyDescent="0.4">
      <c r="A3716">
        <v>1820001</v>
      </c>
      <c r="B3716" t="s">
        <v>815</v>
      </c>
      <c r="C3716" t="s">
        <v>3426</v>
      </c>
      <c r="D3716" t="s">
        <v>506</v>
      </c>
    </row>
    <row r="3717" spans="1:4" x14ac:dyDescent="0.4">
      <c r="A3717">
        <v>1820015</v>
      </c>
      <c r="B3717" t="s">
        <v>815</v>
      </c>
      <c r="C3717" t="s">
        <v>3426</v>
      </c>
      <c r="D3717" t="s">
        <v>3444</v>
      </c>
    </row>
    <row r="3718" spans="1:4" x14ac:dyDescent="0.4">
      <c r="A3718">
        <v>1820003</v>
      </c>
      <c r="B3718" t="s">
        <v>815</v>
      </c>
      <c r="C3718" t="s">
        <v>3426</v>
      </c>
      <c r="D3718" t="s">
        <v>219</v>
      </c>
    </row>
    <row r="3719" spans="1:4" x14ac:dyDescent="0.4">
      <c r="A3719">
        <v>1940000</v>
      </c>
      <c r="B3719" t="s">
        <v>815</v>
      </c>
      <c r="C3719" t="s">
        <v>3445</v>
      </c>
    </row>
    <row r="3720" spans="1:4" x14ac:dyDescent="0.4">
      <c r="A3720">
        <v>1940211</v>
      </c>
      <c r="B3720" t="s">
        <v>815</v>
      </c>
      <c r="C3720" t="s">
        <v>3445</v>
      </c>
      <c r="D3720" t="s">
        <v>3446</v>
      </c>
    </row>
    <row r="3721" spans="1:4" x14ac:dyDescent="0.4">
      <c r="A3721">
        <v>1940023</v>
      </c>
      <c r="B3721" t="s">
        <v>815</v>
      </c>
      <c r="C3721" t="s">
        <v>3445</v>
      </c>
      <c r="D3721" t="s">
        <v>222</v>
      </c>
    </row>
    <row r="3722" spans="1:4" x14ac:dyDescent="0.4">
      <c r="A3722">
        <v>1950062</v>
      </c>
      <c r="B3722" t="s">
        <v>815</v>
      </c>
      <c r="C3722" t="s">
        <v>3445</v>
      </c>
      <c r="D3722" t="s">
        <v>3447</v>
      </c>
    </row>
    <row r="3723" spans="1:4" x14ac:dyDescent="0.4">
      <c r="A3723">
        <v>1940003</v>
      </c>
      <c r="B3723" t="s">
        <v>815</v>
      </c>
      <c r="C3723" t="s">
        <v>3445</v>
      </c>
      <c r="D3723" t="s">
        <v>3448</v>
      </c>
    </row>
    <row r="3724" spans="1:4" x14ac:dyDescent="0.4">
      <c r="A3724">
        <v>1950064</v>
      </c>
      <c r="B3724" t="s">
        <v>815</v>
      </c>
      <c r="C3724" t="s">
        <v>3445</v>
      </c>
      <c r="D3724" t="s">
        <v>3449</v>
      </c>
    </row>
    <row r="3725" spans="1:4" x14ac:dyDescent="0.4">
      <c r="A3725">
        <v>1940215</v>
      </c>
      <c r="B3725" t="s">
        <v>815</v>
      </c>
      <c r="C3725" t="s">
        <v>3445</v>
      </c>
      <c r="D3725" t="s">
        <v>3450</v>
      </c>
    </row>
    <row r="3726" spans="1:4" x14ac:dyDescent="0.4">
      <c r="A3726">
        <v>1940204</v>
      </c>
      <c r="B3726" t="s">
        <v>815</v>
      </c>
      <c r="C3726" t="s">
        <v>3445</v>
      </c>
      <c r="D3726" t="s">
        <v>3451</v>
      </c>
    </row>
    <row r="3727" spans="1:4" x14ac:dyDescent="0.4">
      <c r="A3727">
        <v>1940212</v>
      </c>
      <c r="B3727" t="s">
        <v>815</v>
      </c>
      <c r="C3727" t="s">
        <v>3445</v>
      </c>
      <c r="D3727" t="s">
        <v>43</v>
      </c>
    </row>
    <row r="3728" spans="1:4" x14ac:dyDescent="0.4">
      <c r="A3728">
        <v>1950072</v>
      </c>
      <c r="B3728" t="s">
        <v>815</v>
      </c>
      <c r="C3728" t="s">
        <v>3445</v>
      </c>
      <c r="D3728" t="s">
        <v>3452</v>
      </c>
    </row>
    <row r="3729" spans="1:4" x14ac:dyDescent="0.4">
      <c r="A3729">
        <v>1950071</v>
      </c>
      <c r="B3729" t="s">
        <v>815</v>
      </c>
      <c r="C3729" t="s">
        <v>3445</v>
      </c>
      <c r="D3729" t="s">
        <v>3453</v>
      </c>
    </row>
    <row r="3730" spans="1:4" x14ac:dyDescent="0.4">
      <c r="A3730">
        <v>1940012</v>
      </c>
      <c r="B3730" t="s">
        <v>815</v>
      </c>
      <c r="C3730" t="s">
        <v>3445</v>
      </c>
      <c r="D3730" t="s">
        <v>3454</v>
      </c>
    </row>
    <row r="3731" spans="1:4" x14ac:dyDescent="0.4">
      <c r="A3731">
        <v>1940201</v>
      </c>
      <c r="B3731" t="s">
        <v>815</v>
      </c>
      <c r="C3731" t="s">
        <v>3445</v>
      </c>
      <c r="D3731" t="s">
        <v>3455</v>
      </c>
    </row>
    <row r="3732" spans="1:4" x14ac:dyDescent="0.4">
      <c r="A3732">
        <v>1940037</v>
      </c>
      <c r="B3732" t="s">
        <v>815</v>
      </c>
      <c r="C3732" t="s">
        <v>3445</v>
      </c>
      <c r="D3732" t="s">
        <v>3456</v>
      </c>
    </row>
    <row r="3733" spans="1:4" x14ac:dyDescent="0.4">
      <c r="A3733">
        <v>1940036</v>
      </c>
      <c r="B3733" t="s">
        <v>815</v>
      </c>
      <c r="C3733" t="s">
        <v>3445</v>
      </c>
      <c r="D3733" t="s">
        <v>3457</v>
      </c>
    </row>
    <row r="3734" spans="1:4" x14ac:dyDescent="0.4">
      <c r="A3734">
        <v>1940033</v>
      </c>
      <c r="B3734" t="s">
        <v>815</v>
      </c>
      <c r="C3734" t="s">
        <v>3445</v>
      </c>
      <c r="D3734" t="s">
        <v>3458</v>
      </c>
    </row>
    <row r="3735" spans="1:4" x14ac:dyDescent="0.4">
      <c r="A3735">
        <v>1940014</v>
      </c>
      <c r="B3735" t="s">
        <v>815</v>
      </c>
      <c r="C3735" t="s">
        <v>3445</v>
      </c>
      <c r="D3735" t="s">
        <v>3459</v>
      </c>
    </row>
    <row r="3736" spans="1:4" x14ac:dyDescent="0.4">
      <c r="A3736">
        <v>1940202</v>
      </c>
      <c r="B3736" t="s">
        <v>815</v>
      </c>
      <c r="C3736" t="s">
        <v>3445</v>
      </c>
      <c r="D3736" t="s">
        <v>3460</v>
      </c>
    </row>
    <row r="3737" spans="1:4" x14ac:dyDescent="0.4">
      <c r="A3737">
        <v>1950057</v>
      </c>
      <c r="B3737" t="s">
        <v>815</v>
      </c>
      <c r="C3737" t="s">
        <v>3445</v>
      </c>
      <c r="D3737" t="s">
        <v>3461</v>
      </c>
    </row>
    <row r="3738" spans="1:4" x14ac:dyDescent="0.4">
      <c r="A3738">
        <v>1950051</v>
      </c>
      <c r="B3738" t="s">
        <v>815</v>
      </c>
      <c r="C3738" t="s">
        <v>3445</v>
      </c>
      <c r="D3738" t="s">
        <v>3462</v>
      </c>
    </row>
    <row r="3739" spans="1:4" x14ac:dyDescent="0.4">
      <c r="A3739">
        <v>1940203</v>
      </c>
      <c r="B3739" t="s">
        <v>815</v>
      </c>
      <c r="C3739" t="s">
        <v>3445</v>
      </c>
      <c r="D3739" t="s">
        <v>3463</v>
      </c>
    </row>
    <row r="3740" spans="1:4" x14ac:dyDescent="0.4">
      <c r="A3740">
        <v>1940035</v>
      </c>
      <c r="B3740" t="s">
        <v>815</v>
      </c>
      <c r="C3740" t="s">
        <v>3445</v>
      </c>
      <c r="D3740" t="s">
        <v>3464</v>
      </c>
    </row>
    <row r="3741" spans="1:4" x14ac:dyDescent="0.4">
      <c r="A3741">
        <v>1940041</v>
      </c>
      <c r="B3741" t="s">
        <v>815</v>
      </c>
      <c r="C3741" t="s">
        <v>3445</v>
      </c>
      <c r="D3741" t="s">
        <v>3465</v>
      </c>
    </row>
    <row r="3742" spans="1:4" x14ac:dyDescent="0.4">
      <c r="A3742">
        <v>1940001</v>
      </c>
      <c r="B3742" t="s">
        <v>815</v>
      </c>
      <c r="C3742" t="s">
        <v>3445</v>
      </c>
      <c r="D3742" t="s">
        <v>738</v>
      </c>
    </row>
    <row r="3743" spans="1:4" x14ac:dyDescent="0.4">
      <c r="A3743">
        <v>1950061</v>
      </c>
      <c r="B3743" t="s">
        <v>815</v>
      </c>
      <c r="C3743" t="s">
        <v>3445</v>
      </c>
      <c r="D3743" t="s">
        <v>3466</v>
      </c>
    </row>
    <row r="3744" spans="1:4" x14ac:dyDescent="0.4">
      <c r="A3744">
        <v>1940004</v>
      </c>
      <c r="B3744" t="s">
        <v>815</v>
      </c>
      <c r="C3744" t="s">
        <v>3445</v>
      </c>
      <c r="D3744" t="s">
        <v>3467</v>
      </c>
    </row>
    <row r="3745" spans="1:4" x14ac:dyDescent="0.4">
      <c r="A3745">
        <v>1940213</v>
      </c>
      <c r="B3745" t="s">
        <v>815</v>
      </c>
      <c r="C3745" t="s">
        <v>3445</v>
      </c>
      <c r="D3745" t="s">
        <v>1754</v>
      </c>
    </row>
    <row r="3746" spans="1:4" x14ac:dyDescent="0.4">
      <c r="A3746">
        <v>1940021</v>
      </c>
      <c r="B3746" t="s">
        <v>815</v>
      </c>
      <c r="C3746" t="s">
        <v>3445</v>
      </c>
      <c r="D3746" t="s">
        <v>1585</v>
      </c>
    </row>
    <row r="3747" spans="1:4" x14ac:dyDescent="0.4">
      <c r="A3747">
        <v>1940044</v>
      </c>
      <c r="B3747" t="s">
        <v>815</v>
      </c>
      <c r="C3747" t="s">
        <v>3445</v>
      </c>
      <c r="D3747" t="s">
        <v>3468</v>
      </c>
    </row>
    <row r="3748" spans="1:4" x14ac:dyDescent="0.4">
      <c r="A3748">
        <v>1940011</v>
      </c>
      <c r="B3748" t="s">
        <v>815</v>
      </c>
      <c r="C3748" t="s">
        <v>3445</v>
      </c>
      <c r="D3748" t="s">
        <v>3469</v>
      </c>
    </row>
    <row r="3749" spans="1:4" x14ac:dyDescent="0.4">
      <c r="A3749">
        <v>1940043</v>
      </c>
      <c r="B3749" t="s">
        <v>815</v>
      </c>
      <c r="C3749" t="s">
        <v>3445</v>
      </c>
      <c r="D3749" t="s">
        <v>3470</v>
      </c>
    </row>
    <row r="3750" spans="1:4" x14ac:dyDescent="0.4">
      <c r="A3750">
        <v>1940038</v>
      </c>
      <c r="B3750" t="s">
        <v>815</v>
      </c>
      <c r="C3750" t="s">
        <v>3445</v>
      </c>
      <c r="D3750" t="s">
        <v>199</v>
      </c>
    </row>
    <row r="3751" spans="1:4" x14ac:dyDescent="0.4">
      <c r="A3751">
        <v>1940034</v>
      </c>
      <c r="B3751" t="s">
        <v>815</v>
      </c>
      <c r="C3751" t="s">
        <v>3445</v>
      </c>
      <c r="D3751" t="s">
        <v>2343</v>
      </c>
    </row>
    <row r="3752" spans="1:4" x14ac:dyDescent="0.4">
      <c r="A3752">
        <v>1950053</v>
      </c>
      <c r="B3752" t="s">
        <v>815</v>
      </c>
      <c r="C3752" t="s">
        <v>3445</v>
      </c>
      <c r="D3752" t="s">
        <v>3471</v>
      </c>
    </row>
    <row r="3753" spans="1:4" x14ac:dyDescent="0.4">
      <c r="A3753">
        <v>1950063</v>
      </c>
      <c r="B3753" t="s">
        <v>815</v>
      </c>
      <c r="C3753" t="s">
        <v>3445</v>
      </c>
      <c r="D3753" t="s">
        <v>3472</v>
      </c>
    </row>
    <row r="3754" spans="1:4" x14ac:dyDescent="0.4">
      <c r="A3754">
        <v>1940013</v>
      </c>
      <c r="B3754" t="s">
        <v>815</v>
      </c>
      <c r="C3754" t="s">
        <v>3445</v>
      </c>
      <c r="D3754" t="s">
        <v>3473</v>
      </c>
    </row>
    <row r="3755" spans="1:4" x14ac:dyDescent="0.4">
      <c r="A3755">
        <v>1940042</v>
      </c>
      <c r="B3755" t="s">
        <v>815</v>
      </c>
      <c r="C3755" t="s">
        <v>3445</v>
      </c>
      <c r="D3755" t="s">
        <v>3474</v>
      </c>
    </row>
    <row r="3756" spans="1:4" x14ac:dyDescent="0.4">
      <c r="A3756">
        <v>1950056</v>
      </c>
      <c r="B3756" t="s">
        <v>815</v>
      </c>
      <c r="C3756" t="s">
        <v>3445</v>
      </c>
      <c r="D3756" t="s">
        <v>3475</v>
      </c>
    </row>
    <row r="3757" spans="1:4" x14ac:dyDescent="0.4">
      <c r="A3757">
        <v>1950052</v>
      </c>
      <c r="B3757" t="s">
        <v>815</v>
      </c>
      <c r="C3757" t="s">
        <v>3445</v>
      </c>
      <c r="D3757" t="s">
        <v>3476</v>
      </c>
    </row>
    <row r="3758" spans="1:4" x14ac:dyDescent="0.4">
      <c r="A3758">
        <v>1940032</v>
      </c>
      <c r="B3758" t="s">
        <v>815</v>
      </c>
      <c r="C3758" t="s">
        <v>3445</v>
      </c>
      <c r="D3758" t="s">
        <v>3477</v>
      </c>
    </row>
    <row r="3759" spans="1:4" x14ac:dyDescent="0.4">
      <c r="A3759">
        <v>1940031</v>
      </c>
      <c r="B3759" t="s">
        <v>815</v>
      </c>
      <c r="C3759" t="s">
        <v>3445</v>
      </c>
      <c r="D3759" t="s">
        <v>3478</v>
      </c>
    </row>
    <row r="3760" spans="1:4" x14ac:dyDescent="0.4">
      <c r="A3760">
        <v>1940002</v>
      </c>
      <c r="B3760" t="s">
        <v>815</v>
      </c>
      <c r="C3760" t="s">
        <v>3445</v>
      </c>
      <c r="D3760" t="s">
        <v>3479</v>
      </c>
    </row>
    <row r="3761" spans="1:4" x14ac:dyDescent="0.4">
      <c r="A3761">
        <v>1940045</v>
      </c>
      <c r="B3761" t="s">
        <v>815</v>
      </c>
      <c r="C3761" t="s">
        <v>3445</v>
      </c>
      <c r="D3761" t="s">
        <v>3480</v>
      </c>
    </row>
    <row r="3762" spans="1:4" x14ac:dyDescent="0.4">
      <c r="A3762">
        <v>1950054</v>
      </c>
      <c r="B3762" t="s">
        <v>815</v>
      </c>
      <c r="C3762" t="s">
        <v>3445</v>
      </c>
      <c r="D3762" t="s">
        <v>3481</v>
      </c>
    </row>
    <row r="3763" spans="1:4" x14ac:dyDescent="0.4">
      <c r="A3763">
        <v>1950055</v>
      </c>
      <c r="B3763" t="s">
        <v>815</v>
      </c>
      <c r="C3763" t="s">
        <v>3445</v>
      </c>
      <c r="D3763" t="s">
        <v>3482</v>
      </c>
    </row>
    <row r="3764" spans="1:4" x14ac:dyDescent="0.4">
      <c r="A3764">
        <v>1940022</v>
      </c>
      <c r="B3764" t="s">
        <v>815</v>
      </c>
      <c r="C3764" t="s">
        <v>3445</v>
      </c>
      <c r="D3764" t="s">
        <v>3483</v>
      </c>
    </row>
    <row r="3765" spans="1:4" x14ac:dyDescent="0.4">
      <c r="A3765">
        <v>1950073</v>
      </c>
      <c r="B3765" t="s">
        <v>815</v>
      </c>
      <c r="C3765" t="s">
        <v>3445</v>
      </c>
      <c r="D3765" t="s">
        <v>3484</v>
      </c>
    </row>
    <row r="3766" spans="1:4" x14ac:dyDescent="0.4">
      <c r="A3766">
        <v>1940214</v>
      </c>
      <c r="B3766" t="s">
        <v>815</v>
      </c>
      <c r="C3766" t="s">
        <v>3445</v>
      </c>
      <c r="D3766" t="s">
        <v>3485</v>
      </c>
    </row>
    <row r="3767" spans="1:4" x14ac:dyDescent="0.4">
      <c r="A3767">
        <v>1950074</v>
      </c>
      <c r="B3767" t="s">
        <v>815</v>
      </c>
      <c r="C3767" t="s">
        <v>3445</v>
      </c>
      <c r="D3767" t="s">
        <v>3486</v>
      </c>
    </row>
    <row r="3768" spans="1:4" x14ac:dyDescent="0.4">
      <c r="A3768">
        <v>1840000</v>
      </c>
      <c r="B3768" t="s">
        <v>815</v>
      </c>
      <c r="C3768" t="s">
        <v>3487</v>
      </c>
    </row>
    <row r="3769" spans="1:4" x14ac:dyDescent="0.4">
      <c r="A3769">
        <v>1840002</v>
      </c>
      <c r="B3769" t="s">
        <v>815</v>
      </c>
      <c r="C3769" t="s">
        <v>3487</v>
      </c>
      <c r="D3769" t="s">
        <v>3488</v>
      </c>
    </row>
    <row r="3770" spans="1:4" x14ac:dyDescent="0.4">
      <c r="A3770">
        <v>1840005</v>
      </c>
      <c r="B3770" t="s">
        <v>815</v>
      </c>
      <c r="C3770" t="s">
        <v>3487</v>
      </c>
      <c r="D3770" t="s">
        <v>165</v>
      </c>
    </row>
    <row r="3771" spans="1:4" x14ac:dyDescent="0.4">
      <c r="A3771">
        <v>1840001</v>
      </c>
      <c r="B3771" t="s">
        <v>815</v>
      </c>
      <c r="C3771" t="s">
        <v>3487</v>
      </c>
      <c r="D3771" t="s">
        <v>3489</v>
      </c>
    </row>
    <row r="3772" spans="1:4" x14ac:dyDescent="0.4">
      <c r="A3772">
        <v>1840012</v>
      </c>
      <c r="B3772" t="s">
        <v>815</v>
      </c>
      <c r="C3772" t="s">
        <v>3487</v>
      </c>
      <c r="D3772" t="s">
        <v>1585</v>
      </c>
    </row>
    <row r="3773" spans="1:4" x14ac:dyDescent="0.4">
      <c r="A3773">
        <v>1840014</v>
      </c>
      <c r="B3773" t="s">
        <v>815</v>
      </c>
      <c r="C3773" t="s">
        <v>3487</v>
      </c>
      <c r="D3773" t="s">
        <v>3490</v>
      </c>
    </row>
    <row r="3774" spans="1:4" x14ac:dyDescent="0.4">
      <c r="A3774">
        <v>1840015</v>
      </c>
      <c r="B3774" t="s">
        <v>815</v>
      </c>
      <c r="C3774" t="s">
        <v>3487</v>
      </c>
      <c r="D3774" t="s">
        <v>3491</v>
      </c>
    </row>
    <row r="3775" spans="1:4" x14ac:dyDescent="0.4">
      <c r="A3775">
        <v>1840011</v>
      </c>
      <c r="B3775" t="s">
        <v>815</v>
      </c>
      <c r="C3775" t="s">
        <v>3487</v>
      </c>
      <c r="D3775" t="s">
        <v>1526</v>
      </c>
    </row>
    <row r="3776" spans="1:4" x14ac:dyDescent="0.4">
      <c r="A3776">
        <v>1840004</v>
      </c>
      <c r="B3776" t="s">
        <v>815</v>
      </c>
      <c r="C3776" t="s">
        <v>3487</v>
      </c>
      <c r="D3776" t="s">
        <v>403</v>
      </c>
    </row>
    <row r="3777" spans="1:4" x14ac:dyDescent="0.4">
      <c r="A3777">
        <v>1840013</v>
      </c>
      <c r="B3777" t="s">
        <v>815</v>
      </c>
      <c r="C3777" t="s">
        <v>3487</v>
      </c>
      <c r="D3777" t="s">
        <v>3492</v>
      </c>
    </row>
    <row r="3778" spans="1:4" x14ac:dyDescent="0.4">
      <c r="A3778">
        <v>1840003</v>
      </c>
      <c r="B3778" t="s">
        <v>815</v>
      </c>
      <c r="C3778" t="s">
        <v>3487</v>
      </c>
      <c r="D3778" t="s">
        <v>1611</v>
      </c>
    </row>
    <row r="3779" spans="1:4" x14ac:dyDescent="0.4">
      <c r="A3779">
        <v>1870000</v>
      </c>
      <c r="B3779" t="s">
        <v>815</v>
      </c>
      <c r="C3779" t="s">
        <v>3493</v>
      </c>
    </row>
    <row r="3780" spans="1:4" x14ac:dyDescent="0.4">
      <c r="A3780">
        <v>1870001</v>
      </c>
      <c r="B3780" t="s">
        <v>815</v>
      </c>
      <c r="C3780" t="s">
        <v>3493</v>
      </c>
      <c r="D3780" t="s">
        <v>3494</v>
      </c>
    </row>
    <row r="3781" spans="1:4" x14ac:dyDescent="0.4">
      <c r="A3781">
        <v>1870031</v>
      </c>
      <c r="B3781" t="s">
        <v>815</v>
      </c>
      <c r="C3781" t="s">
        <v>3493</v>
      </c>
      <c r="D3781" t="s">
        <v>3495</v>
      </c>
    </row>
    <row r="3782" spans="1:4" x14ac:dyDescent="0.4">
      <c r="A3782">
        <v>1870035</v>
      </c>
      <c r="B3782" t="s">
        <v>815</v>
      </c>
      <c r="C3782" t="s">
        <v>3493</v>
      </c>
      <c r="D3782" t="s">
        <v>3496</v>
      </c>
    </row>
    <row r="3783" spans="1:4" x14ac:dyDescent="0.4">
      <c r="A3783">
        <v>1870032</v>
      </c>
      <c r="B3783" t="s">
        <v>815</v>
      </c>
      <c r="C3783" t="s">
        <v>3493</v>
      </c>
      <c r="D3783" t="s">
        <v>2292</v>
      </c>
    </row>
    <row r="3784" spans="1:4" x14ac:dyDescent="0.4">
      <c r="A3784">
        <v>1870043</v>
      </c>
      <c r="B3784" t="s">
        <v>815</v>
      </c>
      <c r="C3784" t="s">
        <v>3493</v>
      </c>
      <c r="D3784" t="s">
        <v>3497</v>
      </c>
    </row>
    <row r="3785" spans="1:4" x14ac:dyDescent="0.4">
      <c r="A3785">
        <v>1870045</v>
      </c>
      <c r="B3785" t="s">
        <v>815</v>
      </c>
      <c r="C3785" t="s">
        <v>3493</v>
      </c>
      <c r="D3785" t="s">
        <v>3498</v>
      </c>
    </row>
    <row r="3786" spans="1:4" x14ac:dyDescent="0.4">
      <c r="A3786">
        <v>1870044</v>
      </c>
      <c r="B3786" t="s">
        <v>815</v>
      </c>
      <c r="C3786" t="s">
        <v>3493</v>
      </c>
      <c r="D3786" t="s">
        <v>3499</v>
      </c>
    </row>
    <row r="3787" spans="1:4" x14ac:dyDescent="0.4">
      <c r="A3787">
        <v>1870034</v>
      </c>
      <c r="B3787" t="s">
        <v>815</v>
      </c>
      <c r="C3787" t="s">
        <v>3493</v>
      </c>
      <c r="D3787" t="s">
        <v>255</v>
      </c>
    </row>
    <row r="3788" spans="1:4" x14ac:dyDescent="0.4">
      <c r="A3788">
        <v>1870023</v>
      </c>
      <c r="B3788" t="s">
        <v>815</v>
      </c>
      <c r="C3788" t="s">
        <v>3493</v>
      </c>
      <c r="D3788" t="s">
        <v>3500</v>
      </c>
    </row>
    <row r="3789" spans="1:4" x14ac:dyDescent="0.4">
      <c r="A3789">
        <v>1870022</v>
      </c>
      <c r="B3789" t="s">
        <v>815</v>
      </c>
      <c r="C3789" t="s">
        <v>3493</v>
      </c>
      <c r="D3789" t="s">
        <v>3501</v>
      </c>
    </row>
    <row r="3790" spans="1:4" x14ac:dyDescent="0.4">
      <c r="A3790">
        <v>1870021</v>
      </c>
      <c r="B3790" t="s">
        <v>815</v>
      </c>
      <c r="C3790" t="s">
        <v>3493</v>
      </c>
      <c r="D3790" t="s">
        <v>3502</v>
      </c>
    </row>
    <row r="3791" spans="1:4" x14ac:dyDescent="0.4">
      <c r="A3791">
        <v>1870011</v>
      </c>
      <c r="B3791" t="s">
        <v>815</v>
      </c>
      <c r="C3791" t="s">
        <v>3493</v>
      </c>
      <c r="D3791" t="s">
        <v>3503</v>
      </c>
    </row>
    <row r="3792" spans="1:4" x14ac:dyDescent="0.4">
      <c r="A3792">
        <v>1870024</v>
      </c>
      <c r="B3792" t="s">
        <v>815</v>
      </c>
      <c r="C3792" t="s">
        <v>3493</v>
      </c>
      <c r="D3792" t="s">
        <v>3504</v>
      </c>
    </row>
    <row r="3793" spans="1:4" x14ac:dyDescent="0.4">
      <c r="A3793">
        <v>1870025</v>
      </c>
      <c r="B3793" t="s">
        <v>815</v>
      </c>
      <c r="C3793" t="s">
        <v>3493</v>
      </c>
      <c r="D3793" t="s">
        <v>3505</v>
      </c>
    </row>
    <row r="3794" spans="1:4" x14ac:dyDescent="0.4">
      <c r="A3794">
        <v>1870004</v>
      </c>
      <c r="B3794" t="s">
        <v>815</v>
      </c>
      <c r="C3794" t="s">
        <v>3493</v>
      </c>
      <c r="D3794" t="s">
        <v>1582</v>
      </c>
    </row>
    <row r="3795" spans="1:4" x14ac:dyDescent="0.4">
      <c r="A3795">
        <v>1870033</v>
      </c>
      <c r="B3795" t="s">
        <v>815</v>
      </c>
      <c r="C3795" t="s">
        <v>3493</v>
      </c>
      <c r="D3795" t="s">
        <v>3506</v>
      </c>
    </row>
    <row r="3796" spans="1:4" x14ac:dyDescent="0.4">
      <c r="A3796">
        <v>1870042</v>
      </c>
      <c r="B3796" t="s">
        <v>815</v>
      </c>
      <c r="C3796" t="s">
        <v>3493</v>
      </c>
      <c r="D3796" t="s">
        <v>802</v>
      </c>
    </row>
    <row r="3797" spans="1:4" x14ac:dyDescent="0.4">
      <c r="A3797">
        <v>1870002</v>
      </c>
      <c r="B3797" t="s">
        <v>815</v>
      </c>
      <c r="C3797" t="s">
        <v>3493</v>
      </c>
      <c r="D3797" t="s">
        <v>3507</v>
      </c>
    </row>
    <row r="3798" spans="1:4" x14ac:dyDescent="0.4">
      <c r="A3798">
        <v>1870003</v>
      </c>
      <c r="B3798" t="s">
        <v>815</v>
      </c>
      <c r="C3798" t="s">
        <v>3493</v>
      </c>
      <c r="D3798" t="s">
        <v>3508</v>
      </c>
    </row>
    <row r="3799" spans="1:4" x14ac:dyDescent="0.4">
      <c r="A3799">
        <v>1870041</v>
      </c>
      <c r="B3799" t="s">
        <v>815</v>
      </c>
      <c r="C3799" t="s">
        <v>3493</v>
      </c>
      <c r="D3799" t="s">
        <v>3509</v>
      </c>
    </row>
    <row r="3800" spans="1:4" x14ac:dyDescent="0.4">
      <c r="A3800">
        <v>1870012</v>
      </c>
      <c r="B3800" t="s">
        <v>815</v>
      </c>
      <c r="C3800" t="s">
        <v>3493</v>
      </c>
      <c r="D3800" t="s">
        <v>3510</v>
      </c>
    </row>
    <row r="3801" spans="1:4" x14ac:dyDescent="0.4">
      <c r="A3801">
        <v>1870013</v>
      </c>
      <c r="B3801" t="s">
        <v>815</v>
      </c>
      <c r="C3801" t="s">
        <v>3493</v>
      </c>
      <c r="D3801" t="s">
        <v>3511</v>
      </c>
    </row>
    <row r="3802" spans="1:4" x14ac:dyDescent="0.4">
      <c r="A3802">
        <v>1910000</v>
      </c>
      <c r="B3802" t="s">
        <v>815</v>
      </c>
      <c r="C3802" t="s">
        <v>3512</v>
      </c>
    </row>
    <row r="3803" spans="1:4" x14ac:dyDescent="0.4">
      <c r="A3803">
        <v>1910065</v>
      </c>
      <c r="B3803" t="s">
        <v>815</v>
      </c>
      <c r="C3803" t="s">
        <v>3512</v>
      </c>
      <c r="D3803" t="s">
        <v>3513</v>
      </c>
    </row>
    <row r="3804" spans="1:4" x14ac:dyDescent="0.4">
      <c r="A3804">
        <v>1910022</v>
      </c>
      <c r="B3804" t="s">
        <v>815</v>
      </c>
      <c r="C3804" t="s">
        <v>3512</v>
      </c>
      <c r="D3804" t="s">
        <v>590</v>
      </c>
    </row>
    <row r="3805" spans="1:4" x14ac:dyDescent="0.4">
      <c r="A3805">
        <v>1910021</v>
      </c>
      <c r="B3805" t="s">
        <v>815</v>
      </c>
      <c r="C3805" t="s">
        <v>3512</v>
      </c>
      <c r="D3805" t="s">
        <v>3514</v>
      </c>
    </row>
    <row r="3806" spans="1:4" x14ac:dyDescent="0.4">
      <c r="A3806">
        <v>1910061</v>
      </c>
      <c r="B3806" t="s">
        <v>815</v>
      </c>
      <c r="C3806" t="s">
        <v>3512</v>
      </c>
      <c r="D3806" t="s">
        <v>3515</v>
      </c>
    </row>
    <row r="3807" spans="1:4" x14ac:dyDescent="0.4">
      <c r="A3807">
        <v>1910034</v>
      </c>
      <c r="B3807" t="s">
        <v>815</v>
      </c>
      <c r="C3807" t="s">
        <v>3512</v>
      </c>
      <c r="D3807" t="s">
        <v>3516</v>
      </c>
    </row>
    <row r="3808" spans="1:4" x14ac:dyDescent="0.4">
      <c r="A3808">
        <v>1910014</v>
      </c>
      <c r="B3808" t="s">
        <v>815</v>
      </c>
      <c r="C3808" t="s">
        <v>3512</v>
      </c>
      <c r="D3808" t="s">
        <v>3517</v>
      </c>
    </row>
    <row r="3809" spans="1:4" x14ac:dyDescent="0.4">
      <c r="A3809">
        <v>1910015</v>
      </c>
      <c r="B3809" t="s">
        <v>815</v>
      </c>
      <c r="C3809" t="s">
        <v>3512</v>
      </c>
      <c r="D3809" t="s">
        <v>3518</v>
      </c>
    </row>
    <row r="3810" spans="1:4" x14ac:dyDescent="0.4">
      <c r="A3810">
        <v>1910001</v>
      </c>
      <c r="B3810" t="s">
        <v>815</v>
      </c>
      <c r="C3810" t="s">
        <v>3512</v>
      </c>
      <c r="D3810" t="s">
        <v>255</v>
      </c>
    </row>
    <row r="3811" spans="1:4" x14ac:dyDescent="0.4">
      <c r="A3811">
        <v>1910063</v>
      </c>
      <c r="B3811" t="s">
        <v>815</v>
      </c>
      <c r="C3811" t="s">
        <v>3512</v>
      </c>
      <c r="D3811" t="s">
        <v>3519</v>
      </c>
    </row>
    <row r="3812" spans="1:4" x14ac:dyDescent="0.4">
      <c r="A3812">
        <v>1910023</v>
      </c>
      <c r="B3812" t="s">
        <v>815</v>
      </c>
      <c r="C3812" t="s">
        <v>3512</v>
      </c>
      <c r="D3812" t="s">
        <v>3520</v>
      </c>
    </row>
    <row r="3813" spans="1:4" x14ac:dyDescent="0.4">
      <c r="A3813">
        <v>1910002</v>
      </c>
      <c r="B3813" t="s">
        <v>815</v>
      </c>
      <c r="C3813" t="s">
        <v>3512</v>
      </c>
      <c r="D3813" t="s">
        <v>367</v>
      </c>
    </row>
    <row r="3814" spans="1:4" x14ac:dyDescent="0.4">
      <c r="A3814">
        <v>1910016</v>
      </c>
      <c r="B3814" t="s">
        <v>815</v>
      </c>
      <c r="C3814" t="s">
        <v>3512</v>
      </c>
      <c r="D3814" t="s">
        <v>1383</v>
      </c>
    </row>
    <row r="3815" spans="1:4" x14ac:dyDescent="0.4">
      <c r="A3815">
        <v>1910031</v>
      </c>
      <c r="B3815" t="s">
        <v>815</v>
      </c>
      <c r="C3815" t="s">
        <v>3512</v>
      </c>
      <c r="D3815" t="s">
        <v>3521</v>
      </c>
    </row>
    <row r="3816" spans="1:4" x14ac:dyDescent="0.4">
      <c r="A3816">
        <v>1910062</v>
      </c>
      <c r="B3816" t="s">
        <v>815</v>
      </c>
      <c r="C3816" t="s">
        <v>3512</v>
      </c>
      <c r="D3816" t="s">
        <v>3522</v>
      </c>
    </row>
    <row r="3817" spans="1:4" x14ac:dyDescent="0.4">
      <c r="A3817">
        <v>1910051</v>
      </c>
      <c r="B3817" t="s">
        <v>815</v>
      </c>
      <c r="C3817" t="s">
        <v>3512</v>
      </c>
      <c r="D3817" t="s">
        <v>3523</v>
      </c>
    </row>
    <row r="3818" spans="1:4" x14ac:dyDescent="0.4">
      <c r="A3818">
        <v>1910053</v>
      </c>
      <c r="B3818" t="s">
        <v>815</v>
      </c>
      <c r="C3818" t="s">
        <v>3512</v>
      </c>
      <c r="D3818" t="s">
        <v>3524</v>
      </c>
    </row>
    <row r="3819" spans="1:4" x14ac:dyDescent="0.4">
      <c r="A3819">
        <v>1910055</v>
      </c>
      <c r="B3819" t="s">
        <v>815</v>
      </c>
      <c r="C3819" t="s">
        <v>3512</v>
      </c>
      <c r="D3819" t="s">
        <v>3525</v>
      </c>
    </row>
    <row r="3820" spans="1:4" x14ac:dyDescent="0.4">
      <c r="A3820">
        <v>1910052</v>
      </c>
      <c r="B3820" t="s">
        <v>815</v>
      </c>
      <c r="C3820" t="s">
        <v>3512</v>
      </c>
      <c r="D3820" t="s">
        <v>3151</v>
      </c>
    </row>
    <row r="3821" spans="1:4" x14ac:dyDescent="0.4">
      <c r="A3821">
        <v>1910054</v>
      </c>
      <c r="B3821" t="s">
        <v>815</v>
      </c>
      <c r="C3821" t="s">
        <v>3512</v>
      </c>
      <c r="D3821" t="s">
        <v>3526</v>
      </c>
    </row>
    <row r="3822" spans="1:4" x14ac:dyDescent="0.4">
      <c r="A3822">
        <v>1910012</v>
      </c>
      <c r="B3822" t="s">
        <v>815</v>
      </c>
      <c r="C3822" t="s">
        <v>3512</v>
      </c>
      <c r="D3822" t="s">
        <v>3527</v>
      </c>
    </row>
    <row r="3823" spans="1:4" x14ac:dyDescent="0.4">
      <c r="A3823">
        <v>1910003</v>
      </c>
      <c r="B3823" t="s">
        <v>815</v>
      </c>
      <c r="C3823" t="s">
        <v>3512</v>
      </c>
      <c r="D3823" t="s">
        <v>3528</v>
      </c>
    </row>
    <row r="3824" spans="1:4" x14ac:dyDescent="0.4">
      <c r="A3824">
        <v>1910011</v>
      </c>
      <c r="B3824" t="s">
        <v>815</v>
      </c>
      <c r="C3824" t="s">
        <v>3512</v>
      </c>
      <c r="D3824" t="s">
        <v>3529</v>
      </c>
    </row>
    <row r="3825" spans="1:4" x14ac:dyDescent="0.4">
      <c r="A3825">
        <v>1910043</v>
      </c>
      <c r="B3825" t="s">
        <v>815</v>
      </c>
      <c r="C3825" t="s">
        <v>3512</v>
      </c>
      <c r="D3825" t="s">
        <v>3530</v>
      </c>
    </row>
    <row r="3826" spans="1:4" x14ac:dyDescent="0.4">
      <c r="A3826">
        <v>1910064</v>
      </c>
      <c r="B3826" t="s">
        <v>815</v>
      </c>
      <c r="C3826" t="s">
        <v>3512</v>
      </c>
      <c r="D3826" t="s">
        <v>3531</v>
      </c>
    </row>
    <row r="3827" spans="1:4" x14ac:dyDescent="0.4">
      <c r="A3827">
        <v>1910042</v>
      </c>
      <c r="B3827" t="s">
        <v>815</v>
      </c>
      <c r="C3827" t="s">
        <v>3512</v>
      </c>
      <c r="D3827" t="s">
        <v>3532</v>
      </c>
    </row>
    <row r="3828" spans="1:4" x14ac:dyDescent="0.4">
      <c r="A3828">
        <v>1910024</v>
      </c>
      <c r="B3828" t="s">
        <v>815</v>
      </c>
      <c r="C3828" t="s">
        <v>3512</v>
      </c>
      <c r="D3828" t="s">
        <v>3533</v>
      </c>
    </row>
    <row r="3829" spans="1:4" x14ac:dyDescent="0.4">
      <c r="A3829">
        <v>1910032</v>
      </c>
      <c r="B3829" t="s">
        <v>815</v>
      </c>
      <c r="C3829" t="s">
        <v>3512</v>
      </c>
      <c r="D3829" t="s">
        <v>3534</v>
      </c>
    </row>
    <row r="3830" spans="1:4" x14ac:dyDescent="0.4">
      <c r="A3830">
        <v>1910041</v>
      </c>
      <c r="B3830" t="s">
        <v>815</v>
      </c>
      <c r="C3830" t="s">
        <v>3512</v>
      </c>
      <c r="D3830" t="s">
        <v>3535</v>
      </c>
    </row>
    <row r="3831" spans="1:4" x14ac:dyDescent="0.4">
      <c r="A3831">
        <v>1910013</v>
      </c>
      <c r="B3831" t="s">
        <v>815</v>
      </c>
      <c r="C3831" t="s">
        <v>3512</v>
      </c>
      <c r="D3831" t="s">
        <v>475</v>
      </c>
    </row>
    <row r="3832" spans="1:4" x14ac:dyDescent="0.4">
      <c r="A3832">
        <v>1910033</v>
      </c>
      <c r="B3832" t="s">
        <v>815</v>
      </c>
      <c r="C3832" t="s">
        <v>3512</v>
      </c>
      <c r="D3832" t="s">
        <v>3536</v>
      </c>
    </row>
    <row r="3833" spans="1:4" x14ac:dyDescent="0.4">
      <c r="A3833">
        <v>1890000</v>
      </c>
      <c r="B3833" t="s">
        <v>815</v>
      </c>
      <c r="C3833" t="s">
        <v>3537</v>
      </c>
    </row>
    <row r="3834" spans="1:4" x14ac:dyDescent="0.4">
      <c r="A3834">
        <v>1890002</v>
      </c>
      <c r="B3834" t="s">
        <v>815</v>
      </c>
      <c r="C3834" t="s">
        <v>3537</v>
      </c>
      <c r="D3834" t="s">
        <v>3538</v>
      </c>
    </row>
    <row r="3835" spans="1:4" x14ac:dyDescent="0.4">
      <c r="A3835">
        <v>1890001</v>
      </c>
      <c r="B3835" t="s">
        <v>815</v>
      </c>
      <c r="C3835" t="s">
        <v>3537</v>
      </c>
      <c r="D3835" t="s">
        <v>3539</v>
      </c>
    </row>
    <row r="3836" spans="1:4" x14ac:dyDescent="0.4">
      <c r="A3836">
        <v>1890011</v>
      </c>
      <c r="B3836" t="s">
        <v>815</v>
      </c>
      <c r="C3836" t="s">
        <v>3537</v>
      </c>
      <c r="D3836" t="s">
        <v>3540</v>
      </c>
    </row>
    <row r="3837" spans="1:4" x14ac:dyDescent="0.4">
      <c r="A3837">
        <v>1890003</v>
      </c>
      <c r="B3837" t="s">
        <v>815</v>
      </c>
      <c r="C3837" t="s">
        <v>3537</v>
      </c>
      <c r="D3837" t="s">
        <v>3541</v>
      </c>
    </row>
    <row r="3838" spans="1:4" x14ac:dyDescent="0.4">
      <c r="A3838">
        <v>1890013</v>
      </c>
      <c r="B3838" t="s">
        <v>815</v>
      </c>
      <c r="C3838" t="s">
        <v>3537</v>
      </c>
      <c r="D3838" t="s">
        <v>255</v>
      </c>
    </row>
    <row r="3839" spans="1:4" x14ac:dyDescent="0.4">
      <c r="A3839">
        <v>1890021</v>
      </c>
      <c r="B3839" t="s">
        <v>815</v>
      </c>
      <c r="C3839" t="s">
        <v>3537</v>
      </c>
      <c r="D3839" t="s">
        <v>1569</v>
      </c>
    </row>
    <row r="3840" spans="1:4" x14ac:dyDescent="0.4">
      <c r="A3840">
        <v>1890026</v>
      </c>
      <c r="B3840" t="s">
        <v>815</v>
      </c>
      <c r="C3840" t="s">
        <v>3537</v>
      </c>
      <c r="D3840" t="s">
        <v>3542</v>
      </c>
    </row>
    <row r="3841" spans="1:4" x14ac:dyDescent="0.4">
      <c r="A3841">
        <v>1890022</v>
      </c>
      <c r="B3841" t="s">
        <v>815</v>
      </c>
      <c r="C3841" t="s">
        <v>3537</v>
      </c>
      <c r="D3841" t="s">
        <v>3543</v>
      </c>
    </row>
    <row r="3842" spans="1:4" x14ac:dyDescent="0.4">
      <c r="A3842">
        <v>1890012</v>
      </c>
      <c r="B3842" t="s">
        <v>815</v>
      </c>
      <c r="C3842" t="s">
        <v>3537</v>
      </c>
      <c r="D3842" t="s">
        <v>3544</v>
      </c>
    </row>
    <row r="3843" spans="1:4" x14ac:dyDescent="0.4">
      <c r="A3843">
        <v>1890024</v>
      </c>
      <c r="B3843" t="s">
        <v>815</v>
      </c>
      <c r="C3843" t="s">
        <v>3537</v>
      </c>
      <c r="D3843" t="s">
        <v>1605</v>
      </c>
    </row>
    <row r="3844" spans="1:4" x14ac:dyDescent="0.4">
      <c r="A3844">
        <v>1890014</v>
      </c>
      <c r="B3844" t="s">
        <v>815</v>
      </c>
      <c r="C3844" t="s">
        <v>3537</v>
      </c>
      <c r="D3844" t="s">
        <v>403</v>
      </c>
    </row>
    <row r="3845" spans="1:4" x14ac:dyDescent="0.4">
      <c r="A3845">
        <v>1890023</v>
      </c>
      <c r="B3845" t="s">
        <v>815</v>
      </c>
      <c r="C3845" t="s">
        <v>3537</v>
      </c>
      <c r="D3845" t="s">
        <v>3545</v>
      </c>
    </row>
    <row r="3846" spans="1:4" x14ac:dyDescent="0.4">
      <c r="A3846">
        <v>1890025</v>
      </c>
      <c r="B3846" t="s">
        <v>815</v>
      </c>
      <c r="C3846" t="s">
        <v>3537</v>
      </c>
      <c r="D3846" t="s">
        <v>3546</v>
      </c>
    </row>
    <row r="3847" spans="1:4" x14ac:dyDescent="0.4">
      <c r="A3847">
        <v>1850000</v>
      </c>
      <c r="B3847" t="s">
        <v>815</v>
      </c>
      <c r="C3847" t="s">
        <v>3547</v>
      </c>
    </row>
    <row r="3848" spans="1:4" x14ac:dyDescent="0.4">
      <c r="A3848">
        <v>1850024</v>
      </c>
      <c r="B3848" t="s">
        <v>815</v>
      </c>
      <c r="C3848" t="s">
        <v>3547</v>
      </c>
      <c r="D3848" t="s">
        <v>1528</v>
      </c>
    </row>
    <row r="3849" spans="1:4" x14ac:dyDescent="0.4">
      <c r="A3849">
        <v>1850001</v>
      </c>
      <c r="B3849" t="s">
        <v>815</v>
      </c>
      <c r="C3849" t="s">
        <v>3547</v>
      </c>
      <c r="D3849" t="s">
        <v>3548</v>
      </c>
    </row>
    <row r="3850" spans="1:4" x14ac:dyDescent="0.4">
      <c r="A3850">
        <v>1850004</v>
      </c>
      <c r="B3850" t="s">
        <v>815</v>
      </c>
      <c r="C3850" t="s">
        <v>3547</v>
      </c>
      <c r="D3850" t="s">
        <v>367</v>
      </c>
    </row>
    <row r="3851" spans="1:4" x14ac:dyDescent="0.4">
      <c r="A3851">
        <v>1850036</v>
      </c>
      <c r="B3851" t="s">
        <v>815</v>
      </c>
      <c r="C3851" t="s">
        <v>3547</v>
      </c>
      <c r="D3851" t="s">
        <v>3549</v>
      </c>
    </row>
    <row r="3852" spans="1:4" x14ac:dyDescent="0.4">
      <c r="A3852">
        <v>1850003</v>
      </c>
      <c r="B3852" t="s">
        <v>815</v>
      </c>
      <c r="C3852" t="s">
        <v>3547</v>
      </c>
      <c r="D3852" t="s">
        <v>3550</v>
      </c>
    </row>
    <row r="3853" spans="1:4" x14ac:dyDescent="0.4">
      <c r="A3853">
        <v>1850033</v>
      </c>
      <c r="B3853" t="s">
        <v>815</v>
      </c>
      <c r="C3853" t="s">
        <v>3547</v>
      </c>
      <c r="D3853" t="s">
        <v>3551</v>
      </c>
    </row>
    <row r="3854" spans="1:4" x14ac:dyDescent="0.4">
      <c r="A3854">
        <v>1850005</v>
      </c>
      <c r="B3854" t="s">
        <v>815</v>
      </c>
      <c r="C3854" t="s">
        <v>3547</v>
      </c>
      <c r="D3854" t="s">
        <v>383</v>
      </c>
    </row>
    <row r="3855" spans="1:4" x14ac:dyDescent="0.4">
      <c r="A3855">
        <v>1850013</v>
      </c>
      <c r="B3855" t="s">
        <v>815</v>
      </c>
      <c r="C3855" t="s">
        <v>3547</v>
      </c>
      <c r="D3855" t="s">
        <v>3552</v>
      </c>
    </row>
    <row r="3856" spans="1:4" x14ac:dyDescent="0.4">
      <c r="A3856">
        <v>1850035</v>
      </c>
      <c r="B3856" t="s">
        <v>815</v>
      </c>
      <c r="C3856" t="s">
        <v>3547</v>
      </c>
      <c r="D3856" t="s">
        <v>808</v>
      </c>
    </row>
    <row r="3857" spans="1:4" x14ac:dyDescent="0.4">
      <c r="A3857">
        <v>1850023</v>
      </c>
      <c r="B3857" t="s">
        <v>815</v>
      </c>
      <c r="C3857" t="s">
        <v>3547</v>
      </c>
      <c r="D3857" t="s">
        <v>3553</v>
      </c>
    </row>
    <row r="3858" spans="1:4" x14ac:dyDescent="0.4">
      <c r="A3858">
        <v>1850034</v>
      </c>
      <c r="B3858" t="s">
        <v>815</v>
      </c>
      <c r="C3858" t="s">
        <v>3547</v>
      </c>
      <c r="D3858" t="s">
        <v>3554</v>
      </c>
    </row>
    <row r="3859" spans="1:4" x14ac:dyDescent="0.4">
      <c r="A3859">
        <v>1850014</v>
      </c>
      <c r="B3859" t="s">
        <v>815</v>
      </c>
      <c r="C3859" t="s">
        <v>3547</v>
      </c>
      <c r="D3859" t="s">
        <v>3555</v>
      </c>
    </row>
    <row r="3860" spans="1:4" x14ac:dyDescent="0.4">
      <c r="A3860">
        <v>1850002</v>
      </c>
      <c r="B3860" t="s">
        <v>815</v>
      </c>
      <c r="C3860" t="s">
        <v>3547</v>
      </c>
      <c r="D3860" t="s">
        <v>3556</v>
      </c>
    </row>
    <row r="3861" spans="1:4" x14ac:dyDescent="0.4">
      <c r="A3861">
        <v>1850022</v>
      </c>
      <c r="B3861" t="s">
        <v>815</v>
      </c>
      <c r="C3861" t="s">
        <v>3547</v>
      </c>
      <c r="D3861" t="s">
        <v>3557</v>
      </c>
    </row>
    <row r="3862" spans="1:4" x14ac:dyDescent="0.4">
      <c r="A3862">
        <v>1850032</v>
      </c>
      <c r="B3862" t="s">
        <v>815</v>
      </c>
      <c r="C3862" t="s">
        <v>3547</v>
      </c>
      <c r="D3862" t="s">
        <v>1603</v>
      </c>
    </row>
    <row r="3863" spans="1:4" x14ac:dyDescent="0.4">
      <c r="A3863">
        <v>1850031</v>
      </c>
      <c r="B3863" t="s">
        <v>815</v>
      </c>
      <c r="C3863" t="s">
        <v>3547</v>
      </c>
      <c r="D3863" t="s">
        <v>3558</v>
      </c>
    </row>
    <row r="3864" spans="1:4" x14ac:dyDescent="0.4">
      <c r="A3864">
        <v>1850011</v>
      </c>
      <c r="B3864" t="s">
        <v>815</v>
      </c>
      <c r="C3864" t="s">
        <v>3547</v>
      </c>
      <c r="D3864" t="s">
        <v>3559</v>
      </c>
    </row>
    <row r="3865" spans="1:4" x14ac:dyDescent="0.4">
      <c r="A3865">
        <v>1850012</v>
      </c>
      <c r="B3865" t="s">
        <v>815</v>
      </c>
      <c r="C3865" t="s">
        <v>3547</v>
      </c>
      <c r="D3865" t="s">
        <v>403</v>
      </c>
    </row>
    <row r="3866" spans="1:4" x14ac:dyDescent="0.4">
      <c r="A3866">
        <v>1850021</v>
      </c>
      <c r="B3866" t="s">
        <v>815</v>
      </c>
      <c r="C3866" t="s">
        <v>3547</v>
      </c>
      <c r="D3866" t="s">
        <v>1615</v>
      </c>
    </row>
    <row r="3867" spans="1:4" x14ac:dyDescent="0.4">
      <c r="A3867">
        <v>1860000</v>
      </c>
      <c r="B3867" t="s">
        <v>815</v>
      </c>
      <c r="C3867" t="s">
        <v>3560</v>
      </c>
    </row>
    <row r="3868" spans="1:4" x14ac:dyDescent="0.4">
      <c r="A3868">
        <v>1860013</v>
      </c>
      <c r="B3868" t="s">
        <v>815</v>
      </c>
      <c r="C3868" t="s">
        <v>3560</v>
      </c>
      <c r="D3868" t="s">
        <v>578</v>
      </c>
    </row>
    <row r="3869" spans="1:4" x14ac:dyDescent="0.4">
      <c r="A3869">
        <v>1860014</v>
      </c>
      <c r="B3869" t="s">
        <v>815</v>
      </c>
      <c r="C3869" t="s">
        <v>3560</v>
      </c>
      <c r="D3869" t="s">
        <v>3514</v>
      </c>
    </row>
    <row r="3870" spans="1:4" x14ac:dyDescent="0.4">
      <c r="A3870">
        <v>1860012</v>
      </c>
      <c r="B3870" t="s">
        <v>815</v>
      </c>
      <c r="C3870" t="s">
        <v>3560</v>
      </c>
      <c r="D3870" t="s">
        <v>715</v>
      </c>
    </row>
    <row r="3871" spans="1:4" x14ac:dyDescent="0.4">
      <c r="A3871">
        <v>1860001</v>
      </c>
      <c r="B3871" t="s">
        <v>815</v>
      </c>
      <c r="C3871" t="s">
        <v>3560</v>
      </c>
      <c r="D3871" t="s">
        <v>3561</v>
      </c>
    </row>
    <row r="3872" spans="1:4" x14ac:dyDescent="0.4">
      <c r="A3872">
        <v>1860004</v>
      </c>
      <c r="B3872" t="s">
        <v>815</v>
      </c>
      <c r="C3872" t="s">
        <v>3560</v>
      </c>
      <c r="D3872" t="s">
        <v>2025</v>
      </c>
    </row>
    <row r="3873" spans="1:4" x14ac:dyDescent="0.4">
      <c r="A3873">
        <v>1860005</v>
      </c>
      <c r="B3873" t="s">
        <v>815</v>
      </c>
      <c r="C3873" t="s">
        <v>3560</v>
      </c>
      <c r="D3873" t="s">
        <v>806</v>
      </c>
    </row>
    <row r="3874" spans="1:4" x14ac:dyDescent="0.4">
      <c r="A3874">
        <v>1860002</v>
      </c>
      <c r="B3874" t="s">
        <v>815</v>
      </c>
      <c r="C3874" t="s">
        <v>3560</v>
      </c>
      <c r="D3874" t="s">
        <v>1693</v>
      </c>
    </row>
    <row r="3875" spans="1:4" x14ac:dyDescent="0.4">
      <c r="A3875">
        <v>1860003</v>
      </c>
      <c r="B3875" t="s">
        <v>815</v>
      </c>
      <c r="C3875" t="s">
        <v>3560</v>
      </c>
      <c r="D3875" t="s">
        <v>652</v>
      </c>
    </row>
    <row r="3876" spans="1:4" x14ac:dyDescent="0.4">
      <c r="A3876">
        <v>1860015</v>
      </c>
      <c r="B3876" t="s">
        <v>815</v>
      </c>
      <c r="C3876" t="s">
        <v>3560</v>
      </c>
      <c r="D3876" t="s">
        <v>3562</v>
      </c>
    </row>
    <row r="3877" spans="1:4" x14ac:dyDescent="0.4">
      <c r="A3877">
        <v>1860011</v>
      </c>
      <c r="B3877" t="s">
        <v>815</v>
      </c>
      <c r="C3877" t="s">
        <v>3560</v>
      </c>
      <c r="D3877" t="s">
        <v>3563</v>
      </c>
    </row>
    <row r="3878" spans="1:4" x14ac:dyDescent="0.4">
      <c r="A3878">
        <v>1970000</v>
      </c>
      <c r="B3878" t="s">
        <v>815</v>
      </c>
      <c r="C3878" t="s">
        <v>3564</v>
      </c>
    </row>
    <row r="3879" spans="1:4" x14ac:dyDescent="0.4">
      <c r="A3879">
        <v>1970024</v>
      </c>
      <c r="B3879" t="s">
        <v>815</v>
      </c>
      <c r="C3879" t="s">
        <v>3564</v>
      </c>
      <c r="D3879" t="s">
        <v>3565</v>
      </c>
    </row>
    <row r="3880" spans="1:4" x14ac:dyDescent="0.4">
      <c r="A3880">
        <v>1970012</v>
      </c>
      <c r="B3880" t="s">
        <v>815</v>
      </c>
      <c r="C3880" t="s">
        <v>3564</v>
      </c>
      <c r="D3880" t="s">
        <v>3566</v>
      </c>
    </row>
    <row r="3881" spans="1:4" x14ac:dyDescent="0.4">
      <c r="A3881">
        <v>1970005</v>
      </c>
      <c r="B3881" t="s">
        <v>815</v>
      </c>
      <c r="C3881" t="s">
        <v>3564</v>
      </c>
      <c r="D3881" t="s">
        <v>3567</v>
      </c>
    </row>
    <row r="3882" spans="1:4" x14ac:dyDescent="0.4">
      <c r="A3882">
        <v>1970003</v>
      </c>
      <c r="B3882" t="s">
        <v>815</v>
      </c>
      <c r="C3882" t="s">
        <v>3564</v>
      </c>
      <c r="D3882" t="s">
        <v>3568</v>
      </c>
    </row>
    <row r="3883" spans="1:4" x14ac:dyDescent="0.4">
      <c r="A3883">
        <v>1970002</v>
      </c>
      <c r="B3883" t="s">
        <v>815</v>
      </c>
      <c r="C3883" t="s">
        <v>3564</v>
      </c>
      <c r="D3883" t="s">
        <v>3569</v>
      </c>
    </row>
    <row r="3884" spans="1:4" x14ac:dyDescent="0.4">
      <c r="A3884">
        <v>1970023</v>
      </c>
      <c r="B3884" t="s">
        <v>815</v>
      </c>
      <c r="C3884" t="s">
        <v>3564</v>
      </c>
      <c r="D3884" t="s">
        <v>3570</v>
      </c>
    </row>
    <row r="3885" spans="1:4" x14ac:dyDescent="0.4">
      <c r="A3885">
        <v>1970021</v>
      </c>
      <c r="B3885" t="s">
        <v>815</v>
      </c>
      <c r="C3885" t="s">
        <v>3564</v>
      </c>
      <c r="D3885" t="s">
        <v>1526</v>
      </c>
    </row>
    <row r="3886" spans="1:4" x14ac:dyDescent="0.4">
      <c r="A3886">
        <v>1970011</v>
      </c>
      <c r="B3886" t="s">
        <v>815</v>
      </c>
      <c r="C3886" t="s">
        <v>3564</v>
      </c>
      <c r="D3886" t="s">
        <v>3571</v>
      </c>
    </row>
    <row r="3887" spans="1:4" x14ac:dyDescent="0.4">
      <c r="A3887">
        <v>1970014</v>
      </c>
      <c r="B3887" t="s">
        <v>815</v>
      </c>
      <c r="C3887" t="s">
        <v>3564</v>
      </c>
      <c r="D3887" t="s">
        <v>3572</v>
      </c>
    </row>
    <row r="3888" spans="1:4" x14ac:dyDescent="0.4">
      <c r="A3888">
        <v>1970022</v>
      </c>
      <c r="B3888" t="s">
        <v>815</v>
      </c>
      <c r="C3888" t="s">
        <v>3564</v>
      </c>
      <c r="D3888" t="s">
        <v>403</v>
      </c>
    </row>
    <row r="3889" spans="1:4" x14ac:dyDescent="0.4">
      <c r="A3889">
        <v>1970004</v>
      </c>
      <c r="B3889" t="s">
        <v>815</v>
      </c>
      <c r="C3889" t="s">
        <v>3564</v>
      </c>
      <c r="D3889" t="s">
        <v>3573</v>
      </c>
    </row>
    <row r="3890" spans="1:4" x14ac:dyDescent="0.4">
      <c r="A3890">
        <v>1970013</v>
      </c>
      <c r="B3890" t="s">
        <v>815</v>
      </c>
      <c r="C3890" t="s">
        <v>3564</v>
      </c>
      <c r="D3890" t="s">
        <v>3574</v>
      </c>
    </row>
    <row r="3891" spans="1:4" x14ac:dyDescent="0.4">
      <c r="A3891">
        <v>1970001</v>
      </c>
      <c r="B3891" t="s">
        <v>815</v>
      </c>
      <c r="C3891" t="s">
        <v>3564</v>
      </c>
      <c r="D3891" t="s">
        <v>3575</v>
      </c>
    </row>
    <row r="3892" spans="1:4" x14ac:dyDescent="0.4">
      <c r="A3892">
        <v>2010000</v>
      </c>
      <c r="B3892" t="s">
        <v>815</v>
      </c>
      <c r="C3892" t="s">
        <v>3576</v>
      </c>
    </row>
    <row r="3893" spans="1:4" x14ac:dyDescent="0.4">
      <c r="A3893">
        <v>2010003</v>
      </c>
      <c r="B3893" t="s">
        <v>815</v>
      </c>
      <c r="C3893" t="s">
        <v>3576</v>
      </c>
      <c r="D3893" t="s">
        <v>3577</v>
      </c>
    </row>
    <row r="3894" spans="1:4" x14ac:dyDescent="0.4">
      <c r="A3894">
        <v>2010015</v>
      </c>
      <c r="B3894" t="s">
        <v>815</v>
      </c>
      <c r="C3894" t="s">
        <v>3576</v>
      </c>
      <c r="D3894" t="s">
        <v>3578</v>
      </c>
    </row>
    <row r="3895" spans="1:4" x14ac:dyDescent="0.4">
      <c r="A3895">
        <v>2010005</v>
      </c>
      <c r="B3895" t="s">
        <v>815</v>
      </c>
      <c r="C3895" t="s">
        <v>3576</v>
      </c>
      <c r="D3895" t="s">
        <v>3579</v>
      </c>
    </row>
    <row r="3896" spans="1:4" x14ac:dyDescent="0.4">
      <c r="A3896">
        <v>2010004</v>
      </c>
      <c r="B3896" t="s">
        <v>815</v>
      </c>
      <c r="C3896" t="s">
        <v>3576</v>
      </c>
      <c r="D3896" t="s">
        <v>3580</v>
      </c>
    </row>
    <row r="3897" spans="1:4" x14ac:dyDescent="0.4">
      <c r="A3897">
        <v>2700002</v>
      </c>
      <c r="B3897" t="s">
        <v>0</v>
      </c>
      <c r="C3897" t="s">
        <v>220</v>
      </c>
      <c r="D3897" t="s">
        <v>3581</v>
      </c>
    </row>
    <row r="3898" spans="1:4" x14ac:dyDescent="0.4">
      <c r="A3898">
        <v>2700027</v>
      </c>
      <c r="B3898" t="s">
        <v>0</v>
      </c>
      <c r="C3898" t="s">
        <v>220</v>
      </c>
      <c r="D3898" t="s">
        <v>3582</v>
      </c>
    </row>
    <row r="3899" spans="1:4" x14ac:dyDescent="0.4">
      <c r="A3899">
        <v>2700028</v>
      </c>
      <c r="B3899" t="s">
        <v>0</v>
      </c>
      <c r="C3899" t="s">
        <v>220</v>
      </c>
      <c r="D3899" t="s">
        <v>3583</v>
      </c>
    </row>
    <row r="3900" spans="1:4" x14ac:dyDescent="0.4">
      <c r="A3900">
        <v>2710091</v>
      </c>
      <c r="B3900" t="s">
        <v>0</v>
      </c>
      <c r="C3900" t="s">
        <v>220</v>
      </c>
      <c r="D3900" t="s">
        <v>403</v>
      </c>
    </row>
    <row r="3901" spans="1:4" x14ac:dyDescent="0.4">
      <c r="A3901">
        <v>2702267</v>
      </c>
      <c r="B3901" t="s">
        <v>0</v>
      </c>
      <c r="C3901" t="s">
        <v>220</v>
      </c>
      <c r="D3901" t="s">
        <v>3584</v>
      </c>
    </row>
    <row r="3902" spans="1:4" x14ac:dyDescent="0.4">
      <c r="A3902">
        <v>2710092</v>
      </c>
      <c r="B3902" t="s">
        <v>0</v>
      </c>
      <c r="C3902" t="s">
        <v>220</v>
      </c>
      <c r="D3902" t="s">
        <v>3585</v>
      </c>
    </row>
    <row r="3903" spans="1:4" x14ac:dyDescent="0.4">
      <c r="A3903">
        <v>2702241</v>
      </c>
      <c r="B3903" t="s">
        <v>0</v>
      </c>
      <c r="C3903" t="s">
        <v>220</v>
      </c>
      <c r="D3903" t="s">
        <v>3586</v>
      </c>
    </row>
    <row r="3904" spans="1:4" x14ac:dyDescent="0.4">
      <c r="A3904">
        <v>2702214</v>
      </c>
      <c r="B3904" t="s">
        <v>0</v>
      </c>
      <c r="C3904" t="s">
        <v>220</v>
      </c>
      <c r="D3904" t="s">
        <v>3587</v>
      </c>
    </row>
    <row r="3905" spans="1:4" x14ac:dyDescent="0.4">
      <c r="A3905">
        <v>2710051</v>
      </c>
      <c r="B3905" t="s">
        <v>0</v>
      </c>
      <c r="C3905" t="s">
        <v>220</v>
      </c>
      <c r="D3905" t="s">
        <v>3588</v>
      </c>
    </row>
    <row r="3906" spans="1:4" x14ac:dyDescent="0.4">
      <c r="A3906">
        <v>2700026</v>
      </c>
      <c r="B3906" t="s">
        <v>0</v>
      </c>
      <c r="C3906" t="s">
        <v>220</v>
      </c>
      <c r="D3906" t="s">
        <v>3589</v>
      </c>
    </row>
    <row r="3907" spans="1:4" x14ac:dyDescent="0.4">
      <c r="A3907">
        <v>2710074</v>
      </c>
      <c r="B3907" t="s">
        <v>0</v>
      </c>
      <c r="C3907" t="s">
        <v>220</v>
      </c>
      <c r="D3907" t="s">
        <v>506</v>
      </c>
    </row>
    <row r="3908" spans="1:4" x14ac:dyDescent="0.4">
      <c r="A3908">
        <v>2710065</v>
      </c>
      <c r="B3908" t="s">
        <v>0</v>
      </c>
      <c r="C3908" t="s">
        <v>220</v>
      </c>
      <c r="D3908" t="s">
        <v>3590</v>
      </c>
    </row>
    <row r="3909" spans="1:4" x14ac:dyDescent="0.4">
      <c r="A3909">
        <v>2702231</v>
      </c>
      <c r="B3909" t="s">
        <v>0</v>
      </c>
      <c r="C3909" t="s">
        <v>220</v>
      </c>
      <c r="D3909" t="s">
        <v>3591</v>
      </c>
    </row>
    <row r="3910" spans="1:4" x14ac:dyDescent="0.4">
      <c r="A3910">
        <v>2710087</v>
      </c>
      <c r="B3910" t="s">
        <v>0</v>
      </c>
      <c r="C3910" t="s">
        <v>220</v>
      </c>
      <c r="D3910" t="s">
        <v>3592</v>
      </c>
    </row>
    <row r="3911" spans="1:4" x14ac:dyDescent="0.4">
      <c r="A3911">
        <v>2702204</v>
      </c>
      <c r="B3911" t="s">
        <v>0</v>
      </c>
      <c r="C3911" t="s">
        <v>220</v>
      </c>
      <c r="D3911" t="s">
        <v>3593</v>
      </c>
    </row>
    <row r="3912" spans="1:4" x14ac:dyDescent="0.4">
      <c r="A3912">
        <v>2710042</v>
      </c>
      <c r="B3912" t="s">
        <v>0</v>
      </c>
      <c r="C3912" t="s">
        <v>220</v>
      </c>
      <c r="D3912" t="s">
        <v>3594</v>
      </c>
    </row>
    <row r="3913" spans="1:4" x14ac:dyDescent="0.4">
      <c r="A3913">
        <v>2700031</v>
      </c>
      <c r="B3913" t="s">
        <v>0</v>
      </c>
      <c r="C3913" t="s">
        <v>220</v>
      </c>
      <c r="D3913" t="s">
        <v>3595</v>
      </c>
    </row>
    <row r="3914" spans="1:4" x14ac:dyDescent="0.4">
      <c r="A3914">
        <v>2710066</v>
      </c>
      <c r="B3914" t="s">
        <v>0</v>
      </c>
      <c r="C3914" t="s">
        <v>220</v>
      </c>
      <c r="D3914" t="s">
        <v>3596</v>
      </c>
    </row>
    <row r="3915" spans="1:4" x14ac:dyDescent="0.4">
      <c r="A3915">
        <v>2702203</v>
      </c>
      <c r="B3915" t="s">
        <v>0</v>
      </c>
      <c r="C3915" t="s">
        <v>220</v>
      </c>
      <c r="D3915" t="s">
        <v>3597</v>
      </c>
    </row>
    <row r="3916" spans="1:4" x14ac:dyDescent="0.4">
      <c r="A3916">
        <v>2702232</v>
      </c>
      <c r="B3916" t="s">
        <v>0</v>
      </c>
      <c r="C3916" t="s">
        <v>220</v>
      </c>
      <c r="D3916" t="s">
        <v>3598</v>
      </c>
    </row>
    <row r="3917" spans="1:4" x14ac:dyDescent="0.4">
      <c r="A3917">
        <v>2780000</v>
      </c>
      <c r="B3917" t="s">
        <v>0</v>
      </c>
      <c r="C3917" t="s">
        <v>3599</v>
      </c>
    </row>
    <row r="3918" spans="1:4" x14ac:dyDescent="0.4">
      <c r="A3918">
        <v>2780025</v>
      </c>
      <c r="B3918" t="s">
        <v>0</v>
      </c>
      <c r="C3918" t="s">
        <v>3599</v>
      </c>
      <c r="D3918" t="s">
        <v>3600</v>
      </c>
    </row>
    <row r="3919" spans="1:4" x14ac:dyDescent="0.4">
      <c r="A3919">
        <v>2780055</v>
      </c>
      <c r="B3919" t="s">
        <v>0</v>
      </c>
      <c r="C3919" t="s">
        <v>3599</v>
      </c>
      <c r="D3919" t="s">
        <v>319</v>
      </c>
    </row>
    <row r="3920" spans="1:4" x14ac:dyDescent="0.4">
      <c r="A3920">
        <v>2780017</v>
      </c>
      <c r="B3920" t="s">
        <v>0</v>
      </c>
      <c r="C3920" t="s">
        <v>3599</v>
      </c>
      <c r="D3920" t="s">
        <v>3601</v>
      </c>
    </row>
    <row r="3921" spans="1:4" x14ac:dyDescent="0.4">
      <c r="A3921">
        <v>2700223</v>
      </c>
      <c r="B3921" t="s">
        <v>0</v>
      </c>
      <c r="C3921" t="s">
        <v>3599</v>
      </c>
      <c r="D3921" t="s">
        <v>1942</v>
      </c>
    </row>
    <row r="3922" spans="1:4" x14ac:dyDescent="0.4">
      <c r="A3922">
        <v>2700235</v>
      </c>
      <c r="B3922" t="s">
        <v>0</v>
      </c>
      <c r="C3922" t="s">
        <v>3599</v>
      </c>
      <c r="D3922" t="s">
        <v>669</v>
      </c>
    </row>
    <row r="3923" spans="1:4" x14ac:dyDescent="0.4">
      <c r="A3923">
        <v>2700238</v>
      </c>
      <c r="B3923" t="s">
        <v>0</v>
      </c>
      <c r="C3923" t="s">
        <v>3599</v>
      </c>
      <c r="D3923" t="s">
        <v>3602</v>
      </c>
    </row>
    <row r="3924" spans="1:4" x14ac:dyDescent="0.4">
      <c r="A3924">
        <v>2700227</v>
      </c>
      <c r="B3924" t="s">
        <v>0</v>
      </c>
      <c r="C3924" t="s">
        <v>3599</v>
      </c>
      <c r="D3924" t="s">
        <v>3603</v>
      </c>
    </row>
    <row r="3925" spans="1:4" x14ac:dyDescent="0.4">
      <c r="A3925">
        <v>2700231</v>
      </c>
      <c r="B3925" t="s">
        <v>0</v>
      </c>
      <c r="C3925" t="s">
        <v>3599</v>
      </c>
      <c r="D3925" t="s">
        <v>253</v>
      </c>
    </row>
    <row r="3926" spans="1:4" x14ac:dyDescent="0.4">
      <c r="A3926">
        <v>2700214</v>
      </c>
      <c r="B3926" t="s">
        <v>0</v>
      </c>
      <c r="C3926" t="s">
        <v>3599</v>
      </c>
      <c r="D3926" t="s">
        <v>3604</v>
      </c>
    </row>
    <row r="3927" spans="1:4" x14ac:dyDescent="0.4">
      <c r="A3927">
        <v>2780052</v>
      </c>
      <c r="B3927" t="s">
        <v>0</v>
      </c>
      <c r="C3927" t="s">
        <v>3599</v>
      </c>
      <c r="D3927" t="s">
        <v>3605</v>
      </c>
    </row>
    <row r="3928" spans="1:4" x14ac:dyDescent="0.4">
      <c r="A3928">
        <v>2780007</v>
      </c>
      <c r="B3928" t="s">
        <v>0</v>
      </c>
      <c r="C3928" t="s">
        <v>3599</v>
      </c>
      <c r="D3928" t="s">
        <v>3606</v>
      </c>
    </row>
    <row r="3929" spans="1:4" x14ac:dyDescent="0.4">
      <c r="A3929">
        <v>2780013</v>
      </c>
      <c r="B3929" t="s">
        <v>0</v>
      </c>
      <c r="C3929" t="s">
        <v>3599</v>
      </c>
      <c r="D3929" t="s">
        <v>3607</v>
      </c>
    </row>
    <row r="3930" spans="1:4" x14ac:dyDescent="0.4">
      <c r="A3930">
        <v>2780033</v>
      </c>
      <c r="B3930" t="s">
        <v>0</v>
      </c>
      <c r="C3930" t="s">
        <v>3599</v>
      </c>
      <c r="D3930" t="s">
        <v>3608</v>
      </c>
    </row>
    <row r="3931" spans="1:4" x14ac:dyDescent="0.4">
      <c r="A3931">
        <v>2780034</v>
      </c>
      <c r="B3931" t="s">
        <v>0</v>
      </c>
      <c r="C3931" t="s">
        <v>3599</v>
      </c>
      <c r="D3931" t="s">
        <v>3609</v>
      </c>
    </row>
    <row r="3932" spans="1:4" x14ac:dyDescent="0.4">
      <c r="A3932">
        <v>2780002</v>
      </c>
      <c r="B3932" t="s">
        <v>0</v>
      </c>
      <c r="C3932" t="s">
        <v>3599</v>
      </c>
      <c r="D3932" t="s">
        <v>3610</v>
      </c>
    </row>
    <row r="3933" spans="1:4" x14ac:dyDescent="0.4">
      <c r="A3933">
        <v>2700222</v>
      </c>
      <c r="B3933" t="s">
        <v>0</v>
      </c>
      <c r="C3933" t="s">
        <v>3599</v>
      </c>
      <c r="D3933" t="s">
        <v>3611</v>
      </c>
    </row>
    <row r="3934" spans="1:4" x14ac:dyDescent="0.4">
      <c r="A3934">
        <v>2700213</v>
      </c>
      <c r="B3934" t="s">
        <v>0</v>
      </c>
      <c r="C3934" t="s">
        <v>3599</v>
      </c>
      <c r="D3934" t="s">
        <v>3612</v>
      </c>
    </row>
    <row r="3935" spans="1:4" x14ac:dyDescent="0.4">
      <c r="A3935">
        <v>2780054</v>
      </c>
      <c r="B3935" t="s">
        <v>0</v>
      </c>
      <c r="C3935" t="s">
        <v>3599</v>
      </c>
      <c r="D3935" t="s">
        <v>3613</v>
      </c>
    </row>
    <row r="3936" spans="1:4" x14ac:dyDescent="0.4">
      <c r="A3936">
        <v>2780056</v>
      </c>
      <c r="B3936" t="s">
        <v>0</v>
      </c>
      <c r="C3936" t="s">
        <v>3599</v>
      </c>
      <c r="D3936" t="s">
        <v>3614</v>
      </c>
    </row>
    <row r="3937" spans="1:4" x14ac:dyDescent="0.4">
      <c r="A3937">
        <v>2780053</v>
      </c>
      <c r="B3937" t="s">
        <v>0</v>
      </c>
      <c r="C3937" t="s">
        <v>3599</v>
      </c>
      <c r="D3937" t="s">
        <v>3615</v>
      </c>
    </row>
    <row r="3938" spans="1:4" x14ac:dyDescent="0.4">
      <c r="A3938">
        <v>2700221</v>
      </c>
      <c r="B3938" t="s">
        <v>0</v>
      </c>
      <c r="C3938" t="s">
        <v>3599</v>
      </c>
      <c r="D3938" t="s">
        <v>3616</v>
      </c>
    </row>
    <row r="3939" spans="1:4" x14ac:dyDescent="0.4">
      <c r="A3939">
        <v>2780045</v>
      </c>
      <c r="B3939" t="s">
        <v>0</v>
      </c>
      <c r="C3939" t="s">
        <v>3599</v>
      </c>
      <c r="D3939" t="s">
        <v>3617</v>
      </c>
    </row>
    <row r="3940" spans="1:4" x14ac:dyDescent="0.4">
      <c r="A3940">
        <v>2780032</v>
      </c>
      <c r="B3940" t="s">
        <v>0</v>
      </c>
      <c r="C3940" t="s">
        <v>3599</v>
      </c>
      <c r="D3940" t="s">
        <v>2016</v>
      </c>
    </row>
    <row r="3941" spans="1:4" x14ac:dyDescent="0.4">
      <c r="A3941">
        <v>2780048</v>
      </c>
      <c r="B3941" t="s">
        <v>0</v>
      </c>
      <c r="C3941" t="s">
        <v>3599</v>
      </c>
      <c r="D3941" t="s">
        <v>3618</v>
      </c>
    </row>
    <row r="3942" spans="1:4" x14ac:dyDescent="0.4">
      <c r="A3942">
        <v>2780043</v>
      </c>
      <c r="B3942" t="s">
        <v>0</v>
      </c>
      <c r="C3942" t="s">
        <v>3599</v>
      </c>
      <c r="D3942" t="s">
        <v>3619</v>
      </c>
    </row>
    <row r="3943" spans="1:4" x14ac:dyDescent="0.4">
      <c r="A3943">
        <v>2780047</v>
      </c>
      <c r="B3943" t="s">
        <v>0</v>
      </c>
      <c r="C3943" t="s">
        <v>3599</v>
      </c>
      <c r="D3943" t="s">
        <v>3620</v>
      </c>
    </row>
    <row r="3944" spans="1:4" x14ac:dyDescent="0.4">
      <c r="A3944">
        <v>2780014</v>
      </c>
      <c r="B3944" t="s">
        <v>0</v>
      </c>
      <c r="C3944" t="s">
        <v>3599</v>
      </c>
      <c r="D3944" t="s">
        <v>3621</v>
      </c>
    </row>
    <row r="3945" spans="1:4" x14ac:dyDescent="0.4">
      <c r="A3945">
        <v>2700204</v>
      </c>
      <c r="B3945" t="s">
        <v>0</v>
      </c>
      <c r="C3945" t="s">
        <v>3599</v>
      </c>
      <c r="D3945" t="s">
        <v>3622</v>
      </c>
    </row>
    <row r="3946" spans="1:4" x14ac:dyDescent="0.4">
      <c r="A3946">
        <v>2700205</v>
      </c>
      <c r="B3946" t="s">
        <v>0</v>
      </c>
      <c r="C3946" t="s">
        <v>3599</v>
      </c>
      <c r="D3946" t="s">
        <v>3623</v>
      </c>
    </row>
    <row r="3947" spans="1:4" x14ac:dyDescent="0.4">
      <c r="A3947">
        <v>2700201</v>
      </c>
      <c r="B3947" t="s">
        <v>0</v>
      </c>
      <c r="C3947" t="s">
        <v>3599</v>
      </c>
      <c r="D3947" t="s">
        <v>3624</v>
      </c>
    </row>
    <row r="3948" spans="1:4" x14ac:dyDescent="0.4">
      <c r="A3948">
        <v>2700202</v>
      </c>
      <c r="B3948" t="s">
        <v>0</v>
      </c>
      <c r="C3948" t="s">
        <v>3599</v>
      </c>
      <c r="D3948" t="s">
        <v>3625</v>
      </c>
    </row>
    <row r="3949" spans="1:4" x14ac:dyDescent="0.4">
      <c r="A3949">
        <v>2700203</v>
      </c>
      <c r="B3949" t="s">
        <v>0</v>
      </c>
      <c r="C3949" t="s">
        <v>3599</v>
      </c>
      <c r="D3949" t="s">
        <v>3626</v>
      </c>
    </row>
    <row r="3950" spans="1:4" x14ac:dyDescent="0.4">
      <c r="A3950">
        <v>2700206</v>
      </c>
      <c r="B3950" t="s">
        <v>0</v>
      </c>
      <c r="C3950" t="s">
        <v>3599</v>
      </c>
      <c r="D3950" t="s">
        <v>3627</v>
      </c>
    </row>
    <row r="3951" spans="1:4" x14ac:dyDescent="0.4">
      <c r="A3951">
        <v>2780012</v>
      </c>
      <c r="B3951" t="s">
        <v>0</v>
      </c>
      <c r="C3951" t="s">
        <v>3599</v>
      </c>
      <c r="D3951" t="s">
        <v>2503</v>
      </c>
    </row>
    <row r="3952" spans="1:4" x14ac:dyDescent="0.4">
      <c r="A3952">
        <v>2780044</v>
      </c>
      <c r="B3952" t="s">
        <v>0</v>
      </c>
      <c r="C3952" t="s">
        <v>3599</v>
      </c>
      <c r="D3952" t="s">
        <v>3628</v>
      </c>
    </row>
    <row r="3953" spans="1:4" x14ac:dyDescent="0.4">
      <c r="A3953">
        <v>2780021</v>
      </c>
      <c r="B3953" t="s">
        <v>0</v>
      </c>
      <c r="C3953" t="s">
        <v>3599</v>
      </c>
      <c r="D3953" t="s">
        <v>3629</v>
      </c>
    </row>
    <row r="3954" spans="1:4" x14ac:dyDescent="0.4">
      <c r="A3954">
        <v>2780003</v>
      </c>
      <c r="B3954" t="s">
        <v>0</v>
      </c>
      <c r="C3954" t="s">
        <v>3599</v>
      </c>
      <c r="D3954" t="s">
        <v>3630</v>
      </c>
    </row>
    <row r="3955" spans="1:4" x14ac:dyDescent="0.4">
      <c r="A3955">
        <v>2700237</v>
      </c>
      <c r="B3955" t="s">
        <v>0</v>
      </c>
      <c r="C3955" t="s">
        <v>3599</v>
      </c>
      <c r="D3955" t="s">
        <v>191</v>
      </c>
    </row>
    <row r="3956" spans="1:4" x14ac:dyDescent="0.4">
      <c r="A3956">
        <v>2700215</v>
      </c>
      <c r="B3956" t="s">
        <v>0</v>
      </c>
      <c r="C3956" t="s">
        <v>3599</v>
      </c>
      <c r="D3956" t="s">
        <v>3631</v>
      </c>
    </row>
    <row r="3957" spans="1:4" x14ac:dyDescent="0.4">
      <c r="A3957">
        <v>2780031</v>
      </c>
      <c r="B3957" t="s">
        <v>0</v>
      </c>
      <c r="C3957" t="s">
        <v>3599</v>
      </c>
      <c r="D3957" t="s">
        <v>279</v>
      </c>
    </row>
    <row r="3958" spans="1:4" x14ac:dyDescent="0.4">
      <c r="A3958">
        <v>2780035</v>
      </c>
      <c r="B3958" t="s">
        <v>0</v>
      </c>
      <c r="C3958" t="s">
        <v>3599</v>
      </c>
      <c r="D3958" t="s">
        <v>3632</v>
      </c>
    </row>
    <row r="3959" spans="1:4" x14ac:dyDescent="0.4">
      <c r="A3959">
        <v>2780036</v>
      </c>
      <c r="B3959" t="s">
        <v>0</v>
      </c>
      <c r="C3959" t="s">
        <v>3599</v>
      </c>
      <c r="D3959" t="s">
        <v>3633</v>
      </c>
    </row>
    <row r="3960" spans="1:4" x14ac:dyDescent="0.4">
      <c r="A3960">
        <v>2780051</v>
      </c>
      <c r="B3960" t="s">
        <v>0</v>
      </c>
      <c r="C3960" t="s">
        <v>3599</v>
      </c>
      <c r="D3960" t="s">
        <v>3634</v>
      </c>
    </row>
    <row r="3961" spans="1:4" x14ac:dyDescent="0.4">
      <c r="A3961">
        <v>2700228</v>
      </c>
      <c r="B3961" t="s">
        <v>0</v>
      </c>
      <c r="C3961" t="s">
        <v>3599</v>
      </c>
      <c r="D3961" t="s">
        <v>3635</v>
      </c>
    </row>
    <row r="3962" spans="1:4" x14ac:dyDescent="0.4">
      <c r="A3962">
        <v>2700216</v>
      </c>
      <c r="B3962" t="s">
        <v>0</v>
      </c>
      <c r="C3962" t="s">
        <v>3599</v>
      </c>
      <c r="D3962" t="s">
        <v>3636</v>
      </c>
    </row>
    <row r="3963" spans="1:4" x14ac:dyDescent="0.4">
      <c r="A3963">
        <v>2780015</v>
      </c>
      <c r="B3963" t="s">
        <v>0</v>
      </c>
      <c r="C3963" t="s">
        <v>3599</v>
      </c>
      <c r="D3963" t="s">
        <v>3637</v>
      </c>
    </row>
    <row r="3964" spans="1:4" x14ac:dyDescent="0.4">
      <c r="A3964">
        <v>2700212</v>
      </c>
      <c r="B3964" t="s">
        <v>0</v>
      </c>
      <c r="C3964" t="s">
        <v>3599</v>
      </c>
      <c r="D3964" t="s">
        <v>3638</v>
      </c>
    </row>
    <row r="3965" spans="1:4" x14ac:dyDescent="0.4">
      <c r="A3965">
        <v>2780037</v>
      </c>
      <c r="B3965" t="s">
        <v>0</v>
      </c>
      <c r="C3965" t="s">
        <v>3599</v>
      </c>
      <c r="D3965" t="s">
        <v>1928</v>
      </c>
    </row>
    <row r="3966" spans="1:4" x14ac:dyDescent="0.4">
      <c r="A3966">
        <v>2780026</v>
      </c>
      <c r="B3966" t="s">
        <v>0</v>
      </c>
      <c r="C3966" t="s">
        <v>3599</v>
      </c>
      <c r="D3966" t="s">
        <v>3639</v>
      </c>
    </row>
    <row r="3967" spans="1:4" x14ac:dyDescent="0.4">
      <c r="A3967">
        <v>2700217</v>
      </c>
      <c r="B3967" t="s">
        <v>0</v>
      </c>
      <c r="C3967" t="s">
        <v>3599</v>
      </c>
      <c r="D3967" t="s">
        <v>3640</v>
      </c>
    </row>
    <row r="3968" spans="1:4" x14ac:dyDescent="0.4">
      <c r="A3968">
        <v>2780041</v>
      </c>
      <c r="B3968" t="s">
        <v>0</v>
      </c>
      <c r="C3968" t="s">
        <v>3599</v>
      </c>
      <c r="D3968" t="s">
        <v>3641</v>
      </c>
    </row>
    <row r="3969" spans="1:4" x14ac:dyDescent="0.4">
      <c r="A3969">
        <v>2700236</v>
      </c>
      <c r="B3969" t="s">
        <v>0</v>
      </c>
      <c r="C3969" t="s">
        <v>3599</v>
      </c>
      <c r="D3969" t="s">
        <v>3642</v>
      </c>
    </row>
    <row r="3970" spans="1:4" x14ac:dyDescent="0.4">
      <c r="A3970">
        <v>2700211</v>
      </c>
      <c r="B3970" t="s">
        <v>0</v>
      </c>
      <c r="C3970" t="s">
        <v>3599</v>
      </c>
      <c r="D3970" t="s">
        <v>3643</v>
      </c>
    </row>
    <row r="3971" spans="1:4" x14ac:dyDescent="0.4">
      <c r="A3971">
        <v>2700226</v>
      </c>
      <c r="B3971" t="s">
        <v>0</v>
      </c>
      <c r="C3971" t="s">
        <v>3599</v>
      </c>
      <c r="D3971" t="s">
        <v>3644</v>
      </c>
    </row>
    <row r="3972" spans="1:4" x14ac:dyDescent="0.4">
      <c r="A3972">
        <v>2700234</v>
      </c>
      <c r="B3972" t="s">
        <v>0</v>
      </c>
      <c r="C3972" t="s">
        <v>3599</v>
      </c>
      <c r="D3972" t="s">
        <v>206</v>
      </c>
    </row>
    <row r="3973" spans="1:4" x14ac:dyDescent="0.4">
      <c r="A3973">
        <v>2700225</v>
      </c>
      <c r="B3973" t="s">
        <v>0</v>
      </c>
      <c r="C3973" t="s">
        <v>3599</v>
      </c>
      <c r="D3973" t="s">
        <v>1511</v>
      </c>
    </row>
    <row r="3974" spans="1:4" x14ac:dyDescent="0.4">
      <c r="A3974">
        <v>2780016</v>
      </c>
      <c r="B3974" t="s">
        <v>0</v>
      </c>
      <c r="C3974" t="s">
        <v>3599</v>
      </c>
      <c r="D3974" t="s">
        <v>3645</v>
      </c>
    </row>
    <row r="3975" spans="1:4" x14ac:dyDescent="0.4">
      <c r="A3975">
        <v>2700233</v>
      </c>
      <c r="B3975" t="s">
        <v>0</v>
      </c>
      <c r="C3975" t="s">
        <v>3599</v>
      </c>
      <c r="D3975" t="s">
        <v>3646</v>
      </c>
    </row>
    <row r="3976" spans="1:4" x14ac:dyDescent="0.4">
      <c r="A3976">
        <v>2700224</v>
      </c>
      <c r="B3976" t="s">
        <v>0</v>
      </c>
      <c r="C3976" t="s">
        <v>3599</v>
      </c>
      <c r="D3976" t="s">
        <v>3647</v>
      </c>
    </row>
    <row r="3977" spans="1:4" x14ac:dyDescent="0.4">
      <c r="A3977">
        <v>2780027</v>
      </c>
      <c r="B3977" t="s">
        <v>0</v>
      </c>
      <c r="C3977" t="s">
        <v>3599</v>
      </c>
      <c r="D3977" t="s">
        <v>3648</v>
      </c>
    </row>
    <row r="3978" spans="1:4" x14ac:dyDescent="0.4">
      <c r="A3978">
        <v>2780011</v>
      </c>
      <c r="B3978" t="s">
        <v>0</v>
      </c>
      <c r="C3978" t="s">
        <v>3599</v>
      </c>
      <c r="D3978" t="s">
        <v>3649</v>
      </c>
    </row>
    <row r="3979" spans="1:4" x14ac:dyDescent="0.4">
      <c r="A3979">
        <v>2780005</v>
      </c>
      <c r="B3979" t="s">
        <v>0</v>
      </c>
      <c r="C3979" t="s">
        <v>3599</v>
      </c>
      <c r="D3979" t="s">
        <v>2241</v>
      </c>
    </row>
    <row r="3980" spans="1:4" x14ac:dyDescent="0.4">
      <c r="A3980">
        <v>2700232</v>
      </c>
      <c r="B3980" t="s">
        <v>0</v>
      </c>
      <c r="C3980" t="s">
        <v>3599</v>
      </c>
      <c r="D3980" t="s">
        <v>3650</v>
      </c>
    </row>
    <row r="3981" spans="1:4" x14ac:dyDescent="0.4">
      <c r="A3981">
        <v>2780001</v>
      </c>
      <c r="B3981" t="s">
        <v>0</v>
      </c>
      <c r="C3981" t="s">
        <v>3599</v>
      </c>
      <c r="D3981" t="s">
        <v>3651</v>
      </c>
    </row>
    <row r="3982" spans="1:4" x14ac:dyDescent="0.4">
      <c r="A3982">
        <v>2780046</v>
      </c>
      <c r="B3982" t="s">
        <v>0</v>
      </c>
      <c r="C3982" t="s">
        <v>3599</v>
      </c>
      <c r="D3982" t="s">
        <v>3652</v>
      </c>
    </row>
    <row r="3983" spans="1:4" x14ac:dyDescent="0.4">
      <c r="A3983">
        <v>2780006</v>
      </c>
      <c r="B3983" t="s">
        <v>0</v>
      </c>
      <c r="C3983" t="s">
        <v>3599</v>
      </c>
      <c r="D3983" t="s">
        <v>3653</v>
      </c>
    </row>
    <row r="3984" spans="1:4" x14ac:dyDescent="0.4">
      <c r="A3984">
        <v>2780022</v>
      </c>
      <c r="B3984" t="s">
        <v>0</v>
      </c>
      <c r="C3984" t="s">
        <v>3599</v>
      </c>
      <c r="D3984" t="s">
        <v>406</v>
      </c>
    </row>
    <row r="3985" spans="1:4" x14ac:dyDescent="0.4">
      <c r="A3985">
        <v>2780024</v>
      </c>
      <c r="B3985" t="s">
        <v>0</v>
      </c>
      <c r="C3985" t="s">
        <v>3599</v>
      </c>
      <c r="D3985" t="s">
        <v>3654</v>
      </c>
    </row>
    <row r="3986" spans="1:4" x14ac:dyDescent="0.4">
      <c r="A3986">
        <v>2780023</v>
      </c>
      <c r="B3986" t="s">
        <v>0</v>
      </c>
      <c r="C3986" t="s">
        <v>3599</v>
      </c>
      <c r="D3986" t="s">
        <v>3655</v>
      </c>
    </row>
    <row r="3987" spans="1:4" x14ac:dyDescent="0.4">
      <c r="A3987">
        <v>2780004</v>
      </c>
      <c r="B3987" t="s">
        <v>0</v>
      </c>
      <c r="C3987" t="s">
        <v>3599</v>
      </c>
      <c r="D3987" t="s">
        <v>3174</v>
      </c>
    </row>
    <row r="3988" spans="1:4" x14ac:dyDescent="0.4">
      <c r="A3988">
        <v>2780042</v>
      </c>
      <c r="B3988" t="s">
        <v>0</v>
      </c>
      <c r="C3988" t="s">
        <v>3599</v>
      </c>
      <c r="D3988" t="s">
        <v>3656</v>
      </c>
    </row>
    <row r="3989" spans="1:4" x14ac:dyDescent="0.4">
      <c r="A3989">
        <v>2970000</v>
      </c>
      <c r="B3989" t="s">
        <v>0</v>
      </c>
      <c r="C3989" t="s">
        <v>3657</v>
      </c>
    </row>
    <row r="3990" spans="1:4" x14ac:dyDescent="0.4">
      <c r="A3990">
        <v>2994106</v>
      </c>
      <c r="B3990" t="s">
        <v>0</v>
      </c>
      <c r="C3990" t="s">
        <v>3657</v>
      </c>
      <c r="D3990" t="s">
        <v>3658</v>
      </c>
    </row>
    <row r="3991" spans="1:4" x14ac:dyDescent="0.4">
      <c r="A3991">
        <v>2970066</v>
      </c>
      <c r="B3991" t="s">
        <v>0</v>
      </c>
      <c r="C3991" t="s">
        <v>3657</v>
      </c>
      <c r="D3991" t="s">
        <v>3659</v>
      </c>
    </row>
    <row r="3992" spans="1:4" x14ac:dyDescent="0.4">
      <c r="A3992">
        <v>2970058</v>
      </c>
      <c r="B3992" t="s">
        <v>0</v>
      </c>
      <c r="C3992" t="s">
        <v>3657</v>
      </c>
      <c r="D3992" t="s">
        <v>595</v>
      </c>
    </row>
    <row r="3993" spans="1:4" x14ac:dyDescent="0.4">
      <c r="A3993">
        <v>2970062</v>
      </c>
      <c r="B3993" t="s">
        <v>0</v>
      </c>
      <c r="C3993" t="s">
        <v>3657</v>
      </c>
      <c r="D3993" t="s">
        <v>3660</v>
      </c>
    </row>
    <row r="3994" spans="1:4" x14ac:dyDescent="0.4">
      <c r="A3994">
        <v>2994115</v>
      </c>
      <c r="B3994" t="s">
        <v>0</v>
      </c>
      <c r="C3994" t="s">
        <v>3657</v>
      </c>
      <c r="D3994" t="s">
        <v>3661</v>
      </c>
    </row>
    <row r="3995" spans="1:4" x14ac:dyDescent="0.4">
      <c r="A3995">
        <v>2994118</v>
      </c>
      <c r="B3995" t="s">
        <v>0</v>
      </c>
      <c r="C3995" t="s">
        <v>3657</v>
      </c>
      <c r="D3995" t="s">
        <v>3662</v>
      </c>
    </row>
    <row r="3996" spans="1:4" x14ac:dyDescent="0.4">
      <c r="A3996">
        <v>2994125</v>
      </c>
      <c r="B3996" t="s">
        <v>0</v>
      </c>
      <c r="C3996" t="s">
        <v>3657</v>
      </c>
      <c r="D3996" t="s">
        <v>537</v>
      </c>
    </row>
    <row r="3997" spans="1:4" x14ac:dyDescent="0.4">
      <c r="A3997">
        <v>2970033</v>
      </c>
      <c r="B3997" t="s">
        <v>0</v>
      </c>
      <c r="C3997" t="s">
        <v>3657</v>
      </c>
      <c r="D3997" t="s">
        <v>3663</v>
      </c>
    </row>
    <row r="3998" spans="1:4" x14ac:dyDescent="0.4">
      <c r="A3998">
        <v>2970072</v>
      </c>
      <c r="B3998" t="s">
        <v>0</v>
      </c>
      <c r="C3998" t="s">
        <v>3657</v>
      </c>
      <c r="D3998" t="s">
        <v>3664</v>
      </c>
    </row>
    <row r="3999" spans="1:4" x14ac:dyDescent="0.4">
      <c r="A3999">
        <v>2970075</v>
      </c>
      <c r="B3999" t="s">
        <v>0</v>
      </c>
      <c r="C3999" t="s">
        <v>3657</v>
      </c>
      <c r="D3999" t="s">
        <v>3665</v>
      </c>
    </row>
    <row r="4000" spans="1:4" x14ac:dyDescent="0.4">
      <c r="A4000">
        <v>2994127</v>
      </c>
      <c r="B4000" t="s">
        <v>0</v>
      </c>
      <c r="C4000" t="s">
        <v>3657</v>
      </c>
      <c r="D4000" t="s">
        <v>3666</v>
      </c>
    </row>
    <row r="4001" spans="1:4" x14ac:dyDescent="0.4">
      <c r="A4001">
        <v>2994128</v>
      </c>
      <c r="B4001" t="s">
        <v>0</v>
      </c>
      <c r="C4001" t="s">
        <v>3657</v>
      </c>
      <c r="D4001" t="s">
        <v>3667</v>
      </c>
    </row>
    <row r="4002" spans="1:4" x14ac:dyDescent="0.4">
      <c r="A4002">
        <v>2994124</v>
      </c>
      <c r="B4002" t="s">
        <v>0</v>
      </c>
      <c r="C4002" t="s">
        <v>3657</v>
      </c>
      <c r="D4002" t="s">
        <v>3668</v>
      </c>
    </row>
    <row r="4003" spans="1:4" x14ac:dyDescent="0.4">
      <c r="A4003">
        <v>2970036</v>
      </c>
      <c r="B4003" t="s">
        <v>0</v>
      </c>
      <c r="C4003" t="s">
        <v>3657</v>
      </c>
      <c r="D4003" t="s">
        <v>3669</v>
      </c>
    </row>
    <row r="4004" spans="1:4" x14ac:dyDescent="0.4">
      <c r="A4004">
        <v>2970052</v>
      </c>
      <c r="B4004" t="s">
        <v>0</v>
      </c>
      <c r="C4004" t="s">
        <v>3657</v>
      </c>
      <c r="D4004" t="s">
        <v>3670</v>
      </c>
    </row>
    <row r="4005" spans="1:4" x14ac:dyDescent="0.4">
      <c r="A4005">
        <v>2994111</v>
      </c>
      <c r="B4005" t="s">
        <v>0</v>
      </c>
      <c r="C4005" t="s">
        <v>3657</v>
      </c>
      <c r="D4005" t="s">
        <v>1731</v>
      </c>
    </row>
    <row r="4006" spans="1:4" x14ac:dyDescent="0.4">
      <c r="A4006">
        <v>2970014</v>
      </c>
      <c r="B4006" t="s">
        <v>0</v>
      </c>
      <c r="C4006" t="s">
        <v>3657</v>
      </c>
      <c r="D4006" t="s">
        <v>3671</v>
      </c>
    </row>
    <row r="4007" spans="1:4" x14ac:dyDescent="0.4">
      <c r="A4007">
        <v>2970019</v>
      </c>
      <c r="B4007" t="s">
        <v>0</v>
      </c>
      <c r="C4007" t="s">
        <v>3657</v>
      </c>
      <c r="D4007" t="s">
        <v>3672</v>
      </c>
    </row>
    <row r="4008" spans="1:4" x14ac:dyDescent="0.4">
      <c r="A4008">
        <v>2970016</v>
      </c>
      <c r="B4008" t="s">
        <v>0</v>
      </c>
      <c r="C4008" t="s">
        <v>3657</v>
      </c>
      <c r="D4008" t="s">
        <v>1829</v>
      </c>
    </row>
    <row r="4009" spans="1:4" x14ac:dyDescent="0.4">
      <c r="A4009">
        <v>2970003</v>
      </c>
      <c r="B4009" t="s">
        <v>0</v>
      </c>
      <c r="C4009" t="s">
        <v>3657</v>
      </c>
      <c r="D4009" t="s">
        <v>3673</v>
      </c>
    </row>
    <row r="4010" spans="1:4" x14ac:dyDescent="0.4">
      <c r="A4010">
        <v>2970009</v>
      </c>
      <c r="B4010" t="s">
        <v>0</v>
      </c>
      <c r="C4010" t="s">
        <v>3657</v>
      </c>
      <c r="D4010" t="s">
        <v>3674</v>
      </c>
    </row>
    <row r="4011" spans="1:4" x14ac:dyDescent="0.4">
      <c r="A4011">
        <v>2970071</v>
      </c>
      <c r="B4011" t="s">
        <v>0</v>
      </c>
      <c r="C4011" t="s">
        <v>3657</v>
      </c>
      <c r="D4011" t="s">
        <v>3675</v>
      </c>
    </row>
    <row r="4012" spans="1:4" x14ac:dyDescent="0.4">
      <c r="A4012">
        <v>2970067</v>
      </c>
      <c r="B4012" t="s">
        <v>0</v>
      </c>
      <c r="C4012" t="s">
        <v>3657</v>
      </c>
      <c r="D4012" t="s">
        <v>3676</v>
      </c>
    </row>
    <row r="4013" spans="1:4" x14ac:dyDescent="0.4">
      <c r="A4013">
        <v>2994117</v>
      </c>
      <c r="B4013" t="s">
        <v>0</v>
      </c>
      <c r="C4013" t="s">
        <v>3657</v>
      </c>
      <c r="D4013" t="s">
        <v>3677</v>
      </c>
    </row>
    <row r="4014" spans="1:4" x14ac:dyDescent="0.4">
      <c r="A4014">
        <v>2970004</v>
      </c>
      <c r="B4014" t="s">
        <v>0</v>
      </c>
      <c r="C4014" t="s">
        <v>3657</v>
      </c>
      <c r="D4014" t="s">
        <v>3678</v>
      </c>
    </row>
    <row r="4015" spans="1:4" x14ac:dyDescent="0.4">
      <c r="A4015">
        <v>2970007</v>
      </c>
      <c r="B4015" t="s">
        <v>0</v>
      </c>
      <c r="C4015" t="s">
        <v>3657</v>
      </c>
      <c r="D4015" t="s">
        <v>3679</v>
      </c>
    </row>
    <row r="4016" spans="1:4" x14ac:dyDescent="0.4">
      <c r="A4016">
        <v>2970074</v>
      </c>
      <c r="B4016" t="s">
        <v>0</v>
      </c>
      <c r="C4016" t="s">
        <v>3657</v>
      </c>
      <c r="D4016" t="s">
        <v>1982</v>
      </c>
    </row>
    <row r="4017" spans="1:4" x14ac:dyDescent="0.4">
      <c r="A4017">
        <v>2970041</v>
      </c>
      <c r="B4017" t="s">
        <v>0</v>
      </c>
      <c r="C4017" t="s">
        <v>3657</v>
      </c>
      <c r="D4017" t="s">
        <v>3680</v>
      </c>
    </row>
    <row r="4018" spans="1:4" x14ac:dyDescent="0.4">
      <c r="A4018">
        <v>2970042</v>
      </c>
      <c r="B4018" t="s">
        <v>0</v>
      </c>
      <c r="C4018" t="s">
        <v>3657</v>
      </c>
      <c r="D4018" t="s">
        <v>3681</v>
      </c>
    </row>
    <row r="4019" spans="1:4" x14ac:dyDescent="0.4">
      <c r="A4019">
        <v>2994126</v>
      </c>
      <c r="B4019" t="s">
        <v>0</v>
      </c>
      <c r="C4019" t="s">
        <v>3657</v>
      </c>
      <c r="D4019" t="s">
        <v>3682</v>
      </c>
    </row>
    <row r="4020" spans="1:4" x14ac:dyDescent="0.4">
      <c r="A4020">
        <v>2970008</v>
      </c>
      <c r="B4020" t="s">
        <v>0</v>
      </c>
      <c r="C4020" t="s">
        <v>3657</v>
      </c>
      <c r="D4020" t="s">
        <v>3683</v>
      </c>
    </row>
    <row r="4021" spans="1:4" x14ac:dyDescent="0.4">
      <c r="A4021">
        <v>2994101</v>
      </c>
      <c r="B4021" t="s">
        <v>0</v>
      </c>
      <c r="C4021" t="s">
        <v>3657</v>
      </c>
      <c r="D4021" t="s">
        <v>3619</v>
      </c>
    </row>
    <row r="4022" spans="1:4" x14ac:dyDescent="0.4">
      <c r="A4022">
        <v>2994123</v>
      </c>
      <c r="B4022" t="s">
        <v>0</v>
      </c>
      <c r="C4022" t="s">
        <v>3657</v>
      </c>
      <c r="D4022" t="s">
        <v>3684</v>
      </c>
    </row>
    <row r="4023" spans="1:4" x14ac:dyDescent="0.4">
      <c r="A4023">
        <v>2970035</v>
      </c>
      <c r="B4023" t="s">
        <v>0</v>
      </c>
      <c r="C4023" t="s">
        <v>3657</v>
      </c>
      <c r="D4023" t="s">
        <v>3685</v>
      </c>
    </row>
    <row r="4024" spans="1:4" x14ac:dyDescent="0.4">
      <c r="A4024">
        <v>2970076</v>
      </c>
      <c r="B4024" t="s">
        <v>0</v>
      </c>
      <c r="C4024" t="s">
        <v>3657</v>
      </c>
      <c r="D4024" t="s">
        <v>3686</v>
      </c>
    </row>
    <row r="4025" spans="1:4" x14ac:dyDescent="0.4">
      <c r="A4025">
        <v>2970006</v>
      </c>
      <c r="B4025" t="s">
        <v>0</v>
      </c>
      <c r="C4025" t="s">
        <v>3657</v>
      </c>
      <c r="D4025" t="s">
        <v>3687</v>
      </c>
    </row>
    <row r="4026" spans="1:4" x14ac:dyDescent="0.4">
      <c r="A4026">
        <v>2970053</v>
      </c>
      <c r="B4026" t="s">
        <v>0</v>
      </c>
      <c r="C4026" t="s">
        <v>3657</v>
      </c>
      <c r="D4026" t="s">
        <v>865</v>
      </c>
    </row>
    <row r="4027" spans="1:4" x14ac:dyDescent="0.4">
      <c r="A4027">
        <v>2994103</v>
      </c>
      <c r="B4027" t="s">
        <v>0</v>
      </c>
      <c r="C4027" t="s">
        <v>3657</v>
      </c>
      <c r="D4027" t="s">
        <v>3688</v>
      </c>
    </row>
    <row r="4028" spans="1:4" x14ac:dyDescent="0.4">
      <c r="A4028">
        <v>2970002</v>
      </c>
      <c r="B4028" t="s">
        <v>0</v>
      </c>
      <c r="C4028" t="s">
        <v>3657</v>
      </c>
      <c r="D4028" t="s">
        <v>3689</v>
      </c>
    </row>
    <row r="4029" spans="1:4" x14ac:dyDescent="0.4">
      <c r="A4029">
        <v>2970044</v>
      </c>
      <c r="B4029" t="s">
        <v>0</v>
      </c>
      <c r="C4029" t="s">
        <v>3657</v>
      </c>
      <c r="D4029" t="s">
        <v>737</v>
      </c>
    </row>
    <row r="4030" spans="1:4" x14ac:dyDescent="0.4">
      <c r="A4030">
        <v>2970029</v>
      </c>
      <c r="B4030" t="s">
        <v>0</v>
      </c>
      <c r="C4030" t="s">
        <v>3657</v>
      </c>
      <c r="D4030" t="s">
        <v>3690</v>
      </c>
    </row>
    <row r="4031" spans="1:4" x14ac:dyDescent="0.4">
      <c r="A4031">
        <v>2970078</v>
      </c>
      <c r="B4031" t="s">
        <v>0</v>
      </c>
      <c r="C4031" t="s">
        <v>3657</v>
      </c>
      <c r="D4031" t="s">
        <v>3691</v>
      </c>
    </row>
    <row r="4032" spans="1:4" x14ac:dyDescent="0.4">
      <c r="A4032">
        <v>2970021</v>
      </c>
      <c r="B4032" t="s">
        <v>0</v>
      </c>
      <c r="C4032" t="s">
        <v>3657</v>
      </c>
      <c r="D4032" t="s">
        <v>3692</v>
      </c>
    </row>
    <row r="4033" spans="1:4" x14ac:dyDescent="0.4">
      <c r="A4033">
        <v>2994116</v>
      </c>
      <c r="B4033" t="s">
        <v>0</v>
      </c>
      <c r="C4033" t="s">
        <v>3657</v>
      </c>
      <c r="D4033" t="s">
        <v>3693</v>
      </c>
    </row>
    <row r="4034" spans="1:4" x14ac:dyDescent="0.4">
      <c r="A4034">
        <v>2970043</v>
      </c>
      <c r="B4034" t="s">
        <v>0</v>
      </c>
      <c r="C4034" t="s">
        <v>3657</v>
      </c>
      <c r="D4034" t="s">
        <v>3694</v>
      </c>
    </row>
    <row r="4035" spans="1:4" x14ac:dyDescent="0.4">
      <c r="A4035">
        <v>2970057</v>
      </c>
      <c r="B4035" t="s">
        <v>0</v>
      </c>
      <c r="C4035" t="s">
        <v>3657</v>
      </c>
      <c r="D4035" t="s">
        <v>3695</v>
      </c>
    </row>
    <row r="4036" spans="1:4" x14ac:dyDescent="0.4">
      <c r="A4036">
        <v>2970027</v>
      </c>
      <c r="B4036" t="s">
        <v>0</v>
      </c>
      <c r="C4036" t="s">
        <v>3657</v>
      </c>
      <c r="D4036" t="s">
        <v>3696</v>
      </c>
    </row>
    <row r="4037" spans="1:4" x14ac:dyDescent="0.4">
      <c r="A4037">
        <v>2970023</v>
      </c>
      <c r="B4037" t="s">
        <v>0</v>
      </c>
      <c r="C4037" t="s">
        <v>3657</v>
      </c>
      <c r="D4037" t="s">
        <v>3697</v>
      </c>
    </row>
    <row r="4038" spans="1:4" x14ac:dyDescent="0.4">
      <c r="A4038">
        <v>2970055</v>
      </c>
      <c r="B4038" t="s">
        <v>0</v>
      </c>
      <c r="C4038" t="s">
        <v>3657</v>
      </c>
      <c r="D4038" t="s">
        <v>3698</v>
      </c>
    </row>
    <row r="4039" spans="1:4" x14ac:dyDescent="0.4">
      <c r="A4039">
        <v>2970017</v>
      </c>
      <c r="B4039" t="s">
        <v>0</v>
      </c>
      <c r="C4039" t="s">
        <v>3657</v>
      </c>
      <c r="D4039" t="s">
        <v>3699</v>
      </c>
    </row>
    <row r="4040" spans="1:4" x14ac:dyDescent="0.4">
      <c r="A4040">
        <v>2970028</v>
      </c>
      <c r="B4040" t="s">
        <v>0</v>
      </c>
      <c r="C4040" t="s">
        <v>3657</v>
      </c>
      <c r="D4040" t="s">
        <v>3700</v>
      </c>
    </row>
    <row r="4041" spans="1:4" x14ac:dyDescent="0.4">
      <c r="A4041">
        <v>2970015</v>
      </c>
      <c r="B4041" t="s">
        <v>0</v>
      </c>
      <c r="C4041" t="s">
        <v>3657</v>
      </c>
      <c r="D4041" t="s">
        <v>3701</v>
      </c>
    </row>
    <row r="4042" spans="1:4" x14ac:dyDescent="0.4">
      <c r="A4042">
        <v>2970013</v>
      </c>
      <c r="B4042" t="s">
        <v>0</v>
      </c>
      <c r="C4042" t="s">
        <v>3657</v>
      </c>
      <c r="D4042" t="s">
        <v>3702</v>
      </c>
    </row>
    <row r="4043" spans="1:4" x14ac:dyDescent="0.4">
      <c r="A4043">
        <v>2970034</v>
      </c>
      <c r="B4043" t="s">
        <v>0</v>
      </c>
      <c r="C4043" t="s">
        <v>3657</v>
      </c>
      <c r="D4043" t="s">
        <v>3703</v>
      </c>
    </row>
    <row r="4044" spans="1:4" x14ac:dyDescent="0.4">
      <c r="A4044">
        <v>2970073</v>
      </c>
      <c r="B4044" t="s">
        <v>0</v>
      </c>
      <c r="C4044" t="s">
        <v>3657</v>
      </c>
      <c r="D4044" t="s">
        <v>2211</v>
      </c>
    </row>
    <row r="4045" spans="1:4" x14ac:dyDescent="0.4">
      <c r="A4045">
        <v>2970038</v>
      </c>
      <c r="B4045" t="s">
        <v>0</v>
      </c>
      <c r="C4045" t="s">
        <v>3657</v>
      </c>
      <c r="D4045" t="s">
        <v>3704</v>
      </c>
    </row>
    <row r="4046" spans="1:4" x14ac:dyDescent="0.4">
      <c r="A4046">
        <v>2970063</v>
      </c>
      <c r="B4046" t="s">
        <v>0</v>
      </c>
      <c r="C4046" t="s">
        <v>3657</v>
      </c>
      <c r="D4046" t="s">
        <v>3209</v>
      </c>
    </row>
    <row r="4047" spans="1:4" x14ac:dyDescent="0.4">
      <c r="A4047">
        <v>2970001</v>
      </c>
      <c r="B4047" t="s">
        <v>0</v>
      </c>
      <c r="C4047" t="s">
        <v>3657</v>
      </c>
      <c r="D4047" t="s">
        <v>3705</v>
      </c>
    </row>
    <row r="4048" spans="1:4" x14ac:dyDescent="0.4">
      <c r="A4048">
        <v>2994112</v>
      </c>
      <c r="B4048" t="s">
        <v>0</v>
      </c>
      <c r="C4048" t="s">
        <v>3657</v>
      </c>
      <c r="D4048" t="s">
        <v>3706</v>
      </c>
    </row>
    <row r="4049" spans="1:4" x14ac:dyDescent="0.4">
      <c r="A4049">
        <v>2970018</v>
      </c>
      <c r="B4049" t="s">
        <v>0</v>
      </c>
      <c r="C4049" t="s">
        <v>3657</v>
      </c>
      <c r="D4049" t="s">
        <v>3707</v>
      </c>
    </row>
    <row r="4050" spans="1:4" x14ac:dyDescent="0.4">
      <c r="A4050">
        <v>2970037</v>
      </c>
      <c r="B4050" t="s">
        <v>0</v>
      </c>
      <c r="C4050" t="s">
        <v>3657</v>
      </c>
      <c r="D4050" t="s">
        <v>2261</v>
      </c>
    </row>
    <row r="4051" spans="1:4" x14ac:dyDescent="0.4">
      <c r="A4051">
        <v>2970031</v>
      </c>
      <c r="B4051" t="s">
        <v>0</v>
      </c>
      <c r="C4051" t="s">
        <v>3657</v>
      </c>
      <c r="D4051" t="s">
        <v>3708</v>
      </c>
    </row>
    <row r="4052" spans="1:4" x14ac:dyDescent="0.4">
      <c r="A4052">
        <v>2970032</v>
      </c>
      <c r="B4052" t="s">
        <v>0</v>
      </c>
      <c r="C4052" t="s">
        <v>3657</v>
      </c>
      <c r="D4052" t="s">
        <v>3709</v>
      </c>
    </row>
    <row r="4053" spans="1:4" x14ac:dyDescent="0.4">
      <c r="A4053">
        <v>2994113</v>
      </c>
      <c r="B4053" t="s">
        <v>0</v>
      </c>
      <c r="C4053" t="s">
        <v>3657</v>
      </c>
      <c r="D4053" t="s">
        <v>3710</v>
      </c>
    </row>
    <row r="4054" spans="1:4" x14ac:dyDescent="0.4">
      <c r="A4054">
        <v>2970005</v>
      </c>
      <c r="B4054" t="s">
        <v>0</v>
      </c>
      <c r="C4054" t="s">
        <v>3657</v>
      </c>
      <c r="D4054" t="s">
        <v>3711</v>
      </c>
    </row>
    <row r="4055" spans="1:4" x14ac:dyDescent="0.4">
      <c r="A4055">
        <v>2994114</v>
      </c>
      <c r="B4055" t="s">
        <v>0</v>
      </c>
      <c r="C4055" t="s">
        <v>3657</v>
      </c>
      <c r="D4055" t="s">
        <v>3712</v>
      </c>
    </row>
    <row r="4056" spans="1:4" x14ac:dyDescent="0.4">
      <c r="A4056">
        <v>2970022</v>
      </c>
      <c r="B4056" t="s">
        <v>0</v>
      </c>
      <c r="C4056" t="s">
        <v>3657</v>
      </c>
      <c r="D4056" t="s">
        <v>3713</v>
      </c>
    </row>
    <row r="4057" spans="1:4" x14ac:dyDescent="0.4">
      <c r="A4057">
        <v>2970077</v>
      </c>
      <c r="B4057" t="s">
        <v>0</v>
      </c>
      <c r="C4057" t="s">
        <v>3657</v>
      </c>
      <c r="D4057" t="s">
        <v>3714</v>
      </c>
    </row>
    <row r="4058" spans="1:4" x14ac:dyDescent="0.4">
      <c r="A4058">
        <v>2994102</v>
      </c>
      <c r="B4058" t="s">
        <v>0</v>
      </c>
      <c r="C4058" t="s">
        <v>3657</v>
      </c>
      <c r="D4058" t="s">
        <v>3715</v>
      </c>
    </row>
    <row r="4059" spans="1:4" x14ac:dyDescent="0.4">
      <c r="A4059">
        <v>2970065</v>
      </c>
      <c r="B4059" t="s">
        <v>0</v>
      </c>
      <c r="C4059" t="s">
        <v>3657</v>
      </c>
      <c r="D4059" t="s">
        <v>506</v>
      </c>
    </row>
    <row r="4060" spans="1:4" x14ac:dyDescent="0.4">
      <c r="A4060">
        <v>2970025</v>
      </c>
      <c r="B4060" t="s">
        <v>0</v>
      </c>
      <c r="C4060" t="s">
        <v>3657</v>
      </c>
      <c r="D4060" t="s">
        <v>1611</v>
      </c>
    </row>
    <row r="4061" spans="1:4" x14ac:dyDescent="0.4">
      <c r="A4061">
        <v>2994104</v>
      </c>
      <c r="B4061" t="s">
        <v>0</v>
      </c>
      <c r="C4061" t="s">
        <v>3657</v>
      </c>
      <c r="D4061" t="s">
        <v>3716</v>
      </c>
    </row>
    <row r="4062" spans="1:4" x14ac:dyDescent="0.4">
      <c r="A4062">
        <v>2970064</v>
      </c>
      <c r="B4062" t="s">
        <v>0</v>
      </c>
      <c r="C4062" t="s">
        <v>3657</v>
      </c>
      <c r="D4062" t="s">
        <v>514</v>
      </c>
    </row>
    <row r="4063" spans="1:4" x14ac:dyDescent="0.4">
      <c r="A4063">
        <v>2970012</v>
      </c>
      <c r="B4063" t="s">
        <v>0</v>
      </c>
      <c r="C4063" t="s">
        <v>3657</v>
      </c>
      <c r="D4063" t="s">
        <v>3717</v>
      </c>
    </row>
    <row r="4064" spans="1:4" x14ac:dyDescent="0.4">
      <c r="A4064">
        <v>2970026</v>
      </c>
      <c r="B4064" t="s">
        <v>0</v>
      </c>
      <c r="C4064" t="s">
        <v>3657</v>
      </c>
      <c r="D4064" t="s">
        <v>3718</v>
      </c>
    </row>
    <row r="4065" spans="1:4" x14ac:dyDescent="0.4">
      <c r="A4065">
        <v>2970039</v>
      </c>
      <c r="B4065" t="s">
        <v>0</v>
      </c>
      <c r="C4065" t="s">
        <v>3657</v>
      </c>
      <c r="D4065" t="s">
        <v>3719</v>
      </c>
    </row>
    <row r="4066" spans="1:4" x14ac:dyDescent="0.4">
      <c r="A4066">
        <v>2970045</v>
      </c>
      <c r="B4066" t="s">
        <v>0</v>
      </c>
      <c r="C4066" t="s">
        <v>3657</v>
      </c>
      <c r="D4066" t="s">
        <v>3720</v>
      </c>
    </row>
    <row r="4067" spans="1:4" x14ac:dyDescent="0.4">
      <c r="A4067">
        <v>2970024</v>
      </c>
      <c r="B4067" t="s">
        <v>0</v>
      </c>
      <c r="C4067" t="s">
        <v>3657</v>
      </c>
      <c r="D4067" t="s">
        <v>3721</v>
      </c>
    </row>
    <row r="4068" spans="1:4" x14ac:dyDescent="0.4">
      <c r="A4068">
        <v>2970061</v>
      </c>
      <c r="B4068" t="s">
        <v>0</v>
      </c>
      <c r="C4068" t="s">
        <v>3657</v>
      </c>
      <c r="D4068" t="s">
        <v>406</v>
      </c>
    </row>
    <row r="4069" spans="1:4" x14ac:dyDescent="0.4">
      <c r="A4069">
        <v>2970011</v>
      </c>
      <c r="B4069" t="s">
        <v>0</v>
      </c>
      <c r="C4069" t="s">
        <v>3657</v>
      </c>
      <c r="D4069" t="s">
        <v>3722</v>
      </c>
    </row>
    <row r="4070" spans="1:4" x14ac:dyDescent="0.4">
      <c r="A4070">
        <v>2970054</v>
      </c>
      <c r="B4070" t="s">
        <v>0</v>
      </c>
      <c r="C4070" t="s">
        <v>3657</v>
      </c>
      <c r="D4070" t="s">
        <v>3723</v>
      </c>
    </row>
    <row r="4071" spans="1:4" x14ac:dyDescent="0.4">
      <c r="A4071">
        <v>2994105</v>
      </c>
      <c r="B4071" t="s">
        <v>0</v>
      </c>
      <c r="C4071" t="s">
        <v>3657</v>
      </c>
      <c r="D4071" t="s">
        <v>3724</v>
      </c>
    </row>
    <row r="4072" spans="1:4" x14ac:dyDescent="0.4">
      <c r="A4072">
        <v>2994122</v>
      </c>
      <c r="B4072" t="s">
        <v>0</v>
      </c>
      <c r="C4072" t="s">
        <v>3657</v>
      </c>
      <c r="D4072" t="s">
        <v>3725</v>
      </c>
    </row>
    <row r="4073" spans="1:4" x14ac:dyDescent="0.4">
      <c r="A4073">
        <v>2994121</v>
      </c>
      <c r="B4073" t="s">
        <v>0</v>
      </c>
      <c r="C4073" t="s">
        <v>3657</v>
      </c>
      <c r="D4073" t="s">
        <v>3726</v>
      </c>
    </row>
    <row r="4074" spans="1:4" x14ac:dyDescent="0.4">
      <c r="A4074">
        <v>2970056</v>
      </c>
      <c r="B4074" t="s">
        <v>0</v>
      </c>
      <c r="C4074" t="s">
        <v>3657</v>
      </c>
      <c r="D4074" t="s">
        <v>3727</v>
      </c>
    </row>
    <row r="4075" spans="1:4" x14ac:dyDescent="0.4">
      <c r="A4075">
        <v>2830813</v>
      </c>
      <c r="B4075" t="s">
        <v>0</v>
      </c>
      <c r="C4075" t="s">
        <v>409</v>
      </c>
      <c r="D4075" t="s">
        <v>3728</v>
      </c>
    </row>
    <row r="4076" spans="1:4" x14ac:dyDescent="0.4">
      <c r="A4076">
        <v>2830823</v>
      </c>
      <c r="B4076" t="s">
        <v>0</v>
      </c>
      <c r="C4076" t="s">
        <v>409</v>
      </c>
      <c r="D4076" t="s">
        <v>3729</v>
      </c>
    </row>
    <row r="4077" spans="1:4" x14ac:dyDescent="0.4">
      <c r="A4077">
        <v>2830804</v>
      </c>
      <c r="B4077" t="s">
        <v>0</v>
      </c>
      <c r="C4077" t="s">
        <v>409</v>
      </c>
      <c r="D4077" t="s">
        <v>3730</v>
      </c>
    </row>
    <row r="4078" spans="1:4" x14ac:dyDescent="0.4">
      <c r="A4078">
        <v>2830055</v>
      </c>
      <c r="B4078" t="s">
        <v>0</v>
      </c>
      <c r="C4078" t="s">
        <v>409</v>
      </c>
      <c r="D4078" t="s">
        <v>3731</v>
      </c>
    </row>
    <row r="4079" spans="1:4" x14ac:dyDescent="0.4">
      <c r="A4079">
        <v>2892500</v>
      </c>
      <c r="B4079" t="s">
        <v>0</v>
      </c>
      <c r="C4079" t="s">
        <v>3732</v>
      </c>
    </row>
    <row r="4080" spans="1:4" x14ac:dyDescent="0.4">
      <c r="A4080">
        <v>2890518</v>
      </c>
      <c r="B4080" t="s">
        <v>0</v>
      </c>
      <c r="C4080" t="s">
        <v>3732</v>
      </c>
      <c r="D4080" t="s">
        <v>3733</v>
      </c>
    </row>
    <row r="4081" spans="1:4" x14ac:dyDescent="0.4">
      <c r="A4081">
        <v>2892522</v>
      </c>
      <c r="B4081" t="s">
        <v>0</v>
      </c>
      <c r="C4081" t="s">
        <v>3732</v>
      </c>
      <c r="D4081" t="s">
        <v>3734</v>
      </c>
    </row>
    <row r="4082" spans="1:4" x14ac:dyDescent="0.4">
      <c r="A4082">
        <v>2892511</v>
      </c>
      <c r="B4082" t="s">
        <v>0</v>
      </c>
      <c r="C4082" t="s">
        <v>3732</v>
      </c>
      <c r="D4082" t="s">
        <v>3735</v>
      </c>
    </row>
    <row r="4083" spans="1:4" x14ac:dyDescent="0.4">
      <c r="A4083">
        <v>2892705</v>
      </c>
      <c r="B4083" t="s">
        <v>0</v>
      </c>
      <c r="C4083" t="s">
        <v>3732</v>
      </c>
      <c r="D4083" t="s">
        <v>3736</v>
      </c>
    </row>
    <row r="4084" spans="1:4" x14ac:dyDescent="0.4">
      <c r="A4084">
        <v>2892607</v>
      </c>
      <c r="B4084" t="s">
        <v>0</v>
      </c>
      <c r="C4084" t="s">
        <v>3732</v>
      </c>
      <c r="D4084" t="s">
        <v>3737</v>
      </c>
    </row>
    <row r="4085" spans="1:4" x14ac:dyDescent="0.4">
      <c r="A4085">
        <v>2892534</v>
      </c>
      <c r="B4085" t="s">
        <v>0</v>
      </c>
      <c r="C4085" t="s">
        <v>3732</v>
      </c>
      <c r="D4085" t="s">
        <v>3738</v>
      </c>
    </row>
    <row r="4086" spans="1:4" x14ac:dyDescent="0.4">
      <c r="A4086">
        <v>2892531</v>
      </c>
      <c r="B4086" t="s">
        <v>0</v>
      </c>
      <c r="C4086" t="s">
        <v>3732</v>
      </c>
      <c r="D4086" t="s">
        <v>3739</v>
      </c>
    </row>
    <row r="4087" spans="1:4" x14ac:dyDescent="0.4">
      <c r="A4087">
        <v>2890515</v>
      </c>
      <c r="B4087" t="s">
        <v>0</v>
      </c>
      <c r="C4087" t="s">
        <v>3732</v>
      </c>
      <c r="D4087" t="s">
        <v>3091</v>
      </c>
    </row>
    <row r="4088" spans="1:4" x14ac:dyDescent="0.4">
      <c r="A4088">
        <v>2892602</v>
      </c>
      <c r="B4088" t="s">
        <v>0</v>
      </c>
      <c r="C4088" t="s">
        <v>3732</v>
      </c>
      <c r="D4088" t="s">
        <v>2180</v>
      </c>
    </row>
    <row r="4089" spans="1:4" x14ac:dyDescent="0.4">
      <c r="A4089">
        <v>2892711</v>
      </c>
      <c r="B4089" t="s">
        <v>0</v>
      </c>
      <c r="C4089" t="s">
        <v>3732</v>
      </c>
      <c r="D4089" t="s">
        <v>608</v>
      </c>
    </row>
    <row r="4090" spans="1:4" x14ac:dyDescent="0.4">
      <c r="A4090">
        <v>2892613</v>
      </c>
      <c r="B4090" t="s">
        <v>0</v>
      </c>
      <c r="C4090" t="s">
        <v>3732</v>
      </c>
      <c r="D4090" t="s">
        <v>3740</v>
      </c>
    </row>
    <row r="4091" spans="1:4" x14ac:dyDescent="0.4">
      <c r="A4091">
        <v>2892614</v>
      </c>
      <c r="B4091" t="s">
        <v>0</v>
      </c>
      <c r="C4091" t="s">
        <v>3732</v>
      </c>
      <c r="D4091" t="s">
        <v>3741</v>
      </c>
    </row>
    <row r="4092" spans="1:4" x14ac:dyDescent="0.4">
      <c r="A4092">
        <v>2892614</v>
      </c>
      <c r="B4092" t="s">
        <v>0</v>
      </c>
      <c r="C4092" t="s">
        <v>3732</v>
      </c>
      <c r="D4092" t="s">
        <v>3742</v>
      </c>
    </row>
    <row r="4093" spans="1:4" x14ac:dyDescent="0.4">
      <c r="A4093">
        <v>2892503</v>
      </c>
      <c r="B4093" t="s">
        <v>0</v>
      </c>
      <c r="C4093" t="s">
        <v>3732</v>
      </c>
      <c r="D4093" t="s">
        <v>3743</v>
      </c>
    </row>
    <row r="4094" spans="1:4" x14ac:dyDescent="0.4">
      <c r="A4094">
        <v>2892533</v>
      </c>
      <c r="B4094" t="s">
        <v>0</v>
      </c>
      <c r="C4094" t="s">
        <v>3732</v>
      </c>
      <c r="D4094" t="s">
        <v>3744</v>
      </c>
    </row>
    <row r="4095" spans="1:4" x14ac:dyDescent="0.4">
      <c r="A4095">
        <v>2892603</v>
      </c>
      <c r="B4095" t="s">
        <v>0</v>
      </c>
      <c r="C4095" t="s">
        <v>3732</v>
      </c>
      <c r="D4095" t="s">
        <v>3745</v>
      </c>
    </row>
    <row r="4096" spans="1:4" x14ac:dyDescent="0.4">
      <c r="A4096">
        <v>2890511</v>
      </c>
      <c r="B4096" t="s">
        <v>0</v>
      </c>
      <c r="C4096" t="s">
        <v>3732</v>
      </c>
      <c r="D4096" t="s">
        <v>3746</v>
      </c>
    </row>
    <row r="4097" spans="1:4" x14ac:dyDescent="0.4">
      <c r="A4097">
        <v>2892505</v>
      </c>
      <c r="B4097" t="s">
        <v>0</v>
      </c>
      <c r="C4097" t="s">
        <v>3732</v>
      </c>
      <c r="D4097" t="s">
        <v>3747</v>
      </c>
    </row>
    <row r="4098" spans="1:4" x14ac:dyDescent="0.4">
      <c r="A4098">
        <v>2892704</v>
      </c>
      <c r="B4098" t="s">
        <v>0</v>
      </c>
      <c r="C4098" t="s">
        <v>3732</v>
      </c>
      <c r="D4098" t="s">
        <v>3748</v>
      </c>
    </row>
    <row r="4099" spans="1:4" x14ac:dyDescent="0.4">
      <c r="A4099">
        <v>2892535</v>
      </c>
      <c r="B4099" t="s">
        <v>0</v>
      </c>
      <c r="C4099" t="s">
        <v>3732</v>
      </c>
      <c r="D4099" t="s">
        <v>3749</v>
      </c>
    </row>
    <row r="4100" spans="1:4" x14ac:dyDescent="0.4">
      <c r="A4100">
        <v>2892707</v>
      </c>
      <c r="B4100" t="s">
        <v>0</v>
      </c>
      <c r="C4100" t="s">
        <v>3732</v>
      </c>
      <c r="D4100" t="s">
        <v>3750</v>
      </c>
    </row>
    <row r="4101" spans="1:4" x14ac:dyDescent="0.4">
      <c r="A4101">
        <v>2892606</v>
      </c>
      <c r="B4101" t="s">
        <v>0</v>
      </c>
      <c r="C4101" t="s">
        <v>3732</v>
      </c>
      <c r="D4101" t="s">
        <v>3751</v>
      </c>
    </row>
    <row r="4102" spans="1:4" x14ac:dyDescent="0.4">
      <c r="A4102">
        <v>2892611</v>
      </c>
      <c r="B4102" t="s">
        <v>0</v>
      </c>
      <c r="C4102" t="s">
        <v>3732</v>
      </c>
      <c r="D4102" t="s">
        <v>3752</v>
      </c>
    </row>
    <row r="4103" spans="1:4" x14ac:dyDescent="0.4">
      <c r="A4103">
        <v>2892605</v>
      </c>
      <c r="B4103" t="s">
        <v>0</v>
      </c>
      <c r="C4103" t="s">
        <v>3732</v>
      </c>
      <c r="D4103" t="s">
        <v>3753</v>
      </c>
    </row>
    <row r="4104" spans="1:4" x14ac:dyDescent="0.4">
      <c r="A4104">
        <v>2892605</v>
      </c>
      <c r="B4104" t="s">
        <v>0</v>
      </c>
      <c r="C4104" t="s">
        <v>3732</v>
      </c>
      <c r="D4104" t="s">
        <v>3754</v>
      </c>
    </row>
    <row r="4105" spans="1:4" x14ac:dyDescent="0.4">
      <c r="A4105">
        <v>2892502</v>
      </c>
      <c r="B4105" t="s">
        <v>0</v>
      </c>
      <c r="C4105" t="s">
        <v>3732</v>
      </c>
      <c r="D4105" t="s">
        <v>3755</v>
      </c>
    </row>
    <row r="4106" spans="1:4" x14ac:dyDescent="0.4">
      <c r="A4106">
        <v>2892532</v>
      </c>
      <c r="B4106" t="s">
        <v>0</v>
      </c>
      <c r="C4106" t="s">
        <v>3732</v>
      </c>
      <c r="D4106" t="s">
        <v>3756</v>
      </c>
    </row>
    <row r="4107" spans="1:4" x14ac:dyDescent="0.4">
      <c r="A4107">
        <v>2892715</v>
      </c>
      <c r="B4107" t="s">
        <v>0</v>
      </c>
      <c r="C4107" t="s">
        <v>3732</v>
      </c>
      <c r="D4107" t="s">
        <v>3757</v>
      </c>
    </row>
    <row r="4108" spans="1:4" x14ac:dyDescent="0.4">
      <c r="A4108">
        <v>2890504</v>
      </c>
      <c r="B4108" t="s">
        <v>0</v>
      </c>
      <c r="C4108" t="s">
        <v>3732</v>
      </c>
      <c r="D4108" t="s">
        <v>3758</v>
      </c>
    </row>
    <row r="4109" spans="1:4" x14ac:dyDescent="0.4">
      <c r="A4109">
        <v>2890506</v>
      </c>
      <c r="B4109" t="s">
        <v>0</v>
      </c>
      <c r="C4109" t="s">
        <v>3732</v>
      </c>
      <c r="D4109" t="s">
        <v>3759</v>
      </c>
    </row>
    <row r="4110" spans="1:4" x14ac:dyDescent="0.4">
      <c r="A4110">
        <v>2892714</v>
      </c>
      <c r="B4110" t="s">
        <v>0</v>
      </c>
      <c r="C4110" t="s">
        <v>3732</v>
      </c>
      <c r="D4110" t="s">
        <v>3760</v>
      </c>
    </row>
    <row r="4111" spans="1:4" x14ac:dyDescent="0.4">
      <c r="A4111">
        <v>2892514</v>
      </c>
      <c r="B4111" t="s">
        <v>0</v>
      </c>
      <c r="C4111" t="s">
        <v>3732</v>
      </c>
      <c r="D4111" t="s">
        <v>3761</v>
      </c>
    </row>
    <row r="4112" spans="1:4" x14ac:dyDescent="0.4">
      <c r="A4112">
        <v>2892706</v>
      </c>
      <c r="B4112" t="s">
        <v>0</v>
      </c>
      <c r="C4112" t="s">
        <v>3732</v>
      </c>
      <c r="D4112" t="s">
        <v>3762</v>
      </c>
    </row>
    <row r="4113" spans="1:4" x14ac:dyDescent="0.4">
      <c r="A4113">
        <v>2892524</v>
      </c>
      <c r="B4113" t="s">
        <v>0</v>
      </c>
      <c r="C4113" t="s">
        <v>3732</v>
      </c>
      <c r="D4113" t="s">
        <v>3763</v>
      </c>
    </row>
    <row r="4114" spans="1:4" x14ac:dyDescent="0.4">
      <c r="A4114">
        <v>2892501</v>
      </c>
      <c r="B4114" t="s">
        <v>0</v>
      </c>
      <c r="C4114" t="s">
        <v>3732</v>
      </c>
      <c r="D4114" t="s">
        <v>367</v>
      </c>
    </row>
    <row r="4115" spans="1:4" x14ac:dyDescent="0.4">
      <c r="A4115">
        <v>2890501</v>
      </c>
      <c r="B4115" t="s">
        <v>0</v>
      </c>
      <c r="C4115" t="s">
        <v>3732</v>
      </c>
      <c r="D4115" t="s">
        <v>3764</v>
      </c>
    </row>
    <row r="4116" spans="1:4" x14ac:dyDescent="0.4">
      <c r="A4116">
        <v>2890507</v>
      </c>
      <c r="B4116" t="s">
        <v>0</v>
      </c>
      <c r="C4116" t="s">
        <v>3732</v>
      </c>
      <c r="D4116" t="s">
        <v>3765</v>
      </c>
    </row>
    <row r="4117" spans="1:4" x14ac:dyDescent="0.4">
      <c r="A4117">
        <v>2890514</v>
      </c>
      <c r="B4117" t="s">
        <v>0</v>
      </c>
      <c r="C4117" t="s">
        <v>3732</v>
      </c>
      <c r="D4117" t="s">
        <v>3766</v>
      </c>
    </row>
    <row r="4118" spans="1:4" x14ac:dyDescent="0.4">
      <c r="A4118">
        <v>2892604</v>
      </c>
      <c r="B4118" t="s">
        <v>0</v>
      </c>
      <c r="C4118" t="s">
        <v>3732</v>
      </c>
      <c r="D4118" t="s">
        <v>3767</v>
      </c>
    </row>
    <row r="4119" spans="1:4" x14ac:dyDescent="0.4">
      <c r="A4119">
        <v>2892615</v>
      </c>
      <c r="B4119" t="s">
        <v>0</v>
      </c>
      <c r="C4119" t="s">
        <v>3732</v>
      </c>
      <c r="D4119" t="s">
        <v>2211</v>
      </c>
    </row>
    <row r="4120" spans="1:4" x14ac:dyDescent="0.4">
      <c r="A4120">
        <v>2890502</v>
      </c>
      <c r="B4120" t="s">
        <v>0</v>
      </c>
      <c r="C4120" t="s">
        <v>3732</v>
      </c>
      <c r="D4120" t="s">
        <v>3768</v>
      </c>
    </row>
    <row r="4121" spans="1:4" x14ac:dyDescent="0.4">
      <c r="A4121">
        <v>2892523</v>
      </c>
      <c r="B4121" t="s">
        <v>0</v>
      </c>
      <c r="C4121" t="s">
        <v>3732</v>
      </c>
      <c r="D4121" t="s">
        <v>3769</v>
      </c>
    </row>
    <row r="4122" spans="1:4" x14ac:dyDescent="0.4">
      <c r="A4122">
        <v>2892504</v>
      </c>
      <c r="B4122" t="s">
        <v>0</v>
      </c>
      <c r="C4122" t="s">
        <v>3732</v>
      </c>
      <c r="D4122" t="s">
        <v>3770</v>
      </c>
    </row>
    <row r="4123" spans="1:4" x14ac:dyDescent="0.4">
      <c r="A4123">
        <v>2892515</v>
      </c>
      <c r="B4123" t="s">
        <v>0</v>
      </c>
      <c r="C4123" t="s">
        <v>3732</v>
      </c>
      <c r="D4123" t="s">
        <v>3771</v>
      </c>
    </row>
    <row r="4124" spans="1:4" x14ac:dyDescent="0.4">
      <c r="A4124">
        <v>2892525</v>
      </c>
      <c r="B4124" t="s">
        <v>0</v>
      </c>
      <c r="C4124" t="s">
        <v>3732</v>
      </c>
      <c r="D4124" t="s">
        <v>3772</v>
      </c>
    </row>
    <row r="4125" spans="1:4" x14ac:dyDescent="0.4">
      <c r="A4125">
        <v>2892513</v>
      </c>
      <c r="B4125" t="s">
        <v>0</v>
      </c>
      <c r="C4125" t="s">
        <v>3732</v>
      </c>
      <c r="D4125" t="s">
        <v>3773</v>
      </c>
    </row>
    <row r="4126" spans="1:4" x14ac:dyDescent="0.4">
      <c r="A4126">
        <v>2892521</v>
      </c>
      <c r="B4126" t="s">
        <v>0</v>
      </c>
      <c r="C4126" t="s">
        <v>3732</v>
      </c>
      <c r="D4126" t="s">
        <v>3774</v>
      </c>
    </row>
    <row r="4127" spans="1:4" x14ac:dyDescent="0.4">
      <c r="A4127">
        <v>2892713</v>
      </c>
      <c r="B4127" t="s">
        <v>0</v>
      </c>
      <c r="C4127" t="s">
        <v>3732</v>
      </c>
      <c r="D4127" t="s">
        <v>3775</v>
      </c>
    </row>
    <row r="4128" spans="1:4" x14ac:dyDescent="0.4">
      <c r="A4128">
        <v>2892702</v>
      </c>
      <c r="B4128" t="s">
        <v>0</v>
      </c>
      <c r="C4128" t="s">
        <v>3732</v>
      </c>
      <c r="D4128" t="s">
        <v>3776</v>
      </c>
    </row>
    <row r="4129" spans="1:4" x14ac:dyDescent="0.4">
      <c r="A4129">
        <v>2892512</v>
      </c>
      <c r="B4129" t="s">
        <v>0</v>
      </c>
      <c r="C4129" t="s">
        <v>3732</v>
      </c>
      <c r="D4129" t="s">
        <v>3777</v>
      </c>
    </row>
    <row r="4130" spans="1:4" x14ac:dyDescent="0.4">
      <c r="A4130">
        <v>2892708</v>
      </c>
      <c r="B4130" t="s">
        <v>0</v>
      </c>
      <c r="C4130" t="s">
        <v>3732</v>
      </c>
      <c r="D4130" t="s">
        <v>3778</v>
      </c>
    </row>
    <row r="4131" spans="1:4" x14ac:dyDescent="0.4">
      <c r="A4131">
        <v>2890513</v>
      </c>
      <c r="B4131" t="s">
        <v>0</v>
      </c>
      <c r="C4131" t="s">
        <v>3732</v>
      </c>
      <c r="D4131" t="s">
        <v>3779</v>
      </c>
    </row>
    <row r="4132" spans="1:4" x14ac:dyDescent="0.4">
      <c r="A4132">
        <v>2892612</v>
      </c>
      <c r="B4132" t="s">
        <v>0</v>
      </c>
      <c r="C4132" t="s">
        <v>3732</v>
      </c>
      <c r="D4132" t="s">
        <v>3780</v>
      </c>
    </row>
    <row r="4133" spans="1:4" x14ac:dyDescent="0.4">
      <c r="A4133">
        <v>2892601</v>
      </c>
      <c r="B4133" t="s">
        <v>0</v>
      </c>
      <c r="C4133" t="s">
        <v>3732</v>
      </c>
      <c r="D4133" t="s">
        <v>3781</v>
      </c>
    </row>
    <row r="4134" spans="1:4" x14ac:dyDescent="0.4">
      <c r="A4134">
        <v>2890505</v>
      </c>
      <c r="B4134" t="s">
        <v>0</v>
      </c>
      <c r="C4134" t="s">
        <v>3732</v>
      </c>
      <c r="D4134" t="s">
        <v>3782</v>
      </c>
    </row>
    <row r="4135" spans="1:4" x14ac:dyDescent="0.4">
      <c r="A4135">
        <v>2890517</v>
      </c>
      <c r="B4135" t="s">
        <v>0</v>
      </c>
      <c r="C4135" t="s">
        <v>3732</v>
      </c>
      <c r="D4135" t="s">
        <v>3783</v>
      </c>
    </row>
    <row r="4136" spans="1:4" x14ac:dyDescent="0.4">
      <c r="A4136">
        <v>2890503</v>
      </c>
      <c r="B4136" t="s">
        <v>0</v>
      </c>
      <c r="C4136" t="s">
        <v>3732</v>
      </c>
      <c r="D4136" t="s">
        <v>3784</v>
      </c>
    </row>
    <row r="4137" spans="1:4" x14ac:dyDescent="0.4">
      <c r="A4137">
        <v>2890512</v>
      </c>
      <c r="B4137" t="s">
        <v>0</v>
      </c>
      <c r="C4137" t="s">
        <v>3732</v>
      </c>
      <c r="D4137" t="s">
        <v>3785</v>
      </c>
    </row>
    <row r="4138" spans="1:4" x14ac:dyDescent="0.4">
      <c r="A4138">
        <v>2892616</v>
      </c>
      <c r="B4138" t="s">
        <v>0</v>
      </c>
      <c r="C4138" t="s">
        <v>3732</v>
      </c>
      <c r="D4138" t="s">
        <v>3786</v>
      </c>
    </row>
    <row r="4139" spans="1:4" x14ac:dyDescent="0.4">
      <c r="A4139">
        <v>2892701</v>
      </c>
      <c r="B4139" t="s">
        <v>0</v>
      </c>
      <c r="C4139" t="s">
        <v>3732</v>
      </c>
      <c r="D4139" t="s">
        <v>3787</v>
      </c>
    </row>
    <row r="4140" spans="1:4" x14ac:dyDescent="0.4">
      <c r="A4140">
        <v>2892703</v>
      </c>
      <c r="B4140" t="s">
        <v>0</v>
      </c>
      <c r="C4140" t="s">
        <v>3732</v>
      </c>
      <c r="D4140" t="s">
        <v>404</v>
      </c>
    </row>
    <row r="4141" spans="1:4" x14ac:dyDescent="0.4">
      <c r="A4141">
        <v>2892712</v>
      </c>
      <c r="B4141" t="s">
        <v>0</v>
      </c>
      <c r="C4141" t="s">
        <v>3732</v>
      </c>
      <c r="D4141" t="s">
        <v>3788</v>
      </c>
    </row>
    <row r="4142" spans="1:4" x14ac:dyDescent="0.4">
      <c r="A4142">
        <v>2890516</v>
      </c>
      <c r="B4142" t="s">
        <v>0</v>
      </c>
      <c r="C4142" t="s">
        <v>3732</v>
      </c>
      <c r="D4142" t="s">
        <v>3789</v>
      </c>
    </row>
    <row r="4143" spans="1:4" x14ac:dyDescent="0.4">
      <c r="A4143">
        <v>2892516</v>
      </c>
      <c r="B4143" t="s">
        <v>0</v>
      </c>
      <c r="C4143" t="s">
        <v>3732</v>
      </c>
      <c r="D4143" t="s">
        <v>3790</v>
      </c>
    </row>
    <row r="4144" spans="1:4" x14ac:dyDescent="0.4">
      <c r="A4144">
        <v>2750000</v>
      </c>
      <c r="B4144" t="s">
        <v>0</v>
      </c>
      <c r="C4144" t="s">
        <v>3791</v>
      </c>
    </row>
    <row r="4145" spans="1:4" x14ac:dyDescent="0.4">
      <c r="A4145">
        <v>2750024</v>
      </c>
      <c r="B4145" t="s">
        <v>0</v>
      </c>
      <c r="C4145" t="s">
        <v>3791</v>
      </c>
      <c r="D4145" t="s">
        <v>3792</v>
      </c>
    </row>
    <row r="4146" spans="1:4" x14ac:dyDescent="0.4">
      <c r="A4146">
        <v>2750025</v>
      </c>
      <c r="B4146" t="s">
        <v>0</v>
      </c>
      <c r="C4146" t="s">
        <v>3791</v>
      </c>
      <c r="D4146" t="s">
        <v>3793</v>
      </c>
    </row>
    <row r="4147" spans="1:4" x14ac:dyDescent="0.4">
      <c r="A4147">
        <v>2750006</v>
      </c>
      <c r="B4147" t="s">
        <v>0</v>
      </c>
      <c r="C4147" t="s">
        <v>3791</v>
      </c>
      <c r="D4147" t="s">
        <v>1528</v>
      </c>
    </row>
    <row r="4148" spans="1:4" x14ac:dyDescent="0.4">
      <c r="A4148">
        <v>2750011</v>
      </c>
      <c r="B4148" t="s">
        <v>0</v>
      </c>
      <c r="C4148" t="s">
        <v>3791</v>
      </c>
      <c r="D4148" t="s">
        <v>139</v>
      </c>
    </row>
    <row r="4149" spans="1:4" x14ac:dyDescent="0.4">
      <c r="A4149">
        <v>2750022</v>
      </c>
      <c r="B4149" t="s">
        <v>0</v>
      </c>
      <c r="C4149" t="s">
        <v>3791</v>
      </c>
      <c r="D4149" t="s">
        <v>3794</v>
      </c>
    </row>
    <row r="4150" spans="1:4" x14ac:dyDescent="0.4">
      <c r="A4150">
        <v>2750014</v>
      </c>
      <c r="B4150" t="s">
        <v>0</v>
      </c>
      <c r="C4150" t="s">
        <v>3791</v>
      </c>
      <c r="D4150" t="s">
        <v>2227</v>
      </c>
    </row>
    <row r="4151" spans="1:4" x14ac:dyDescent="0.4">
      <c r="A4151">
        <v>2750015</v>
      </c>
      <c r="B4151" t="s">
        <v>0</v>
      </c>
      <c r="C4151" t="s">
        <v>3791</v>
      </c>
      <c r="D4151" t="s">
        <v>3795</v>
      </c>
    </row>
    <row r="4152" spans="1:4" x14ac:dyDescent="0.4">
      <c r="A4152">
        <v>2750023</v>
      </c>
      <c r="B4152" t="s">
        <v>0</v>
      </c>
      <c r="C4152" t="s">
        <v>3791</v>
      </c>
      <c r="D4152" t="s">
        <v>3796</v>
      </c>
    </row>
    <row r="4153" spans="1:4" x14ac:dyDescent="0.4">
      <c r="A4153">
        <v>2750005</v>
      </c>
      <c r="B4153" t="s">
        <v>0</v>
      </c>
      <c r="C4153" t="s">
        <v>3791</v>
      </c>
      <c r="D4153" t="s">
        <v>3797</v>
      </c>
    </row>
    <row r="4154" spans="1:4" x14ac:dyDescent="0.4">
      <c r="A4154">
        <v>2750021</v>
      </c>
      <c r="B4154" t="s">
        <v>0</v>
      </c>
      <c r="C4154" t="s">
        <v>3791</v>
      </c>
      <c r="D4154" t="s">
        <v>3798</v>
      </c>
    </row>
    <row r="4155" spans="1:4" x14ac:dyDescent="0.4">
      <c r="A4155">
        <v>2750016</v>
      </c>
      <c r="B4155" t="s">
        <v>0</v>
      </c>
      <c r="C4155" t="s">
        <v>3791</v>
      </c>
      <c r="D4155" t="s">
        <v>3799</v>
      </c>
    </row>
    <row r="4156" spans="1:4" x14ac:dyDescent="0.4">
      <c r="A4156">
        <v>2750013</v>
      </c>
      <c r="B4156" t="s">
        <v>0</v>
      </c>
      <c r="C4156" t="s">
        <v>3791</v>
      </c>
      <c r="D4156" t="s">
        <v>3800</v>
      </c>
    </row>
    <row r="4157" spans="1:4" x14ac:dyDescent="0.4">
      <c r="A4157">
        <v>2750001</v>
      </c>
      <c r="B4157" t="s">
        <v>0</v>
      </c>
      <c r="C4157" t="s">
        <v>3791</v>
      </c>
      <c r="D4157" t="s">
        <v>3801</v>
      </c>
    </row>
    <row r="4158" spans="1:4" x14ac:dyDescent="0.4">
      <c r="A4158">
        <v>2750017</v>
      </c>
      <c r="B4158" t="s">
        <v>0</v>
      </c>
      <c r="C4158" t="s">
        <v>3791</v>
      </c>
      <c r="D4158" t="s">
        <v>3802</v>
      </c>
    </row>
    <row r="4159" spans="1:4" x14ac:dyDescent="0.4">
      <c r="A4159">
        <v>2750002</v>
      </c>
      <c r="B4159" t="s">
        <v>0</v>
      </c>
      <c r="C4159" t="s">
        <v>3791</v>
      </c>
      <c r="D4159" t="s">
        <v>3803</v>
      </c>
    </row>
    <row r="4160" spans="1:4" x14ac:dyDescent="0.4">
      <c r="A4160">
        <v>2750003</v>
      </c>
      <c r="B4160" t="s">
        <v>0</v>
      </c>
      <c r="C4160" t="s">
        <v>3791</v>
      </c>
      <c r="D4160" t="s">
        <v>3804</v>
      </c>
    </row>
    <row r="4161" spans="1:4" x14ac:dyDescent="0.4">
      <c r="A4161">
        <v>2750012</v>
      </c>
      <c r="B4161" t="s">
        <v>0</v>
      </c>
      <c r="C4161" t="s">
        <v>3791</v>
      </c>
      <c r="D4161" t="s">
        <v>3805</v>
      </c>
    </row>
    <row r="4162" spans="1:4" x14ac:dyDescent="0.4">
      <c r="A4162">
        <v>2750004</v>
      </c>
      <c r="B4162" t="s">
        <v>0</v>
      </c>
      <c r="C4162" t="s">
        <v>3791</v>
      </c>
      <c r="D4162" t="s">
        <v>3806</v>
      </c>
    </row>
    <row r="4163" spans="1:4" x14ac:dyDescent="0.4">
      <c r="A4163">
        <v>2750026</v>
      </c>
      <c r="B4163" t="s">
        <v>0</v>
      </c>
      <c r="C4163" t="s">
        <v>3791</v>
      </c>
      <c r="D4163" t="s">
        <v>3652</v>
      </c>
    </row>
    <row r="4164" spans="1:4" x14ac:dyDescent="0.4">
      <c r="A4164">
        <v>2750027</v>
      </c>
      <c r="B4164" t="s">
        <v>0</v>
      </c>
      <c r="C4164" t="s">
        <v>3791</v>
      </c>
      <c r="D4164" t="s">
        <v>2528</v>
      </c>
    </row>
    <row r="4165" spans="1:4" x14ac:dyDescent="0.4">
      <c r="A4165">
        <v>2770000</v>
      </c>
      <c r="B4165" t="s">
        <v>0</v>
      </c>
      <c r="C4165" t="s">
        <v>476</v>
      </c>
    </row>
    <row r="4166" spans="1:4" x14ac:dyDescent="0.4">
      <c r="A4166">
        <v>2770881</v>
      </c>
      <c r="B4166" t="s">
        <v>0</v>
      </c>
      <c r="C4166" t="s">
        <v>476</v>
      </c>
      <c r="D4166" t="s">
        <v>3807</v>
      </c>
    </row>
    <row r="4167" spans="1:4" x14ac:dyDescent="0.4">
      <c r="A4167">
        <v>2770055</v>
      </c>
      <c r="B4167" t="s">
        <v>0</v>
      </c>
      <c r="C4167" t="s">
        <v>476</v>
      </c>
      <c r="D4167" t="s">
        <v>577</v>
      </c>
    </row>
    <row r="4168" spans="1:4" x14ac:dyDescent="0.4">
      <c r="A4168">
        <v>2770027</v>
      </c>
      <c r="B4168" t="s">
        <v>0</v>
      </c>
      <c r="C4168" t="s">
        <v>476</v>
      </c>
      <c r="D4168" t="s">
        <v>3808</v>
      </c>
    </row>
    <row r="4169" spans="1:4" x14ac:dyDescent="0.4">
      <c r="A4169">
        <v>2770843</v>
      </c>
      <c r="B4169" t="s">
        <v>0</v>
      </c>
      <c r="C4169" t="s">
        <v>476</v>
      </c>
      <c r="D4169" t="s">
        <v>3809</v>
      </c>
    </row>
    <row r="4170" spans="1:4" x14ac:dyDescent="0.4">
      <c r="A4170">
        <v>2770841</v>
      </c>
      <c r="B4170" t="s">
        <v>0</v>
      </c>
      <c r="C4170" t="s">
        <v>476</v>
      </c>
      <c r="D4170" t="s">
        <v>3810</v>
      </c>
    </row>
    <row r="4171" spans="1:4" x14ac:dyDescent="0.4">
      <c r="A4171">
        <v>2701451</v>
      </c>
      <c r="B4171" t="s">
        <v>0</v>
      </c>
      <c r="C4171" t="s">
        <v>476</v>
      </c>
      <c r="D4171" t="s">
        <v>3811</v>
      </c>
    </row>
    <row r="4172" spans="1:4" x14ac:dyDescent="0.4">
      <c r="A4172">
        <v>2770852</v>
      </c>
      <c r="B4172" t="s">
        <v>0</v>
      </c>
      <c r="C4172" t="s">
        <v>476</v>
      </c>
      <c r="D4172" t="s">
        <v>222</v>
      </c>
    </row>
    <row r="4173" spans="1:4" x14ac:dyDescent="0.4">
      <c r="A4173">
        <v>2770014</v>
      </c>
      <c r="B4173" t="s">
        <v>0</v>
      </c>
      <c r="C4173" t="s">
        <v>476</v>
      </c>
      <c r="D4173" t="s">
        <v>1693</v>
      </c>
    </row>
    <row r="4174" spans="1:4" x14ac:dyDescent="0.4">
      <c r="A4174">
        <v>2770011</v>
      </c>
      <c r="B4174" t="s">
        <v>0</v>
      </c>
      <c r="C4174" t="s">
        <v>476</v>
      </c>
      <c r="D4174" t="s">
        <v>3812</v>
      </c>
    </row>
    <row r="4175" spans="1:4" x14ac:dyDescent="0.4">
      <c r="A4175">
        <v>2770013</v>
      </c>
      <c r="B4175" t="s">
        <v>0</v>
      </c>
      <c r="C4175" t="s">
        <v>476</v>
      </c>
      <c r="D4175" t="s">
        <v>3813</v>
      </c>
    </row>
    <row r="4176" spans="1:4" x14ac:dyDescent="0.4">
      <c r="A4176">
        <v>2701456</v>
      </c>
      <c r="B4176" t="s">
        <v>0</v>
      </c>
      <c r="C4176" t="s">
        <v>476</v>
      </c>
      <c r="D4176" t="s">
        <v>715</v>
      </c>
    </row>
    <row r="4177" spans="1:4" x14ac:dyDescent="0.4">
      <c r="A4177">
        <v>2770022</v>
      </c>
      <c r="B4177" t="s">
        <v>0</v>
      </c>
      <c r="C4177" t="s">
        <v>476</v>
      </c>
      <c r="D4177" t="s">
        <v>1528</v>
      </c>
    </row>
    <row r="4178" spans="1:4" x14ac:dyDescent="0.4">
      <c r="A4178">
        <v>2701457</v>
      </c>
      <c r="B4178" t="s">
        <v>0</v>
      </c>
      <c r="C4178" t="s">
        <v>476</v>
      </c>
      <c r="D4178" t="s">
        <v>3814</v>
      </c>
    </row>
    <row r="4179" spans="1:4" x14ac:dyDescent="0.4">
      <c r="A4179">
        <v>2770883</v>
      </c>
      <c r="B4179" t="s">
        <v>0</v>
      </c>
      <c r="C4179" t="s">
        <v>476</v>
      </c>
      <c r="D4179" t="s">
        <v>3815</v>
      </c>
    </row>
    <row r="4180" spans="1:4" x14ac:dyDescent="0.4">
      <c r="A4180">
        <v>2770074</v>
      </c>
      <c r="B4180" t="s">
        <v>0</v>
      </c>
      <c r="C4180" t="s">
        <v>476</v>
      </c>
      <c r="D4180" t="s">
        <v>3816</v>
      </c>
    </row>
    <row r="4181" spans="1:4" x14ac:dyDescent="0.4">
      <c r="A4181">
        <v>2770073</v>
      </c>
      <c r="B4181" t="s">
        <v>0</v>
      </c>
      <c r="C4181" t="s">
        <v>476</v>
      </c>
      <c r="D4181" t="s">
        <v>3817</v>
      </c>
    </row>
    <row r="4182" spans="1:4" x14ac:dyDescent="0.4">
      <c r="A4182">
        <v>2701445</v>
      </c>
      <c r="B4182" t="s">
        <v>0</v>
      </c>
      <c r="C4182" t="s">
        <v>476</v>
      </c>
      <c r="D4182" t="s">
        <v>2180</v>
      </c>
    </row>
    <row r="4183" spans="1:4" x14ac:dyDescent="0.4">
      <c r="A4183">
        <v>2701446</v>
      </c>
      <c r="B4183" t="s">
        <v>0</v>
      </c>
      <c r="C4183" t="s">
        <v>476</v>
      </c>
      <c r="D4183" t="s">
        <v>3818</v>
      </c>
    </row>
    <row r="4184" spans="1:4" x14ac:dyDescent="0.4">
      <c r="A4184">
        <v>2770086</v>
      </c>
      <c r="B4184" t="s">
        <v>0</v>
      </c>
      <c r="C4184" t="s">
        <v>476</v>
      </c>
      <c r="D4184" t="s">
        <v>3819</v>
      </c>
    </row>
    <row r="4185" spans="1:4" x14ac:dyDescent="0.4">
      <c r="A4185">
        <v>2770805</v>
      </c>
      <c r="B4185" t="s">
        <v>0</v>
      </c>
      <c r="C4185" t="s">
        <v>476</v>
      </c>
      <c r="D4185" t="s">
        <v>3820</v>
      </c>
    </row>
    <row r="4186" spans="1:4" x14ac:dyDescent="0.4">
      <c r="A4186">
        <v>2770902</v>
      </c>
      <c r="B4186" t="s">
        <v>0</v>
      </c>
      <c r="C4186" t="s">
        <v>476</v>
      </c>
      <c r="D4186" t="s">
        <v>2716</v>
      </c>
    </row>
    <row r="4187" spans="1:4" x14ac:dyDescent="0.4">
      <c r="A4187">
        <v>2770901</v>
      </c>
      <c r="B4187" t="s">
        <v>0</v>
      </c>
      <c r="C4187" t="s">
        <v>476</v>
      </c>
      <c r="D4187" t="s">
        <v>3821</v>
      </c>
    </row>
    <row r="4188" spans="1:4" x14ac:dyDescent="0.4">
      <c r="A4188">
        <v>2770922</v>
      </c>
      <c r="B4188" t="s">
        <v>0</v>
      </c>
      <c r="C4188" t="s">
        <v>476</v>
      </c>
      <c r="D4188" t="s">
        <v>3822</v>
      </c>
    </row>
    <row r="4189" spans="1:4" x14ac:dyDescent="0.4">
      <c r="A4189">
        <v>2770921</v>
      </c>
      <c r="B4189" t="s">
        <v>0</v>
      </c>
      <c r="C4189" t="s">
        <v>476</v>
      </c>
      <c r="D4189" t="s">
        <v>3823</v>
      </c>
    </row>
    <row r="4190" spans="1:4" x14ac:dyDescent="0.4">
      <c r="A4190">
        <v>2770026</v>
      </c>
      <c r="B4190" t="s">
        <v>0</v>
      </c>
      <c r="C4190" t="s">
        <v>476</v>
      </c>
      <c r="D4190" t="s">
        <v>3824</v>
      </c>
    </row>
    <row r="4191" spans="1:4" x14ac:dyDescent="0.4">
      <c r="A4191">
        <v>2770813</v>
      </c>
      <c r="B4191" t="s">
        <v>0</v>
      </c>
      <c r="C4191" t="s">
        <v>476</v>
      </c>
      <c r="D4191" t="s">
        <v>3825</v>
      </c>
    </row>
    <row r="4192" spans="1:4" x14ac:dyDescent="0.4">
      <c r="A4192">
        <v>2770837</v>
      </c>
      <c r="B4192" t="s">
        <v>0</v>
      </c>
      <c r="C4192" t="s">
        <v>476</v>
      </c>
      <c r="D4192" t="s">
        <v>3826</v>
      </c>
    </row>
    <row r="4193" spans="1:4" x14ac:dyDescent="0.4">
      <c r="A4193">
        <v>2770051</v>
      </c>
      <c r="B4193" t="s">
        <v>0</v>
      </c>
      <c r="C4193" t="s">
        <v>476</v>
      </c>
      <c r="D4193" t="s">
        <v>1372</v>
      </c>
    </row>
    <row r="4194" spans="1:4" x14ac:dyDescent="0.4">
      <c r="A4194">
        <v>2770924</v>
      </c>
      <c r="B4194" t="s">
        <v>0</v>
      </c>
      <c r="C4194" t="s">
        <v>476</v>
      </c>
      <c r="D4194" t="s">
        <v>3827</v>
      </c>
    </row>
    <row r="4195" spans="1:4" x14ac:dyDescent="0.4">
      <c r="A4195">
        <v>2770005</v>
      </c>
      <c r="B4195" t="s">
        <v>0</v>
      </c>
      <c r="C4195" t="s">
        <v>476</v>
      </c>
      <c r="D4195" t="s">
        <v>3828</v>
      </c>
    </row>
    <row r="4196" spans="1:4" x14ac:dyDescent="0.4">
      <c r="A4196">
        <v>2770004</v>
      </c>
      <c r="B4196" t="s">
        <v>0</v>
      </c>
      <c r="C4196" t="s">
        <v>476</v>
      </c>
      <c r="D4196" t="s">
        <v>3829</v>
      </c>
    </row>
    <row r="4197" spans="1:4" x14ac:dyDescent="0.4">
      <c r="A4197">
        <v>2770006</v>
      </c>
      <c r="B4197" t="s">
        <v>0</v>
      </c>
      <c r="C4197" t="s">
        <v>476</v>
      </c>
      <c r="D4197" t="s">
        <v>3830</v>
      </c>
    </row>
    <row r="4198" spans="1:4" x14ac:dyDescent="0.4">
      <c r="A4198">
        <v>2770882</v>
      </c>
      <c r="B4198" t="s">
        <v>0</v>
      </c>
      <c r="C4198" t="s">
        <v>476</v>
      </c>
      <c r="D4198" t="s">
        <v>3831</v>
      </c>
    </row>
    <row r="4199" spans="1:4" x14ac:dyDescent="0.4">
      <c r="A4199">
        <v>2770003</v>
      </c>
      <c r="B4199" t="s">
        <v>0</v>
      </c>
      <c r="C4199" t="s">
        <v>476</v>
      </c>
      <c r="D4199" t="s">
        <v>3832</v>
      </c>
    </row>
    <row r="4200" spans="1:4" x14ac:dyDescent="0.4">
      <c r="A4200">
        <v>2701453</v>
      </c>
      <c r="B4200" t="s">
        <v>0</v>
      </c>
      <c r="C4200" t="s">
        <v>476</v>
      </c>
      <c r="D4200" t="s">
        <v>3833</v>
      </c>
    </row>
    <row r="4201" spans="1:4" x14ac:dyDescent="0.4">
      <c r="A4201">
        <v>2701452</v>
      </c>
      <c r="B4201" t="s">
        <v>0</v>
      </c>
      <c r="C4201" t="s">
        <v>476</v>
      </c>
      <c r="D4201" t="s">
        <v>3834</v>
      </c>
    </row>
    <row r="4202" spans="1:4" x14ac:dyDescent="0.4">
      <c r="A4202">
        <v>2701455</v>
      </c>
      <c r="B4202" t="s">
        <v>0</v>
      </c>
      <c r="C4202" t="s">
        <v>476</v>
      </c>
      <c r="D4202" t="s">
        <v>3835</v>
      </c>
    </row>
    <row r="4203" spans="1:4" x14ac:dyDescent="0.4">
      <c r="A4203">
        <v>2770811</v>
      </c>
      <c r="B4203" t="s">
        <v>0</v>
      </c>
      <c r="C4203" t="s">
        <v>476</v>
      </c>
      <c r="D4203" t="s">
        <v>3836</v>
      </c>
    </row>
    <row r="4204" spans="1:4" x14ac:dyDescent="0.4">
      <c r="A4204">
        <v>2770846</v>
      </c>
      <c r="B4204" t="s">
        <v>0</v>
      </c>
      <c r="C4204" t="s">
        <v>476</v>
      </c>
      <c r="D4204" t="s">
        <v>3837</v>
      </c>
    </row>
    <row r="4205" spans="1:4" x14ac:dyDescent="0.4">
      <c r="A4205">
        <v>2770832</v>
      </c>
      <c r="B4205" t="s">
        <v>0</v>
      </c>
      <c r="C4205" t="s">
        <v>476</v>
      </c>
      <c r="D4205" t="s">
        <v>3838</v>
      </c>
    </row>
    <row r="4206" spans="1:4" x14ac:dyDescent="0.4">
      <c r="A4206">
        <v>2770836</v>
      </c>
      <c r="B4206" t="s">
        <v>0</v>
      </c>
      <c r="C4206" t="s">
        <v>476</v>
      </c>
      <c r="D4206" t="s">
        <v>3839</v>
      </c>
    </row>
    <row r="4207" spans="1:4" x14ac:dyDescent="0.4">
      <c r="A4207">
        <v>2770031</v>
      </c>
      <c r="B4207" t="s">
        <v>0</v>
      </c>
      <c r="C4207" t="s">
        <v>476</v>
      </c>
      <c r="D4207" t="s">
        <v>3840</v>
      </c>
    </row>
    <row r="4208" spans="1:4" x14ac:dyDescent="0.4">
      <c r="A4208">
        <v>2770803</v>
      </c>
      <c r="B4208" t="s">
        <v>0</v>
      </c>
      <c r="C4208" t="s">
        <v>476</v>
      </c>
      <c r="D4208" t="s">
        <v>3841</v>
      </c>
    </row>
    <row r="4209" spans="1:4" x14ac:dyDescent="0.4">
      <c r="A4209">
        <v>2770942</v>
      </c>
      <c r="B4209" t="s">
        <v>0</v>
      </c>
      <c r="C4209" t="s">
        <v>476</v>
      </c>
      <c r="D4209" t="s">
        <v>3842</v>
      </c>
    </row>
    <row r="4210" spans="1:4" x14ac:dyDescent="0.4">
      <c r="A4210">
        <v>2770913</v>
      </c>
      <c r="B4210" t="s">
        <v>0</v>
      </c>
      <c r="C4210" t="s">
        <v>476</v>
      </c>
      <c r="D4210" t="s">
        <v>3843</v>
      </c>
    </row>
    <row r="4211" spans="1:4" x14ac:dyDescent="0.4">
      <c r="A4211">
        <v>2770053</v>
      </c>
      <c r="B4211" t="s">
        <v>0</v>
      </c>
      <c r="C4211" t="s">
        <v>476</v>
      </c>
      <c r="D4211" t="s">
        <v>3844</v>
      </c>
    </row>
    <row r="4212" spans="1:4" x14ac:dyDescent="0.4">
      <c r="A4212">
        <v>2770042</v>
      </c>
      <c r="B4212" t="s">
        <v>0</v>
      </c>
      <c r="C4212" t="s">
        <v>476</v>
      </c>
      <c r="D4212" t="s">
        <v>3845</v>
      </c>
    </row>
    <row r="4213" spans="1:4" x14ac:dyDescent="0.4">
      <c r="A4213">
        <v>2770041</v>
      </c>
      <c r="B4213" t="s">
        <v>0</v>
      </c>
      <c r="C4213" t="s">
        <v>476</v>
      </c>
      <c r="D4213" t="s">
        <v>3846</v>
      </c>
    </row>
    <row r="4214" spans="1:4" x14ac:dyDescent="0.4">
      <c r="A4214">
        <v>2770012</v>
      </c>
      <c r="B4214" t="s">
        <v>0</v>
      </c>
      <c r="C4214" t="s">
        <v>476</v>
      </c>
      <c r="D4214" t="s">
        <v>2016</v>
      </c>
    </row>
    <row r="4215" spans="1:4" x14ac:dyDescent="0.4">
      <c r="A4215">
        <v>2770945</v>
      </c>
      <c r="B4215" t="s">
        <v>0</v>
      </c>
      <c r="C4215" t="s">
        <v>476</v>
      </c>
      <c r="D4215" t="s">
        <v>3847</v>
      </c>
    </row>
    <row r="4216" spans="1:4" x14ac:dyDescent="0.4">
      <c r="A4216">
        <v>2770862</v>
      </c>
      <c r="B4216" t="s">
        <v>0</v>
      </c>
      <c r="C4216" t="s">
        <v>476</v>
      </c>
      <c r="D4216" t="s">
        <v>3848</v>
      </c>
    </row>
    <row r="4217" spans="1:4" x14ac:dyDescent="0.4">
      <c r="A4217">
        <v>2770826</v>
      </c>
      <c r="B4217" t="s">
        <v>0</v>
      </c>
      <c r="C4217" t="s">
        <v>476</v>
      </c>
      <c r="D4217" t="s">
        <v>3849</v>
      </c>
    </row>
    <row r="4218" spans="1:4" x14ac:dyDescent="0.4">
      <c r="A4218">
        <v>2770814</v>
      </c>
      <c r="B4218" t="s">
        <v>0</v>
      </c>
      <c r="C4218" t="s">
        <v>476</v>
      </c>
      <c r="D4218" t="s">
        <v>3850</v>
      </c>
    </row>
    <row r="4219" spans="1:4" x14ac:dyDescent="0.4">
      <c r="A4219">
        <v>2770084</v>
      </c>
      <c r="B4219" t="s">
        <v>0</v>
      </c>
      <c r="C4219" t="s">
        <v>476</v>
      </c>
      <c r="D4219" t="s">
        <v>3851</v>
      </c>
    </row>
    <row r="4220" spans="1:4" x14ac:dyDescent="0.4">
      <c r="A4220">
        <v>2770044</v>
      </c>
      <c r="B4220" t="s">
        <v>0</v>
      </c>
      <c r="C4220" t="s">
        <v>476</v>
      </c>
      <c r="D4220" t="s">
        <v>3852</v>
      </c>
    </row>
    <row r="4221" spans="1:4" x14ac:dyDescent="0.4">
      <c r="A4221">
        <v>2770856</v>
      </c>
      <c r="B4221" t="s">
        <v>0</v>
      </c>
      <c r="C4221" t="s">
        <v>476</v>
      </c>
      <c r="D4221" t="s">
        <v>3853</v>
      </c>
    </row>
    <row r="4222" spans="1:4" x14ac:dyDescent="0.4">
      <c r="A4222">
        <v>2770804</v>
      </c>
      <c r="B4222" t="s">
        <v>0</v>
      </c>
      <c r="C4222" t="s">
        <v>476</v>
      </c>
      <c r="D4222" t="s">
        <v>3854</v>
      </c>
    </row>
    <row r="4223" spans="1:4" x14ac:dyDescent="0.4">
      <c r="A4223">
        <v>2701461</v>
      </c>
      <c r="B4223" t="s">
        <v>0</v>
      </c>
      <c r="C4223" t="s">
        <v>476</v>
      </c>
      <c r="D4223" t="s">
        <v>3855</v>
      </c>
    </row>
    <row r="4224" spans="1:4" x14ac:dyDescent="0.4">
      <c r="A4224">
        <v>2770842</v>
      </c>
      <c r="B4224" t="s">
        <v>0</v>
      </c>
      <c r="C4224" t="s">
        <v>476</v>
      </c>
      <c r="D4224" t="s">
        <v>3363</v>
      </c>
    </row>
    <row r="4225" spans="1:4" x14ac:dyDescent="0.4">
      <c r="A4225">
        <v>2770028</v>
      </c>
      <c r="B4225" t="s">
        <v>0</v>
      </c>
      <c r="C4225" t="s">
        <v>476</v>
      </c>
      <c r="D4225" t="s">
        <v>3856</v>
      </c>
    </row>
    <row r="4226" spans="1:4" x14ac:dyDescent="0.4">
      <c r="A4226">
        <v>2701462</v>
      </c>
      <c r="B4226" t="s">
        <v>0</v>
      </c>
      <c r="C4226" t="s">
        <v>476</v>
      </c>
      <c r="D4226" t="s">
        <v>3857</v>
      </c>
    </row>
    <row r="4227" spans="1:4" x14ac:dyDescent="0.4">
      <c r="A4227">
        <v>2701442</v>
      </c>
      <c r="B4227" t="s">
        <v>0</v>
      </c>
      <c r="C4227" t="s">
        <v>476</v>
      </c>
      <c r="D4227" t="s">
        <v>3858</v>
      </c>
    </row>
    <row r="4228" spans="1:4" x14ac:dyDescent="0.4">
      <c r="A4228">
        <v>2770861</v>
      </c>
      <c r="B4228" t="s">
        <v>0</v>
      </c>
      <c r="C4228" t="s">
        <v>476</v>
      </c>
      <c r="D4228" t="s">
        <v>3693</v>
      </c>
    </row>
    <row r="4229" spans="1:4" x14ac:dyDescent="0.4">
      <c r="A4229">
        <v>2770941</v>
      </c>
      <c r="B4229" t="s">
        <v>0</v>
      </c>
      <c r="C4229" t="s">
        <v>476</v>
      </c>
      <c r="D4229" t="s">
        <v>182</v>
      </c>
    </row>
    <row r="4230" spans="1:4" x14ac:dyDescent="0.4">
      <c r="A4230">
        <v>2770943</v>
      </c>
      <c r="B4230" t="s">
        <v>0</v>
      </c>
      <c r="C4230" t="s">
        <v>476</v>
      </c>
      <c r="D4230" t="s">
        <v>266</v>
      </c>
    </row>
    <row r="4231" spans="1:4" x14ac:dyDescent="0.4">
      <c r="A4231">
        <v>2770023</v>
      </c>
      <c r="B4231" t="s">
        <v>0</v>
      </c>
      <c r="C4231" t="s">
        <v>476</v>
      </c>
      <c r="D4231" t="s">
        <v>184</v>
      </c>
    </row>
    <row r="4232" spans="1:4" x14ac:dyDescent="0.4">
      <c r="A4232">
        <v>2770021</v>
      </c>
      <c r="B4232" t="s">
        <v>0</v>
      </c>
      <c r="C4232" t="s">
        <v>476</v>
      </c>
      <c r="D4232" t="s">
        <v>2780</v>
      </c>
    </row>
    <row r="4233" spans="1:4" x14ac:dyDescent="0.4">
      <c r="A4233">
        <v>2770025</v>
      </c>
      <c r="B4233" t="s">
        <v>0</v>
      </c>
      <c r="C4233" t="s">
        <v>476</v>
      </c>
      <c r="D4233" t="s">
        <v>2161</v>
      </c>
    </row>
    <row r="4234" spans="1:4" x14ac:dyDescent="0.4">
      <c r="A4234">
        <v>2770923</v>
      </c>
      <c r="B4234" t="s">
        <v>0</v>
      </c>
      <c r="C4234" t="s">
        <v>476</v>
      </c>
      <c r="D4234" t="s">
        <v>3859</v>
      </c>
    </row>
    <row r="4235" spans="1:4" x14ac:dyDescent="0.4">
      <c r="A4235">
        <v>2770072</v>
      </c>
      <c r="B4235" t="s">
        <v>0</v>
      </c>
      <c r="C4235" t="s">
        <v>476</v>
      </c>
      <c r="D4235" t="s">
        <v>3860</v>
      </c>
    </row>
    <row r="4236" spans="1:4" x14ac:dyDescent="0.4">
      <c r="A4236">
        <v>2701465</v>
      </c>
      <c r="B4236" t="s">
        <v>0</v>
      </c>
      <c r="C4236" t="s">
        <v>476</v>
      </c>
      <c r="D4236" t="s">
        <v>3861</v>
      </c>
    </row>
    <row r="4237" spans="1:4" x14ac:dyDescent="0.4">
      <c r="A4237">
        <v>2701466</v>
      </c>
      <c r="B4237" t="s">
        <v>0</v>
      </c>
      <c r="C4237" t="s">
        <v>476</v>
      </c>
      <c r="D4237" t="s">
        <v>3862</v>
      </c>
    </row>
    <row r="4238" spans="1:4" x14ac:dyDescent="0.4">
      <c r="A4238">
        <v>2770087</v>
      </c>
      <c r="B4238" t="s">
        <v>0</v>
      </c>
      <c r="C4238" t="s">
        <v>476</v>
      </c>
      <c r="D4238" t="s">
        <v>3863</v>
      </c>
    </row>
    <row r="4239" spans="1:4" x14ac:dyDescent="0.4">
      <c r="A4239">
        <v>2770008</v>
      </c>
      <c r="B4239" t="s">
        <v>0</v>
      </c>
      <c r="C4239" t="s">
        <v>476</v>
      </c>
      <c r="D4239" t="s">
        <v>3864</v>
      </c>
    </row>
    <row r="4240" spans="1:4" x14ac:dyDescent="0.4">
      <c r="A4240">
        <v>2770007</v>
      </c>
      <c r="B4240" t="s">
        <v>0</v>
      </c>
      <c r="C4240" t="s">
        <v>476</v>
      </c>
      <c r="D4240" t="s">
        <v>3865</v>
      </c>
    </row>
    <row r="4241" spans="1:4" x14ac:dyDescent="0.4">
      <c r="A4241">
        <v>2770081</v>
      </c>
      <c r="B4241" t="s">
        <v>0</v>
      </c>
      <c r="C4241" t="s">
        <v>476</v>
      </c>
      <c r="D4241" t="s">
        <v>3866</v>
      </c>
    </row>
    <row r="4242" spans="1:4" x14ac:dyDescent="0.4">
      <c r="A4242">
        <v>2770858</v>
      </c>
      <c r="B4242" t="s">
        <v>0</v>
      </c>
      <c r="C4242" t="s">
        <v>476</v>
      </c>
      <c r="D4242" t="s">
        <v>3867</v>
      </c>
    </row>
    <row r="4243" spans="1:4" x14ac:dyDescent="0.4">
      <c r="A4243">
        <v>2770863</v>
      </c>
      <c r="B4243" t="s">
        <v>0</v>
      </c>
      <c r="C4243" t="s">
        <v>476</v>
      </c>
      <c r="D4243" t="s">
        <v>3868</v>
      </c>
    </row>
    <row r="4244" spans="1:4" x14ac:dyDescent="0.4">
      <c r="A4244">
        <v>2770845</v>
      </c>
      <c r="B4244" t="s">
        <v>0</v>
      </c>
      <c r="C4244" t="s">
        <v>476</v>
      </c>
      <c r="D4244" t="s">
        <v>3869</v>
      </c>
    </row>
    <row r="4245" spans="1:4" x14ac:dyDescent="0.4">
      <c r="A4245">
        <v>2770071</v>
      </c>
      <c r="B4245" t="s">
        <v>0</v>
      </c>
      <c r="C4245" t="s">
        <v>476</v>
      </c>
      <c r="D4245" t="s">
        <v>3870</v>
      </c>
    </row>
    <row r="4246" spans="1:4" x14ac:dyDescent="0.4">
      <c r="A4246">
        <v>2770857</v>
      </c>
      <c r="B4246" t="s">
        <v>0</v>
      </c>
      <c r="C4246" t="s">
        <v>476</v>
      </c>
      <c r="D4246" t="s">
        <v>3871</v>
      </c>
    </row>
    <row r="4247" spans="1:4" x14ac:dyDescent="0.4">
      <c r="A4247">
        <v>2770872</v>
      </c>
      <c r="B4247" t="s">
        <v>0</v>
      </c>
      <c r="C4247" t="s">
        <v>476</v>
      </c>
      <c r="D4247" t="s">
        <v>3872</v>
      </c>
    </row>
    <row r="4248" spans="1:4" x14ac:dyDescent="0.4">
      <c r="A4248">
        <v>2770066</v>
      </c>
      <c r="B4248" t="s">
        <v>0</v>
      </c>
      <c r="C4248" t="s">
        <v>476</v>
      </c>
      <c r="D4248" t="s">
        <v>3873</v>
      </c>
    </row>
    <row r="4249" spans="1:4" x14ac:dyDescent="0.4">
      <c r="A4249">
        <v>2770873</v>
      </c>
      <c r="B4249" t="s">
        <v>0</v>
      </c>
      <c r="C4249" t="s">
        <v>476</v>
      </c>
      <c r="D4249" t="s">
        <v>3874</v>
      </c>
    </row>
    <row r="4250" spans="1:4" x14ac:dyDescent="0.4">
      <c r="A4250">
        <v>2770085</v>
      </c>
      <c r="B4250" t="s">
        <v>0</v>
      </c>
      <c r="C4250" t="s">
        <v>476</v>
      </c>
      <c r="D4250" t="s">
        <v>2477</v>
      </c>
    </row>
    <row r="4251" spans="1:4" x14ac:dyDescent="0.4">
      <c r="A4251">
        <v>2770032</v>
      </c>
      <c r="B4251" t="s">
        <v>0</v>
      </c>
      <c r="C4251" t="s">
        <v>476</v>
      </c>
      <c r="D4251" t="s">
        <v>3875</v>
      </c>
    </row>
    <row r="4252" spans="1:4" x14ac:dyDescent="0.4">
      <c r="A4252">
        <v>2770886</v>
      </c>
      <c r="B4252" t="s">
        <v>0</v>
      </c>
      <c r="C4252" t="s">
        <v>476</v>
      </c>
      <c r="D4252" t="s">
        <v>3876</v>
      </c>
    </row>
    <row r="4253" spans="1:4" x14ac:dyDescent="0.4">
      <c r="A4253">
        <v>2770844</v>
      </c>
      <c r="B4253" t="s">
        <v>0</v>
      </c>
      <c r="C4253" t="s">
        <v>476</v>
      </c>
      <c r="D4253" t="s">
        <v>808</v>
      </c>
    </row>
    <row r="4254" spans="1:4" x14ac:dyDescent="0.4">
      <c r="A4254">
        <v>2770885</v>
      </c>
      <c r="B4254" t="s">
        <v>0</v>
      </c>
      <c r="C4254" t="s">
        <v>476</v>
      </c>
      <c r="D4254" t="s">
        <v>3877</v>
      </c>
    </row>
    <row r="4255" spans="1:4" x14ac:dyDescent="0.4">
      <c r="A4255">
        <v>2770063</v>
      </c>
      <c r="B4255" t="s">
        <v>0</v>
      </c>
      <c r="C4255" t="s">
        <v>476</v>
      </c>
      <c r="D4255" t="s">
        <v>809</v>
      </c>
    </row>
    <row r="4256" spans="1:4" x14ac:dyDescent="0.4">
      <c r="A4256">
        <v>2900081</v>
      </c>
      <c r="B4256" t="s">
        <v>0</v>
      </c>
      <c r="C4256" t="s">
        <v>575</v>
      </c>
      <c r="D4256" t="s">
        <v>3878</v>
      </c>
    </row>
    <row r="4257" spans="1:4" x14ac:dyDescent="0.4">
      <c r="A4257">
        <v>2900054</v>
      </c>
      <c r="B4257" t="s">
        <v>0</v>
      </c>
      <c r="C4257" t="s">
        <v>575</v>
      </c>
      <c r="D4257" t="s">
        <v>3879</v>
      </c>
    </row>
    <row r="4258" spans="1:4" x14ac:dyDescent="0.4">
      <c r="A4258">
        <v>2900038</v>
      </c>
      <c r="B4258" t="s">
        <v>0</v>
      </c>
      <c r="C4258" t="s">
        <v>575</v>
      </c>
      <c r="D4258" t="s">
        <v>3880</v>
      </c>
    </row>
    <row r="4259" spans="1:4" x14ac:dyDescent="0.4">
      <c r="A4259">
        <v>2900055</v>
      </c>
      <c r="B4259" t="s">
        <v>0</v>
      </c>
      <c r="C4259" t="s">
        <v>575</v>
      </c>
      <c r="D4259" t="s">
        <v>3881</v>
      </c>
    </row>
    <row r="4260" spans="1:4" x14ac:dyDescent="0.4">
      <c r="A4260">
        <v>2900058</v>
      </c>
      <c r="B4260" t="s">
        <v>0</v>
      </c>
      <c r="C4260" t="s">
        <v>575</v>
      </c>
      <c r="D4260" t="s">
        <v>3882</v>
      </c>
    </row>
    <row r="4261" spans="1:4" x14ac:dyDescent="0.4">
      <c r="A4261">
        <v>2900045</v>
      </c>
      <c r="B4261" t="s">
        <v>0</v>
      </c>
      <c r="C4261" t="s">
        <v>575</v>
      </c>
      <c r="D4261" t="s">
        <v>3883</v>
      </c>
    </row>
    <row r="4262" spans="1:4" x14ac:dyDescent="0.4">
      <c r="A4262">
        <v>2900254</v>
      </c>
      <c r="B4262" t="s">
        <v>0</v>
      </c>
      <c r="C4262" t="s">
        <v>575</v>
      </c>
      <c r="D4262" t="s">
        <v>3884</v>
      </c>
    </row>
    <row r="4263" spans="1:4" x14ac:dyDescent="0.4">
      <c r="A4263">
        <v>2900255</v>
      </c>
      <c r="B4263" t="s">
        <v>0</v>
      </c>
      <c r="C4263" t="s">
        <v>575</v>
      </c>
      <c r="D4263" t="s">
        <v>2309</v>
      </c>
    </row>
    <row r="4264" spans="1:4" x14ac:dyDescent="0.4">
      <c r="A4264">
        <v>2900269</v>
      </c>
      <c r="B4264" t="s">
        <v>0</v>
      </c>
      <c r="C4264" t="s">
        <v>575</v>
      </c>
      <c r="D4264" t="s">
        <v>3885</v>
      </c>
    </row>
    <row r="4265" spans="1:4" x14ac:dyDescent="0.4">
      <c r="A4265">
        <v>2900013</v>
      </c>
      <c r="B4265" t="s">
        <v>0</v>
      </c>
      <c r="C4265" t="s">
        <v>575</v>
      </c>
      <c r="D4265" t="s">
        <v>3886</v>
      </c>
    </row>
    <row r="4266" spans="1:4" x14ac:dyDescent="0.4">
      <c r="A4266">
        <v>2900526</v>
      </c>
      <c r="B4266" t="s">
        <v>0</v>
      </c>
      <c r="C4266" t="s">
        <v>575</v>
      </c>
      <c r="D4266" t="s">
        <v>3887</v>
      </c>
    </row>
    <row r="4267" spans="1:4" x14ac:dyDescent="0.4">
      <c r="A4267">
        <v>2900073</v>
      </c>
      <c r="B4267" t="s">
        <v>0</v>
      </c>
      <c r="C4267" t="s">
        <v>575</v>
      </c>
      <c r="D4267" t="s">
        <v>3888</v>
      </c>
    </row>
    <row r="4268" spans="1:4" x14ac:dyDescent="0.4">
      <c r="A4268">
        <v>2900531</v>
      </c>
      <c r="B4268" t="s">
        <v>0</v>
      </c>
      <c r="C4268" t="s">
        <v>575</v>
      </c>
      <c r="D4268" t="s">
        <v>3889</v>
      </c>
    </row>
    <row r="4269" spans="1:4" x14ac:dyDescent="0.4">
      <c r="A4269">
        <v>2900528</v>
      </c>
      <c r="B4269" t="s">
        <v>0</v>
      </c>
      <c r="C4269" t="s">
        <v>575</v>
      </c>
      <c r="D4269" t="s">
        <v>3890</v>
      </c>
    </row>
    <row r="4270" spans="1:4" x14ac:dyDescent="0.4">
      <c r="A4270">
        <v>2900066</v>
      </c>
      <c r="B4270" t="s">
        <v>0</v>
      </c>
      <c r="C4270" t="s">
        <v>575</v>
      </c>
      <c r="D4270" t="s">
        <v>3891</v>
      </c>
    </row>
    <row r="4271" spans="1:4" x14ac:dyDescent="0.4">
      <c r="A4271">
        <v>2900165</v>
      </c>
      <c r="B4271" t="s">
        <v>0</v>
      </c>
      <c r="C4271" t="s">
        <v>575</v>
      </c>
      <c r="D4271" t="s">
        <v>3892</v>
      </c>
    </row>
    <row r="4272" spans="1:4" x14ac:dyDescent="0.4">
      <c r="A4272">
        <v>2900559</v>
      </c>
      <c r="B4272" t="s">
        <v>0</v>
      </c>
      <c r="C4272" t="s">
        <v>575</v>
      </c>
      <c r="D4272" t="s">
        <v>3756</v>
      </c>
    </row>
    <row r="4273" spans="1:4" x14ac:dyDescent="0.4">
      <c r="A4273">
        <v>2900529</v>
      </c>
      <c r="B4273" t="s">
        <v>0</v>
      </c>
      <c r="C4273" t="s">
        <v>575</v>
      </c>
      <c r="D4273" t="s">
        <v>3893</v>
      </c>
    </row>
    <row r="4274" spans="1:4" x14ac:dyDescent="0.4">
      <c r="A4274">
        <v>2900209</v>
      </c>
      <c r="B4274" t="s">
        <v>0</v>
      </c>
      <c r="C4274" t="s">
        <v>575</v>
      </c>
      <c r="D4274" t="s">
        <v>3894</v>
      </c>
    </row>
    <row r="4275" spans="1:4" x14ac:dyDescent="0.4">
      <c r="A4275">
        <v>2900162</v>
      </c>
      <c r="B4275" t="s">
        <v>0</v>
      </c>
      <c r="C4275" t="s">
        <v>575</v>
      </c>
      <c r="D4275" t="s">
        <v>3895</v>
      </c>
    </row>
    <row r="4276" spans="1:4" x14ac:dyDescent="0.4">
      <c r="A4276">
        <v>2900022</v>
      </c>
      <c r="B4276" t="s">
        <v>0</v>
      </c>
      <c r="C4276" t="s">
        <v>575</v>
      </c>
      <c r="D4276" t="s">
        <v>3896</v>
      </c>
    </row>
    <row r="4277" spans="1:4" x14ac:dyDescent="0.4">
      <c r="A4277">
        <v>2990127</v>
      </c>
      <c r="B4277" t="s">
        <v>0</v>
      </c>
      <c r="C4277" t="s">
        <v>575</v>
      </c>
      <c r="D4277" t="s">
        <v>2016</v>
      </c>
    </row>
    <row r="4278" spans="1:4" x14ac:dyDescent="0.4">
      <c r="A4278">
        <v>2900229</v>
      </c>
      <c r="B4278" t="s">
        <v>0</v>
      </c>
      <c r="C4278" t="s">
        <v>575</v>
      </c>
      <c r="D4278" t="s">
        <v>3897</v>
      </c>
    </row>
    <row r="4279" spans="1:4" x14ac:dyDescent="0.4">
      <c r="A4279">
        <v>2990118</v>
      </c>
      <c r="B4279" t="s">
        <v>0</v>
      </c>
      <c r="C4279" t="s">
        <v>575</v>
      </c>
      <c r="D4279" t="s">
        <v>3898</v>
      </c>
    </row>
    <row r="4280" spans="1:4" x14ac:dyDescent="0.4">
      <c r="A4280">
        <v>2990128</v>
      </c>
      <c r="B4280" t="s">
        <v>0</v>
      </c>
      <c r="C4280" t="s">
        <v>575</v>
      </c>
      <c r="D4280" t="s">
        <v>3899</v>
      </c>
    </row>
    <row r="4281" spans="1:4" x14ac:dyDescent="0.4">
      <c r="A4281">
        <v>2900506</v>
      </c>
      <c r="B4281" t="s">
        <v>0</v>
      </c>
      <c r="C4281" t="s">
        <v>575</v>
      </c>
      <c r="D4281" t="s">
        <v>680</v>
      </c>
    </row>
    <row r="4282" spans="1:4" x14ac:dyDescent="0.4">
      <c r="A4282">
        <v>2900034</v>
      </c>
      <c r="B4282" t="s">
        <v>0</v>
      </c>
      <c r="C4282" t="s">
        <v>575</v>
      </c>
      <c r="D4282" t="s">
        <v>3900</v>
      </c>
    </row>
    <row r="4283" spans="1:4" x14ac:dyDescent="0.4">
      <c r="A4283">
        <v>2900154</v>
      </c>
      <c r="B4283" t="s">
        <v>0</v>
      </c>
      <c r="C4283" t="s">
        <v>575</v>
      </c>
      <c r="D4283" t="s">
        <v>3901</v>
      </c>
    </row>
    <row r="4284" spans="1:4" x14ac:dyDescent="0.4">
      <c r="A4284">
        <v>2900518</v>
      </c>
      <c r="B4284" t="s">
        <v>0</v>
      </c>
      <c r="C4284" t="s">
        <v>575</v>
      </c>
      <c r="D4284" t="s">
        <v>3902</v>
      </c>
    </row>
    <row r="4285" spans="1:4" x14ac:dyDescent="0.4">
      <c r="A4285">
        <v>2900263</v>
      </c>
      <c r="B4285" t="s">
        <v>0</v>
      </c>
      <c r="C4285" t="s">
        <v>575</v>
      </c>
      <c r="D4285" t="s">
        <v>3903</v>
      </c>
    </row>
    <row r="4286" spans="1:4" x14ac:dyDescent="0.4">
      <c r="A4286">
        <v>2900503</v>
      </c>
      <c r="B4286" t="s">
        <v>0</v>
      </c>
      <c r="C4286" t="s">
        <v>575</v>
      </c>
      <c r="D4286" t="s">
        <v>434</v>
      </c>
    </row>
    <row r="4287" spans="1:4" x14ac:dyDescent="0.4">
      <c r="A4287">
        <v>2990104</v>
      </c>
      <c r="B4287" t="s">
        <v>0</v>
      </c>
      <c r="C4287" t="s">
        <v>575</v>
      </c>
      <c r="D4287" t="s">
        <v>3904</v>
      </c>
    </row>
    <row r="4288" spans="1:4" x14ac:dyDescent="0.4">
      <c r="A4288">
        <v>2900059</v>
      </c>
      <c r="B4288" t="s">
        <v>0</v>
      </c>
      <c r="C4288" t="s">
        <v>575</v>
      </c>
      <c r="D4288" t="s">
        <v>3905</v>
      </c>
    </row>
    <row r="4289" spans="1:4" x14ac:dyDescent="0.4">
      <c r="A4289">
        <v>2900502</v>
      </c>
      <c r="B4289" t="s">
        <v>0</v>
      </c>
      <c r="C4289" t="s">
        <v>575</v>
      </c>
      <c r="D4289" t="s">
        <v>3906</v>
      </c>
    </row>
    <row r="4290" spans="1:4" x14ac:dyDescent="0.4">
      <c r="A4290">
        <v>2900539</v>
      </c>
      <c r="B4290" t="s">
        <v>0</v>
      </c>
      <c r="C4290" t="s">
        <v>575</v>
      </c>
      <c r="D4290" t="s">
        <v>3907</v>
      </c>
    </row>
    <row r="4291" spans="1:4" x14ac:dyDescent="0.4">
      <c r="A4291">
        <v>2900026</v>
      </c>
      <c r="B4291" t="s">
        <v>0</v>
      </c>
      <c r="C4291" t="s">
        <v>575</v>
      </c>
      <c r="D4291" t="s">
        <v>3908</v>
      </c>
    </row>
    <row r="4292" spans="1:4" x14ac:dyDescent="0.4">
      <c r="A4292">
        <v>2900151</v>
      </c>
      <c r="B4292" t="s">
        <v>0</v>
      </c>
      <c r="C4292" t="s">
        <v>575</v>
      </c>
      <c r="D4292" t="s">
        <v>3909</v>
      </c>
    </row>
    <row r="4293" spans="1:4" x14ac:dyDescent="0.4">
      <c r="A4293">
        <v>2900023</v>
      </c>
      <c r="B4293" t="s">
        <v>0</v>
      </c>
      <c r="C4293" t="s">
        <v>575</v>
      </c>
      <c r="D4293" t="s">
        <v>3910</v>
      </c>
    </row>
    <row r="4294" spans="1:4" x14ac:dyDescent="0.4">
      <c r="A4294">
        <v>2900161</v>
      </c>
      <c r="B4294" t="s">
        <v>0</v>
      </c>
      <c r="C4294" t="s">
        <v>575</v>
      </c>
      <c r="D4294" t="s">
        <v>440</v>
      </c>
    </row>
    <row r="4295" spans="1:4" x14ac:dyDescent="0.4">
      <c r="A4295">
        <v>2900555</v>
      </c>
      <c r="B4295" t="s">
        <v>0</v>
      </c>
      <c r="C4295" t="s">
        <v>575</v>
      </c>
      <c r="D4295" t="s">
        <v>3911</v>
      </c>
    </row>
    <row r="4296" spans="1:4" x14ac:dyDescent="0.4">
      <c r="A4296">
        <v>2900152</v>
      </c>
      <c r="B4296" t="s">
        <v>0</v>
      </c>
      <c r="C4296" t="s">
        <v>575</v>
      </c>
      <c r="D4296" t="s">
        <v>3693</v>
      </c>
    </row>
    <row r="4297" spans="1:4" x14ac:dyDescent="0.4">
      <c r="A4297">
        <v>2900173</v>
      </c>
      <c r="B4297" t="s">
        <v>0</v>
      </c>
      <c r="C4297" t="s">
        <v>575</v>
      </c>
      <c r="D4297" t="s">
        <v>3912</v>
      </c>
    </row>
    <row r="4298" spans="1:4" x14ac:dyDescent="0.4">
      <c r="A4298">
        <v>2900203</v>
      </c>
      <c r="B4298" t="s">
        <v>0</v>
      </c>
      <c r="C4298" t="s">
        <v>575</v>
      </c>
      <c r="D4298" t="s">
        <v>3913</v>
      </c>
    </row>
    <row r="4299" spans="1:4" x14ac:dyDescent="0.4">
      <c r="A4299">
        <v>2900003</v>
      </c>
      <c r="B4299" t="s">
        <v>0</v>
      </c>
      <c r="C4299" t="s">
        <v>575</v>
      </c>
      <c r="D4299" t="s">
        <v>3914</v>
      </c>
    </row>
    <row r="4300" spans="1:4" x14ac:dyDescent="0.4">
      <c r="A4300">
        <v>2900004</v>
      </c>
      <c r="B4300" t="s">
        <v>0</v>
      </c>
      <c r="C4300" t="s">
        <v>575</v>
      </c>
      <c r="D4300" t="s">
        <v>3915</v>
      </c>
    </row>
    <row r="4301" spans="1:4" x14ac:dyDescent="0.4">
      <c r="A4301">
        <v>2990121</v>
      </c>
      <c r="B4301" t="s">
        <v>0</v>
      </c>
      <c r="C4301" t="s">
        <v>575</v>
      </c>
      <c r="D4301" t="s">
        <v>3916</v>
      </c>
    </row>
    <row r="4302" spans="1:4" x14ac:dyDescent="0.4">
      <c r="A4302">
        <v>2900515</v>
      </c>
      <c r="B4302" t="s">
        <v>0</v>
      </c>
      <c r="C4302" t="s">
        <v>575</v>
      </c>
      <c r="D4302" t="s">
        <v>3917</v>
      </c>
    </row>
    <row r="4303" spans="1:4" x14ac:dyDescent="0.4">
      <c r="A4303">
        <v>2900546</v>
      </c>
      <c r="B4303" t="s">
        <v>0</v>
      </c>
      <c r="C4303" t="s">
        <v>575</v>
      </c>
      <c r="D4303" t="s">
        <v>3918</v>
      </c>
    </row>
    <row r="4304" spans="1:4" x14ac:dyDescent="0.4">
      <c r="A4304">
        <v>2900545</v>
      </c>
      <c r="B4304" t="s">
        <v>0</v>
      </c>
      <c r="C4304" t="s">
        <v>575</v>
      </c>
      <c r="D4304" t="s">
        <v>3919</v>
      </c>
    </row>
    <row r="4305" spans="1:4" x14ac:dyDescent="0.4">
      <c r="A4305">
        <v>2900041</v>
      </c>
      <c r="B4305" t="s">
        <v>0</v>
      </c>
      <c r="C4305" t="s">
        <v>575</v>
      </c>
      <c r="D4305" t="s">
        <v>3920</v>
      </c>
    </row>
    <row r="4306" spans="1:4" x14ac:dyDescent="0.4">
      <c r="A4306">
        <v>2900044</v>
      </c>
      <c r="B4306" t="s">
        <v>0</v>
      </c>
      <c r="C4306" t="s">
        <v>575</v>
      </c>
      <c r="D4306" t="s">
        <v>3921</v>
      </c>
    </row>
    <row r="4307" spans="1:4" x14ac:dyDescent="0.4">
      <c r="A4307">
        <v>2990109</v>
      </c>
      <c r="B4307" t="s">
        <v>0</v>
      </c>
      <c r="C4307" t="s">
        <v>575</v>
      </c>
      <c r="D4307" t="s">
        <v>3922</v>
      </c>
    </row>
    <row r="4308" spans="1:4" x14ac:dyDescent="0.4">
      <c r="A4308">
        <v>2990108</v>
      </c>
      <c r="B4308" t="s">
        <v>0</v>
      </c>
      <c r="C4308" t="s">
        <v>575</v>
      </c>
      <c r="D4308" t="s">
        <v>3923</v>
      </c>
    </row>
    <row r="4309" spans="1:4" x14ac:dyDescent="0.4">
      <c r="A4309">
        <v>2900143</v>
      </c>
      <c r="B4309" t="s">
        <v>0</v>
      </c>
      <c r="C4309" t="s">
        <v>575</v>
      </c>
      <c r="D4309" t="s">
        <v>3924</v>
      </c>
    </row>
    <row r="4310" spans="1:4" x14ac:dyDescent="0.4">
      <c r="A4310">
        <v>2900141</v>
      </c>
      <c r="B4310" t="s">
        <v>0</v>
      </c>
      <c r="C4310" t="s">
        <v>575</v>
      </c>
      <c r="D4310" t="s">
        <v>3925</v>
      </c>
    </row>
    <row r="4311" spans="1:4" x14ac:dyDescent="0.4">
      <c r="A4311">
        <v>2900142</v>
      </c>
      <c r="B4311" t="s">
        <v>0</v>
      </c>
      <c r="C4311" t="s">
        <v>575</v>
      </c>
      <c r="D4311" t="s">
        <v>3926</v>
      </c>
    </row>
    <row r="4312" spans="1:4" x14ac:dyDescent="0.4">
      <c r="A4312">
        <v>2900032</v>
      </c>
      <c r="B4312" t="s">
        <v>0</v>
      </c>
      <c r="C4312" t="s">
        <v>575</v>
      </c>
      <c r="D4312" t="s">
        <v>3927</v>
      </c>
    </row>
    <row r="4313" spans="1:4" x14ac:dyDescent="0.4">
      <c r="A4313">
        <v>2900547</v>
      </c>
      <c r="B4313" t="s">
        <v>0</v>
      </c>
      <c r="C4313" t="s">
        <v>575</v>
      </c>
      <c r="D4313" t="s">
        <v>3928</v>
      </c>
    </row>
    <row r="4314" spans="1:4" x14ac:dyDescent="0.4">
      <c r="A4314">
        <v>2900527</v>
      </c>
      <c r="B4314" t="s">
        <v>0</v>
      </c>
      <c r="C4314" t="s">
        <v>575</v>
      </c>
      <c r="D4314" t="s">
        <v>3929</v>
      </c>
    </row>
    <row r="4315" spans="1:4" x14ac:dyDescent="0.4">
      <c r="A4315">
        <v>2900215</v>
      </c>
      <c r="B4315" t="s">
        <v>0</v>
      </c>
      <c r="C4315" t="s">
        <v>575</v>
      </c>
      <c r="D4315" t="s">
        <v>3930</v>
      </c>
    </row>
    <row r="4316" spans="1:4" x14ac:dyDescent="0.4">
      <c r="A4316">
        <v>2900512</v>
      </c>
      <c r="B4316" t="s">
        <v>0</v>
      </c>
      <c r="C4316" t="s">
        <v>575</v>
      </c>
      <c r="D4316" t="s">
        <v>3931</v>
      </c>
    </row>
    <row r="4317" spans="1:4" x14ac:dyDescent="0.4">
      <c r="A4317">
        <v>2900042</v>
      </c>
      <c r="B4317" t="s">
        <v>0</v>
      </c>
      <c r="C4317" t="s">
        <v>575</v>
      </c>
      <c r="D4317" t="s">
        <v>3932</v>
      </c>
    </row>
    <row r="4318" spans="1:4" x14ac:dyDescent="0.4">
      <c r="A4318">
        <v>2900043</v>
      </c>
      <c r="B4318" t="s">
        <v>0</v>
      </c>
      <c r="C4318" t="s">
        <v>575</v>
      </c>
      <c r="D4318" t="s">
        <v>3933</v>
      </c>
    </row>
    <row r="4319" spans="1:4" x14ac:dyDescent="0.4">
      <c r="A4319">
        <v>2900236</v>
      </c>
      <c r="B4319" t="s">
        <v>0</v>
      </c>
      <c r="C4319" t="s">
        <v>575</v>
      </c>
      <c r="D4319" t="s">
        <v>1682</v>
      </c>
    </row>
    <row r="4320" spans="1:4" x14ac:dyDescent="0.4">
      <c r="A4320">
        <v>2900544</v>
      </c>
      <c r="B4320" t="s">
        <v>0</v>
      </c>
      <c r="C4320" t="s">
        <v>575</v>
      </c>
      <c r="D4320" t="s">
        <v>3934</v>
      </c>
    </row>
    <row r="4321" spans="1:4" x14ac:dyDescent="0.4">
      <c r="A4321">
        <v>2900536</v>
      </c>
      <c r="B4321" t="s">
        <v>0</v>
      </c>
      <c r="C4321" t="s">
        <v>575</v>
      </c>
      <c r="D4321" t="s">
        <v>3935</v>
      </c>
    </row>
    <row r="4322" spans="1:4" x14ac:dyDescent="0.4">
      <c r="A4322">
        <v>2900551</v>
      </c>
      <c r="B4322" t="s">
        <v>0</v>
      </c>
      <c r="C4322" t="s">
        <v>575</v>
      </c>
      <c r="D4322" t="s">
        <v>3936</v>
      </c>
    </row>
    <row r="4323" spans="1:4" x14ac:dyDescent="0.4">
      <c r="A4323">
        <v>2990122</v>
      </c>
      <c r="B4323" t="s">
        <v>0</v>
      </c>
      <c r="C4323" t="s">
        <v>575</v>
      </c>
      <c r="D4323" t="s">
        <v>3937</v>
      </c>
    </row>
    <row r="4324" spans="1:4" x14ac:dyDescent="0.4">
      <c r="A4324">
        <v>2900226</v>
      </c>
      <c r="B4324" t="s">
        <v>0</v>
      </c>
      <c r="C4324" t="s">
        <v>575</v>
      </c>
      <c r="D4324" t="s">
        <v>2025</v>
      </c>
    </row>
    <row r="4325" spans="1:4" x14ac:dyDescent="0.4">
      <c r="A4325">
        <v>2900242</v>
      </c>
      <c r="B4325" t="s">
        <v>0</v>
      </c>
      <c r="C4325" t="s">
        <v>575</v>
      </c>
      <c r="D4325" t="s">
        <v>3938</v>
      </c>
    </row>
    <row r="4326" spans="1:4" x14ac:dyDescent="0.4">
      <c r="A4326">
        <v>2900153</v>
      </c>
      <c r="B4326" t="s">
        <v>0</v>
      </c>
      <c r="C4326" t="s">
        <v>575</v>
      </c>
      <c r="D4326" t="s">
        <v>194</v>
      </c>
    </row>
    <row r="4327" spans="1:4" x14ac:dyDescent="0.4">
      <c r="A4327">
        <v>2900168</v>
      </c>
      <c r="B4327" t="s">
        <v>0</v>
      </c>
      <c r="C4327" t="s">
        <v>575</v>
      </c>
      <c r="D4327" t="s">
        <v>1924</v>
      </c>
    </row>
    <row r="4328" spans="1:4" x14ac:dyDescent="0.4">
      <c r="A4328">
        <v>2900164</v>
      </c>
      <c r="B4328" t="s">
        <v>0</v>
      </c>
      <c r="C4328" t="s">
        <v>575</v>
      </c>
      <c r="D4328" t="s">
        <v>2632</v>
      </c>
    </row>
    <row r="4329" spans="1:4" x14ac:dyDescent="0.4">
      <c r="A4329">
        <v>2900206</v>
      </c>
      <c r="B4329" t="s">
        <v>0</v>
      </c>
      <c r="C4329" t="s">
        <v>575</v>
      </c>
      <c r="D4329" t="s">
        <v>1493</v>
      </c>
    </row>
    <row r="4330" spans="1:4" x14ac:dyDescent="0.4">
      <c r="A4330">
        <v>2900231</v>
      </c>
      <c r="B4330" t="s">
        <v>0</v>
      </c>
      <c r="C4330" t="s">
        <v>575</v>
      </c>
      <c r="D4330" t="s">
        <v>3939</v>
      </c>
    </row>
    <row r="4331" spans="1:4" x14ac:dyDescent="0.4">
      <c r="A4331">
        <v>2900072</v>
      </c>
      <c r="B4331" t="s">
        <v>0</v>
      </c>
      <c r="C4331" t="s">
        <v>575</v>
      </c>
      <c r="D4331" t="s">
        <v>3940</v>
      </c>
    </row>
    <row r="4332" spans="1:4" x14ac:dyDescent="0.4">
      <c r="A4332">
        <v>2900065</v>
      </c>
      <c r="B4332" t="s">
        <v>0</v>
      </c>
      <c r="C4332" t="s">
        <v>575</v>
      </c>
      <c r="D4332" t="s">
        <v>3941</v>
      </c>
    </row>
    <row r="4333" spans="1:4" x14ac:dyDescent="0.4">
      <c r="A4333">
        <v>2900261</v>
      </c>
      <c r="B4333" t="s">
        <v>0</v>
      </c>
      <c r="C4333" t="s">
        <v>575</v>
      </c>
      <c r="D4333" t="s">
        <v>3706</v>
      </c>
    </row>
    <row r="4334" spans="1:4" x14ac:dyDescent="0.4">
      <c r="A4334">
        <v>2900014</v>
      </c>
      <c r="B4334" t="s">
        <v>0</v>
      </c>
      <c r="C4334" t="s">
        <v>575</v>
      </c>
      <c r="D4334" t="s">
        <v>3942</v>
      </c>
    </row>
    <row r="4335" spans="1:4" x14ac:dyDescent="0.4">
      <c r="A4335">
        <v>2900024</v>
      </c>
      <c r="B4335" t="s">
        <v>0</v>
      </c>
      <c r="C4335" t="s">
        <v>575</v>
      </c>
      <c r="D4335" t="s">
        <v>3943</v>
      </c>
    </row>
    <row r="4336" spans="1:4" x14ac:dyDescent="0.4">
      <c r="A4336">
        <v>2900011</v>
      </c>
      <c r="B4336" t="s">
        <v>0</v>
      </c>
      <c r="C4336" t="s">
        <v>575</v>
      </c>
      <c r="D4336" t="s">
        <v>3944</v>
      </c>
    </row>
    <row r="4337" spans="1:4" x14ac:dyDescent="0.4">
      <c r="A4337">
        <v>2900033</v>
      </c>
      <c r="B4337" t="s">
        <v>0</v>
      </c>
      <c r="C4337" t="s">
        <v>575</v>
      </c>
      <c r="D4337" t="s">
        <v>3945</v>
      </c>
    </row>
    <row r="4338" spans="1:4" x14ac:dyDescent="0.4">
      <c r="A4338">
        <v>2900175</v>
      </c>
      <c r="B4338" t="s">
        <v>0</v>
      </c>
      <c r="C4338" t="s">
        <v>575</v>
      </c>
      <c r="D4338" t="s">
        <v>3946</v>
      </c>
    </row>
    <row r="4339" spans="1:4" x14ac:dyDescent="0.4">
      <c r="A4339">
        <v>2990112</v>
      </c>
      <c r="B4339" t="s">
        <v>0</v>
      </c>
      <c r="C4339" t="s">
        <v>575</v>
      </c>
      <c r="D4339" t="s">
        <v>3947</v>
      </c>
    </row>
    <row r="4340" spans="1:4" x14ac:dyDescent="0.4">
      <c r="A4340">
        <v>2900507</v>
      </c>
      <c r="B4340" t="s">
        <v>0</v>
      </c>
      <c r="C4340" t="s">
        <v>575</v>
      </c>
      <c r="D4340" t="s">
        <v>3948</v>
      </c>
    </row>
    <row r="4341" spans="1:4" x14ac:dyDescent="0.4">
      <c r="A4341">
        <v>2900155</v>
      </c>
      <c r="B4341" t="s">
        <v>0</v>
      </c>
      <c r="C4341" t="s">
        <v>575</v>
      </c>
      <c r="D4341" t="s">
        <v>3949</v>
      </c>
    </row>
    <row r="4342" spans="1:4" x14ac:dyDescent="0.4">
      <c r="A4342">
        <v>2900163</v>
      </c>
      <c r="B4342" t="s">
        <v>0</v>
      </c>
      <c r="C4342" t="s">
        <v>575</v>
      </c>
      <c r="D4342" t="s">
        <v>3950</v>
      </c>
    </row>
    <row r="4343" spans="1:4" x14ac:dyDescent="0.4">
      <c r="A4343">
        <v>2900074</v>
      </c>
      <c r="B4343" t="s">
        <v>0</v>
      </c>
      <c r="C4343" t="s">
        <v>575</v>
      </c>
      <c r="D4343" t="s">
        <v>3951</v>
      </c>
    </row>
    <row r="4344" spans="1:4" x14ac:dyDescent="0.4">
      <c r="A4344">
        <v>2900064</v>
      </c>
      <c r="B4344" t="s">
        <v>0</v>
      </c>
      <c r="C4344" t="s">
        <v>575</v>
      </c>
      <c r="D4344" t="s">
        <v>3952</v>
      </c>
    </row>
    <row r="4345" spans="1:4" x14ac:dyDescent="0.4">
      <c r="A4345">
        <v>2900256</v>
      </c>
      <c r="B4345" t="s">
        <v>0</v>
      </c>
      <c r="C4345" t="s">
        <v>575</v>
      </c>
      <c r="D4345" t="s">
        <v>3953</v>
      </c>
    </row>
    <row r="4346" spans="1:4" x14ac:dyDescent="0.4">
      <c r="A4346">
        <v>2900214</v>
      </c>
      <c r="B4346" t="s">
        <v>0</v>
      </c>
      <c r="C4346" t="s">
        <v>575</v>
      </c>
      <c r="D4346" t="s">
        <v>3954</v>
      </c>
    </row>
    <row r="4347" spans="1:4" x14ac:dyDescent="0.4">
      <c r="A4347">
        <v>2900053</v>
      </c>
      <c r="B4347" t="s">
        <v>0</v>
      </c>
      <c r="C4347" t="s">
        <v>575</v>
      </c>
      <c r="D4347" t="s">
        <v>567</v>
      </c>
    </row>
    <row r="4348" spans="1:4" x14ac:dyDescent="0.4">
      <c r="A4348">
        <v>2900541</v>
      </c>
      <c r="B4348" t="s">
        <v>0</v>
      </c>
      <c r="C4348" t="s">
        <v>575</v>
      </c>
      <c r="D4348" t="s">
        <v>952</v>
      </c>
    </row>
    <row r="4349" spans="1:4" x14ac:dyDescent="0.4">
      <c r="A4349">
        <v>2990123</v>
      </c>
      <c r="B4349" t="s">
        <v>0</v>
      </c>
      <c r="C4349" t="s">
        <v>575</v>
      </c>
      <c r="D4349" t="s">
        <v>3955</v>
      </c>
    </row>
    <row r="4350" spans="1:4" x14ac:dyDescent="0.4">
      <c r="A4350">
        <v>2900202</v>
      </c>
      <c r="B4350" t="s">
        <v>0</v>
      </c>
      <c r="C4350" t="s">
        <v>575</v>
      </c>
      <c r="D4350" t="s">
        <v>3956</v>
      </c>
    </row>
    <row r="4351" spans="1:4" x14ac:dyDescent="0.4">
      <c r="A4351">
        <v>2900012</v>
      </c>
      <c r="B4351" t="s">
        <v>0</v>
      </c>
      <c r="C4351" t="s">
        <v>575</v>
      </c>
      <c r="D4351" t="s">
        <v>3957</v>
      </c>
    </row>
    <row r="4352" spans="1:4" x14ac:dyDescent="0.4">
      <c r="A4352">
        <v>2900216</v>
      </c>
      <c r="B4352" t="s">
        <v>0</v>
      </c>
      <c r="C4352" t="s">
        <v>575</v>
      </c>
      <c r="D4352" t="s">
        <v>3958</v>
      </c>
    </row>
    <row r="4353" spans="1:4" x14ac:dyDescent="0.4">
      <c r="A4353">
        <v>2900554</v>
      </c>
      <c r="B4353" t="s">
        <v>0</v>
      </c>
      <c r="C4353" t="s">
        <v>575</v>
      </c>
      <c r="D4353" t="s">
        <v>3959</v>
      </c>
    </row>
    <row r="4354" spans="1:4" x14ac:dyDescent="0.4">
      <c r="A4354">
        <v>2900008</v>
      </c>
      <c r="B4354" t="s">
        <v>0</v>
      </c>
      <c r="C4354" t="s">
        <v>575</v>
      </c>
      <c r="D4354" t="s">
        <v>3960</v>
      </c>
    </row>
    <row r="4355" spans="1:4" x14ac:dyDescent="0.4">
      <c r="A4355">
        <v>2900524</v>
      </c>
      <c r="B4355" t="s">
        <v>0</v>
      </c>
      <c r="C4355" t="s">
        <v>575</v>
      </c>
      <c r="D4355" t="s">
        <v>3961</v>
      </c>
    </row>
    <row r="4356" spans="1:4" x14ac:dyDescent="0.4">
      <c r="A4356">
        <v>2900224</v>
      </c>
      <c r="B4356" t="s">
        <v>0</v>
      </c>
      <c r="C4356" t="s">
        <v>575</v>
      </c>
      <c r="D4356" t="s">
        <v>3962</v>
      </c>
    </row>
    <row r="4357" spans="1:4" x14ac:dyDescent="0.4">
      <c r="A4357">
        <v>2900504</v>
      </c>
      <c r="B4357" t="s">
        <v>0</v>
      </c>
      <c r="C4357" t="s">
        <v>575</v>
      </c>
      <c r="D4357" t="s">
        <v>3963</v>
      </c>
    </row>
    <row r="4358" spans="1:4" x14ac:dyDescent="0.4">
      <c r="A4358">
        <v>2900556</v>
      </c>
      <c r="B4358" t="s">
        <v>0</v>
      </c>
      <c r="C4358" t="s">
        <v>575</v>
      </c>
      <c r="D4358" t="s">
        <v>210</v>
      </c>
    </row>
    <row r="4359" spans="1:4" x14ac:dyDescent="0.4">
      <c r="A4359">
        <v>2900267</v>
      </c>
      <c r="B4359" t="s">
        <v>0</v>
      </c>
      <c r="C4359" t="s">
        <v>575</v>
      </c>
      <c r="D4359" t="s">
        <v>1782</v>
      </c>
    </row>
    <row r="4360" spans="1:4" x14ac:dyDescent="0.4">
      <c r="A4360">
        <v>2900035</v>
      </c>
      <c r="B4360" t="s">
        <v>0</v>
      </c>
      <c r="C4360" t="s">
        <v>575</v>
      </c>
      <c r="D4360" t="s">
        <v>3964</v>
      </c>
    </row>
    <row r="4361" spans="1:4" x14ac:dyDescent="0.4">
      <c r="A4361">
        <v>2900036</v>
      </c>
      <c r="B4361" t="s">
        <v>0</v>
      </c>
      <c r="C4361" t="s">
        <v>575</v>
      </c>
      <c r="D4361" t="s">
        <v>3965</v>
      </c>
    </row>
    <row r="4362" spans="1:4" x14ac:dyDescent="0.4">
      <c r="A4362">
        <v>2900217</v>
      </c>
      <c r="B4362" t="s">
        <v>0</v>
      </c>
      <c r="C4362" t="s">
        <v>575</v>
      </c>
      <c r="D4362" t="s">
        <v>2003</v>
      </c>
    </row>
    <row r="4363" spans="1:4" x14ac:dyDescent="0.4">
      <c r="A4363">
        <v>2900549</v>
      </c>
      <c r="B4363" t="s">
        <v>0</v>
      </c>
      <c r="C4363" t="s">
        <v>575</v>
      </c>
      <c r="D4363" t="s">
        <v>3966</v>
      </c>
    </row>
    <row r="4364" spans="1:4" x14ac:dyDescent="0.4">
      <c r="A4364">
        <v>2900514</v>
      </c>
      <c r="B4364" t="s">
        <v>0</v>
      </c>
      <c r="C4364" t="s">
        <v>575</v>
      </c>
      <c r="D4364" t="s">
        <v>2240</v>
      </c>
    </row>
    <row r="4365" spans="1:4" x14ac:dyDescent="0.4">
      <c r="A4365">
        <v>2900244</v>
      </c>
      <c r="B4365" t="s">
        <v>0</v>
      </c>
      <c r="C4365" t="s">
        <v>575</v>
      </c>
      <c r="D4365" t="s">
        <v>3967</v>
      </c>
    </row>
    <row r="4366" spans="1:4" x14ac:dyDescent="0.4">
      <c r="A4366">
        <v>2900075</v>
      </c>
      <c r="B4366" t="s">
        <v>0</v>
      </c>
      <c r="C4366" t="s">
        <v>575</v>
      </c>
      <c r="D4366" t="s">
        <v>3968</v>
      </c>
    </row>
    <row r="4367" spans="1:4" x14ac:dyDescent="0.4">
      <c r="A4367">
        <v>2900232</v>
      </c>
      <c r="B4367" t="s">
        <v>0</v>
      </c>
      <c r="C4367" t="s">
        <v>575</v>
      </c>
      <c r="D4367" t="s">
        <v>3969</v>
      </c>
    </row>
    <row r="4368" spans="1:4" x14ac:dyDescent="0.4">
      <c r="A4368">
        <v>2900264</v>
      </c>
      <c r="B4368" t="s">
        <v>0</v>
      </c>
      <c r="C4368" t="s">
        <v>575</v>
      </c>
      <c r="D4368" t="s">
        <v>3970</v>
      </c>
    </row>
    <row r="4369" spans="1:4" x14ac:dyDescent="0.4">
      <c r="A4369">
        <v>2900223</v>
      </c>
      <c r="B4369" t="s">
        <v>0</v>
      </c>
      <c r="C4369" t="s">
        <v>575</v>
      </c>
      <c r="D4369" t="s">
        <v>3971</v>
      </c>
    </row>
    <row r="4370" spans="1:4" x14ac:dyDescent="0.4">
      <c r="A4370">
        <v>2990116</v>
      </c>
      <c r="B4370" t="s">
        <v>0</v>
      </c>
      <c r="C4370" t="s">
        <v>575</v>
      </c>
      <c r="D4370" t="s">
        <v>3972</v>
      </c>
    </row>
    <row r="4371" spans="1:4" x14ac:dyDescent="0.4">
      <c r="A4371">
        <v>2900031</v>
      </c>
      <c r="B4371" t="s">
        <v>0</v>
      </c>
      <c r="C4371" t="s">
        <v>575</v>
      </c>
      <c r="D4371" t="s">
        <v>695</v>
      </c>
    </row>
    <row r="4372" spans="1:4" x14ac:dyDescent="0.4">
      <c r="A4372">
        <v>2900016</v>
      </c>
      <c r="B4372" t="s">
        <v>0</v>
      </c>
      <c r="C4372" t="s">
        <v>575</v>
      </c>
      <c r="D4372" t="s">
        <v>3973</v>
      </c>
    </row>
    <row r="4373" spans="1:4" x14ac:dyDescent="0.4">
      <c r="A4373">
        <v>2900517</v>
      </c>
      <c r="B4373" t="s">
        <v>0</v>
      </c>
      <c r="C4373" t="s">
        <v>575</v>
      </c>
      <c r="D4373" t="s">
        <v>3974</v>
      </c>
    </row>
    <row r="4374" spans="1:4" x14ac:dyDescent="0.4">
      <c r="A4374">
        <v>2900538</v>
      </c>
      <c r="B4374" t="s">
        <v>0</v>
      </c>
      <c r="C4374" t="s">
        <v>575</v>
      </c>
      <c r="D4374" t="s">
        <v>3975</v>
      </c>
    </row>
    <row r="4375" spans="1:4" x14ac:dyDescent="0.4">
      <c r="A4375">
        <v>2900268</v>
      </c>
      <c r="B4375" t="s">
        <v>0</v>
      </c>
      <c r="C4375" t="s">
        <v>575</v>
      </c>
      <c r="D4375" t="s">
        <v>1439</v>
      </c>
    </row>
    <row r="4376" spans="1:4" x14ac:dyDescent="0.4">
      <c r="A4376">
        <v>2900227</v>
      </c>
      <c r="B4376" t="s">
        <v>0</v>
      </c>
      <c r="C4376" t="s">
        <v>575</v>
      </c>
      <c r="D4376" t="s">
        <v>3976</v>
      </c>
    </row>
    <row r="4377" spans="1:4" x14ac:dyDescent="0.4">
      <c r="A4377">
        <v>2900005</v>
      </c>
      <c r="B4377" t="s">
        <v>0</v>
      </c>
      <c r="C4377" t="s">
        <v>575</v>
      </c>
      <c r="D4377" t="s">
        <v>3977</v>
      </c>
    </row>
    <row r="4378" spans="1:4" x14ac:dyDescent="0.4">
      <c r="A4378">
        <v>2900201</v>
      </c>
      <c r="B4378" t="s">
        <v>0</v>
      </c>
      <c r="C4378" t="s">
        <v>575</v>
      </c>
      <c r="D4378" t="s">
        <v>3978</v>
      </c>
    </row>
    <row r="4379" spans="1:4" x14ac:dyDescent="0.4">
      <c r="A4379">
        <v>2900558</v>
      </c>
      <c r="B4379" t="s">
        <v>0</v>
      </c>
      <c r="C4379" t="s">
        <v>575</v>
      </c>
      <c r="D4379" t="s">
        <v>3728</v>
      </c>
    </row>
    <row r="4380" spans="1:4" x14ac:dyDescent="0.4">
      <c r="A4380">
        <v>2900521</v>
      </c>
      <c r="B4380" t="s">
        <v>0</v>
      </c>
      <c r="C4380" t="s">
        <v>575</v>
      </c>
      <c r="D4380" t="s">
        <v>3979</v>
      </c>
    </row>
    <row r="4381" spans="1:4" x14ac:dyDescent="0.4">
      <c r="A4381">
        <v>2900205</v>
      </c>
      <c r="B4381" t="s">
        <v>0</v>
      </c>
      <c r="C4381" t="s">
        <v>575</v>
      </c>
      <c r="D4381" t="s">
        <v>3729</v>
      </c>
    </row>
    <row r="4382" spans="1:4" x14ac:dyDescent="0.4">
      <c r="A4382">
        <v>2900021</v>
      </c>
      <c r="B4382" t="s">
        <v>0</v>
      </c>
      <c r="C4382" t="s">
        <v>575</v>
      </c>
      <c r="D4382" t="s">
        <v>3980</v>
      </c>
    </row>
    <row r="4383" spans="1:4" x14ac:dyDescent="0.4">
      <c r="A4383">
        <v>2900062</v>
      </c>
      <c r="B4383" t="s">
        <v>0</v>
      </c>
      <c r="C4383" t="s">
        <v>575</v>
      </c>
      <c r="D4383" t="s">
        <v>2067</v>
      </c>
    </row>
    <row r="4384" spans="1:4" x14ac:dyDescent="0.4">
      <c r="A4384">
        <v>2900061</v>
      </c>
      <c r="B4384" t="s">
        <v>0</v>
      </c>
      <c r="C4384" t="s">
        <v>575</v>
      </c>
      <c r="D4384" t="s">
        <v>3981</v>
      </c>
    </row>
    <row r="4385" spans="1:4" x14ac:dyDescent="0.4">
      <c r="A4385">
        <v>2900067</v>
      </c>
      <c r="B4385" t="s">
        <v>0</v>
      </c>
      <c r="C4385" t="s">
        <v>575</v>
      </c>
      <c r="D4385" t="s">
        <v>3982</v>
      </c>
    </row>
    <row r="4386" spans="1:4" x14ac:dyDescent="0.4">
      <c r="A4386">
        <v>2900069</v>
      </c>
      <c r="B4386" t="s">
        <v>0</v>
      </c>
      <c r="C4386" t="s">
        <v>575</v>
      </c>
      <c r="D4386" t="s">
        <v>3983</v>
      </c>
    </row>
    <row r="4387" spans="1:4" x14ac:dyDescent="0.4">
      <c r="A4387">
        <v>2900068</v>
      </c>
      <c r="B4387" t="s">
        <v>0</v>
      </c>
      <c r="C4387" t="s">
        <v>575</v>
      </c>
      <c r="D4387" t="s">
        <v>3984</v>
      </c>
    </row>
    <row r="4388" spans="1:4" x14ac:dyDescent="0.4">
      <c r="A4388">
        <v>2990124</v>
      </c>
      <c r="B4388" t="s">
        <v>0</v>
      </c>
      <c r="C4388" t="s">
        <v>575</v>
      </c>
      <c r="D4388" t="s">
        <v>3985</v>
      </c>
    </row>
    <row r="4389" spans="1:4" x14ac:dyDescent="0.4">
      <c r="A4389">
        <v>2990125</v>
      </c>
      <c r="B4389" t="s">
        <v>0</v>
      </c>
      <c r="C4389" t="s">
        <v>575</v>
      </c>
      <c r="D4389" t="s">
        <v>3986</v>
      </c>
    </row>
    <row r="4390" spans="1:4" x14ac:dyDescent="0.4">
      <c r="A4390">
        <v>2900557</v>
      </c>
      <c r="B4390" t="s">
        <v>0</v>
      </c>
      <c r="C4390" t="s">
        <v>575</v>
      </c>
      <c r="D4390" t="s">
        <v>3987</v>
      </c>
    </row>
    <row r="4391" spans="1:4" x14ac:dyDescent="0.4">
      <c r="A4391">
        <v>2900501</v>
      </c>
      <c r="B4391" t="s">
        <v>0</v>
      </c>
      <c r="C4391" t="s">
        <v>575</v>
      </c>
      <c r="D4391" t="s">
        <v>3988</v>
      </c>
    </row>
    <row r="4392" spans="1:4" x14ac:dyDescent="0.4">
      <c r="A4392">
        <v>2900525</v>
      </c>
      <c r="B4392" t="s">
        <v>0</v>
      </c>
      <c r="C4392" t="s">
        <v>575</v>
      </c>
      <c r="D4392" t="s">
        <v>3989</v>
      </c>
    </row>
    <row r="4393" spans="1:4" x14ac:dyDescent="0.4">
      <c r="A4393">
        <v>2900006</v>
      </c>
      <c r="B4393" t="s">
        <v>0</v>
      </c>
      <c r="C4393" t="s">
        <v>575</v>
      </c>
      <c r="D4393" t="s">
        <v>3990</v>
      </c>
    </row>
    <row r="4394" spans="1:4" x14ac:dyDescent="0.4">
      <c r="A4394">
        <v>2900259</v>
      </c>
      <c r="B4394" t="s">
        <v>0</v>
      </c>
      <c r="C4394" t="s">
        <v>575</v>
      </c>
      <c r="D4394" t="s">
        <v>3991</v>
      </c>
    </row>
    <row r="4395" spans="1:4" x14ac:dyDescent="0.4">
      <c r="A4395">
        <v>2700100</v>
      </c>
      <c r="B4395" t="s">
        <v>0</v>
      </c>
      <c r="C4395" t="s">
        <v>650</v>
      </c>
    </row>
    <row r="4396" spans="1:4" x14ac:dyDescent="0.4">
      <c r="A4396">
        <v>2700112</v>
      </c>
      <c r="B4396" t="s">
        <v>0</v>
      </c>
      <c r="C4396" t="s">
        <v>650</v>
      </c>
      <c r="D4396" t="s">
        <v>3992</v>
      </c>
    </row>
    <row r="4397" spans="1:4" x14ac:dyDescent="0.4">
      <c r="A4397">
        <v>2700137</v>
      </c>
      <c r="B4397" t="s">
        <v>0</v>
      </c>
      <c r="C4397" t="s">
        <v>650</v>
      </c>
      <c r="D4397" t="s">
        <v>3993</v>
      </c>
    </row>
    <row r="4398" spans="1:4" x14ac:dyDescent="0.4">
      <c r="A4398">
        <v>2700151</v>
      </c>
      <c r="B4398" t="s">
        <v>0</v>
      </c>
      <c r="C4398" t="s">
        <v>650</v>
      </c>
      <c r="D4398" t="s">
        <v>3994</v>
      </c>
    </row>
    <row r="4399" spans="1:4" x14ac:dyDescent="0.4">
      <c r="A4399">
        <v>2700111</v>
      </c>
      <c r="B4399" t="s">
        <v>0</v>
      </c>
      <c r="C4399" t="s">
        <v>650</v>
      </c>
      <c r="D4399" t="s">
        <v>3995</v>
      </c>
    </row>
    <row r="4400" spans="1:4" x14ac:dyDescent="0.4">
      <c r="A4400">
        <v>2700115</v>
      </c>
      <c r="B4400" t="s">
        <v>0</v>
      </c>
      <c r="C4400" t="s">
        <v>650</v>
      </c>
      <c r="D4400" t="s">
        <v>3996</v>
      </c>
    </row>
    <row r="4401" spans="1:4" x14ac:dyDescent="0.4">
      <c r="A4401">
        <v>2700122</v>
      </c>
      <c r="B4401" t="s">
        <v>0</v>
      </c>
      <c r="C4401" t="s">
        <v>650</v>
      </c>
      <c r="D4401" t="s">
        <v>3997</v>
      </c>
    </row>
    <row r="4402" spans="1:4" x14ac:dyDescent="0.4">
      <c r="A4402">
        <v>2700154</v>
      </c>
      <c r="B4402" t="s">
        <v>0</v>
      </c>
      <c r="C4402" t="s">
        <v>650</v>
      </c>
      <c r="D4402" t="s">
        <v>3998</v>
      </c>
    </row>
    <row r="4403" spans="1:4" x14ac:dyDescent="0.4">
      <c r="A4403">
        <v>2700176</v>
      </c>
      <c r="B4403" t="s">
        <v>0</v>
      </c>
      <c r="C4403" t="s">
        <v>650</v>
      </c>
      <c r="D4403" t="s">
        <v>3999</v>
      </c>
    </row>
    <row r="4404" spans="1:4" x14ac:dyDescent="0.4">
      <c r="A4404">
        <v>2700171</v>
      </c>
      <c r="B4404" t="s">
        <v>0</v>
      </c>
      <c r="C4404" t="s">
        <v>650</v>
      </c>
      <c r="D4404" t="s">
        <v>4000</v>
      </c>
    </row>
    <row r="4405" spans="1:4" x14ac:dyDescent="0.4">
      <c r="A4405">
        <v>2700125</v>
      </c>
      <c r="B4405" t="s">
        <v>0</v>
      </c>
      <c r="C4405" t="s">
        <v>650</v>
      </c>
      <c r="D4405" t="s">
        <v>4001</v>
      </c>
    </row>
    <row r="4406" spans="1:4" x14ac:dyDescent="0.4">
      <c r="A4406">
        <v>2700126</v>
      </c>
      <c r="B4406" t="s">
        <v>0</v>
      </c>
      <c r="C4406" t="s">
        <v>650</v>
      </c>
      <c r="D4406" t="s">
        <v>4002</v>
      </c>
    </row>
    <row r="4407" spans="1:4" x14ac:dyDescent="0.4">
      <c r="A4407">
        <v>2700162</v>
      </c>
      <c r="B4407" t="s">
        <v>0</v>
      </c>
      <c r="C4407" t="s">
        <v>650</v>
      </c>
      <c r="D4407" t="s">
        <v>2013</v>
      </c>
    </row>
    <row r="4408" spans="1:4" x14ac:dyDescent="0.4">
      <c r="A4408">
        <v>2700117</v>
      </c>
      <c r="B4408" t="s">
        <v>0</v>
      </c>
      <c r="C4408" t="s">
        <v>650</v>
      </c>
      <c r="D4408" t="s">
        <v>3561</v>
      </c>
    </row>
    <row r="4409" spans="1:4" x14ac:dyDescent="0.4">
      <c r="A4409">
        <v>2700172</v>
      </c>
      <c r="B4409" t="s">
        <v>0</v>
      </c>
      <c r="C4409" t="s">
        <v>650</v>
      </c>
      <c r="D4409" t="s">
        <v>4003</v>
      </c>
    </row>
    <row r="4410" spans="1:4" x14ac:dyDescent="0.4">
      <c r="A4410">
        <v>2700102</v>
      </c>
      <c r="B4410" t="s">
        <v>0</v>
      </c>
      <c r="C4410" t="s">
        <v>650</v>
      </c>
      <c r="D4410" t="s">
        <v>4004</v>
      </c>
    </row>
    <row r="4411" spans="1:4" x14ac:dyDescent="0.4">
      <c r="A4411">
        <v>2700132</v>
      </c>
      <c r="B4411" t="s">
        <v>0</v>
      </c>
      <c r="C4411" t="s">
        <v>650</v>
      </c>
      <c r="D4411" t="s">
        <v>4005</v>
      </c>
    </row>
    <row r="4412" spans="1:4" x14ac:dyDescent="0.4">
      <c r="A4412">
        <v>2700113</v>
      </c>
      <c r="B4412" t="s">
        <v>0</v>
      </c>
      <c r="C4412" t="s">
        <v>650</v>
      </c>
      <c r="D4412" t="s">
        <v>4006</v>
      </c>
    </row>
    <row r="4413" spans="1:4" x14ac:dyDescent="0.4">
      <c r="A4413">
        <v>2700118</v>
      </c>
      <c r="B4413" t="s">
        <v>0</v>
      </c>
      <c r="C4413" t="s">
        <v>650</v>
      </c>
      <c r="D4413" t="s">
        <v>4007</v>
      </c>
    </row>
    <row r="4414" spans="1:4" x14ac:dyDescent="0.4">
      <c r="A4414">
        <v>2700146</v>
      </c>
      <c r="B4414" t="s">
        <v>0</v>
      </c>
      <c r="C4414" t="s">
        <v>650</v>
      </c>
      <c r="D4414" t="s">
        <v>4008</v>
      </c>
    </row>
    <row r="4415" spans="1:4" x14ac:dyDescent="0.4">
      <c r="A4415">
        <v>2700174</v>
      </c>
      <c r="B4415" t="s">
        <v>0</v>
      </c>
      <c r="C4415" t="s">
        <v>650</v>
      </c>
      <c r="D4415" t="s">
        <v>4009</v>
      </c>
    </row>
    <row r="4416" spans="1:4" x14ac:dyDescent="0.4">
      <c r="A4416">
        <v>2700133</v>
      </c>
      <c r="B4416" t="s">
        <v>0</v>
      </c>
      <c r="C4416" t="s">
        <v>650</v>
      </c>
      <c r="D4416" t="s">
        <v>4010</v>
      </c>
    </row>
    <row r="4417" spans="1:4" x14ac:dyDescent="0.4">
      <c r="A4417">
        <v>2700173</v>
      </c>
      <c r="B4417" t="s">
        <v>0</v>
      </c>
      <c r="C4417" t="s">
        <v>650</v>
      </c>
      <c r="D4417" t="s">
        <v>4011</v>
      </c>
    </row>
    <row r="4418" spans="1:4" x14ac:dyDescent="0.4">
      <c r="A4418">
        <v>2700153</v>
      </c>
      <c r="B4418" t="s">
        <v>0</v>
      </c>
      <c r="C4418" t="s">
        <v>650</v>
      </c>
      <c r="D4418" t="s">
        <v>2025</v>
      </c>
    </row>
    <row r="4419" spans="1:4" x14ac:dyDescent="0.4">
      <c r="A4419">
        <v>2700116</v>
      </c>
      <c r="B4419" t="s">
        <v>0</v>
      </c>
      <c r="C4419" t="s">
        <v>650</v>
      </c>
      <c r="D4419" t="s">
        <v>4012</v>
      </c>
    </row>
    <row r="4420" spans="1:4" x14ac:dyDescent="0.4">
      <c r="A4420">
        <v>2700134</v>
      </c>
      <c r="B4420" t="s">
        <v>0</v>
      </c>
      <c r="C4420" t="s">
        <v>650</v>
      </c>
      <c r="D4420" t="s">
        <v>2112</v>
      </c>
    </row>
    <row r="4421" spans="1:4" x14ac:dyDescent="0.4">
      <c r="A4421">
        <v>2700164</v>
      </c>
      <c r="B4421" t="s">
        <v>0</v>
      </c>
      <c r="C4421" t="s">
        <v>650</v>
      </c>
      <c r="D4421" t="s">
        <v>4013</v>
      </c>
    </row>
    <row r="4422" spans="1:4" x14ac:dyDescent="0.4">
      <c r="A4422">
        <v>2700145</v>
      </c>
      <c r="B4422" t="s">
        <v>0</v>
      </c>
      <c r="C4422" t="s">
        <v>650</v>
      </c>
      <c r="D4422" t="s">
        <v>4014</v>
      </c>
    </row>
    <row r="4423" spans="1:4" x14ac:dyDescent="0.4">
      <c r="A4423">
        <v>2700121</v>
      </c>
      <c r="B4423" t="s">
        <v>0</v>
      </c>
      <c r="C4423" t="s">
        <v>650</v>
      </c>
      <c r="D4423" t="s">
        <v>4015</v>
      </c>
    </row>
    <row r="4424" spans="1:4" x14ac:dyDescent="0.4">
      <c r="A4424">
        <v>2700156</v>
      </c>
      <c r="B4424" t="s">
        <v>0</v>
      </c>
      <c r="C4424" t="s">
        <v>650</v>
      </c>
      <c r="D4424" t="s">
        <v>4016</v>
      </c>
    </row>
    <row r="4425" spans="1:4" x14ac:dyDescent="0.4">
      <c r="A4425">
        <v>2700107</v>
      </c>
      <c r="B4425" t="s">
        <v>0</v>
      </c>
      <c r="C4425" t="s">
        <v>650</v>
      </c>
      <c r="D4425" t="s">
        <v>4017</v>
      </c>
    </row>
    <row r="4426" spans="1:4" x14ac:dyDescent="0.4">
      <c r="A4426">
        <v>2700142</v>
      </c>
      <c r="B4426" t="s">
        <v>0</v>
      </c>
      <c r="C4426" t="s">
        <v>650</v>
      </c>
      <c r="D4426" t="s">
        <v>4018</v>
      </c>
    </row>
    <row r="4427" spans="1:4" x14ac:dyDescent="0.4">
      <c r="A4427">
        <v>2700135</v>
      </c>
      <c r="B4427" t="s">
        <v>0</v>
      </c>
      <c r="C4427" t="s">
        <v>650</v>
      </c>
      <c r="D4427" t="s">
        <v>4019</v>
      </c>
    </row>
    <row r="4428" spans="1:4" x14ac:dyDescent="0.4">
      <c r="A4428">
        <v>2700114</v>
      </c>
      <c r="B4428" t="s">
        <v>0</v>
      </c>
      <c r="C4428" t="s">
        <v>650</v>
      </c>
      <c r="D4428" t="s">
        <v>4020</v>
      </c>
    </row>
    <row r="4429" spans="1:4" x14ac:dyDescent="0.4">
      <c r="A4429">
        <v>2700101</v>
      </c>
      <c r="B4429" t="s">
        <v>0</v>
      </c>
      <c r="C4429" t="s">
        <v>650</v>
      </c>
      <c r="D4429" t="s">
        <v>4021</v>
      </c>
    </row>
    <row r="4430" spans="1:4" x14ac:dyDescent="0.4">
      <c r="A4430">
        <v>2700105</v>
      </c>
      <c r="B4430" t="s">
        <v>0</v>
      </c>
      <c r="C4430" t="s">
        <v>650</v>
      </c>
      <c r="D4430" t="s">
        <v>4022</v>
      </c>
    </row>
    <row r="4431" spans="1:4" x14ac:dyDescent="0.4">
      <c r="A4431">
        <v>2700104</v>
      </c>
      <c r="B4431" t="s">
        <v>0</v>
      </c>
      <c r="C4431" t="s">
        <v>650</v>
      </c>
      <c r="D4431" t="s">
        <v>4023</v>
      </c>
    </row>
    <row r="4432" spans="1:4" x14ac:dyDescent="0.4">
      <c r="A4432">
        <v>2700106</v>
      </c>
      <c r="B4432" t="s">
        <v>0</v>
      </c>
      <c r="C4432" t="s">
        <v>650</v>
      </c>
      <c r="D4432" t="s">
        <v>4024</v>
      </c>
    </row>
    <row r="4433" spans="1:4" x14ac:dyDescent="0.4">
      <c r="A4433">
        <v>2700161</v>
      </c>
      <c r="B4433" t="s">
        <v>0</v>
      </c>
      <c r="C4433" t="s">
        <v>650</v>
      </c>
      <c r="D4433" t="s">
        <v>4025</v>
      </c>
    </row>
    <row r="4434" spans="1:4" x14ac:dyDescent="0.4">
      <c r="A4434">
        <v>2995504</v>
      </c>
      <c r="B4434" t="s">
        <v>0</v>
      </c>
      <c r="C4434" t="s">
        <v>762</v>
      </c>
      <c r="D4434" t="s">
        <v>4026</v>
      </c>
    </row>
    <row r="4435" spans="1:4" x14ac:dyDescent="0.4">
      <c r="A4435">
        <v>2960016</v>
      </c>
      <c r="B4435" t="s">
        <v>0</v>
      </c>
      <c r="C4435" t="s">
        <v>762</v>
      </c>
      <c r="D4435" t="s">
        <v>4027</v>
      </c>
    </row>
    <row r="4436" spans="1:4" x14ac:dyDescent="0.4">
      <c r="A4436">
        <v>2992857</v>
      </c>
      <c r="B4436" t="s">
        <v>0</v>
      </c>
      <c r="C4436" t="s">
        <v>762</v>
      </c>
      <c r="D4436" t="s">
        <v>1693</v>
      </c>
    </row>
    <row r="4437" spans="1:4" x14ac:dyDescent="0.4">
      <c r="A4437">
        <v>2992843</v>
      </c>
      <c r="B4437" t="s">
        <v>0</v>
      </c>
      <c r="C4437" t="s">
        <v>762</v>
      </c>
      <c r="D4437" t="s">
        <v>4028</v>
      </c>
    </row>
    <row r="4438" spans="1:4" x14ac:dyDescent="0.4">
      <c r="A4438">
        <v>2960041</v>
      </c>
      <c r="B4438" t="s">
        <v>0</v>
      </c>
      <c r="C4438" t="s">
        <v>762</v>
      </c>
      <c r="D4438" t="s">
        <v>1526</v>
      </c>
    </row>
    <row r="4439" spans="1:4" x14ac:dyDescent="0.4">
      <c r="A4439">
        <v>2960042</v>
      </c>
      <c r="B4439" t="s">
        <v>0</v>
      </c>
      <c r="C4439" t="s">
        <v>762</v>
      </c>
      <c r="D4439" t="s">
        <v>4029</v>
      </c>
    </row>
    <row r="4440" spans="1:4" x14ac:dyDescent="0.4">
      <c r="A4440">
        <v>2960232</v>
      </c>
      <c r="B4440" t="s">
        <v>0</v>
      </c>
      <c r="C4440" t="s">
        <v>762</v>
      </c>
      <c r="D4440" t="s">
        <v>2030</v>
      </c>
    </row>
    <row r="4441" spans="1:4" x14ac:dyDescent="0.4">
      <c r="A4441">
        <v>2960044</v>
      </c>
      <c r="B4441" t="s">
        <v>0</v>
      </c>
      <c r="C4441" t="s">
        <v>762</v>
      </c>
      <c r="D4441" t="s">
        <v>4030</v>
      </c>
    </row>
    <row r="4442" spans="1:4" x14ac:dyDescent="0.4">
      <c r="A4442">
        <v>2992852</v>
      </c>
      <c r="B4442" t="s">
        <v>0</v>
      </c>
      <c r="C4442" t="s">
        <v>762</v>
      </c>
      <c r="D4442" t="s">
        <v>4031</v>
      </c>
    </row>
    <row r="4443" spans="1:4" x14ac:dyDescent="0.4">
      <c r="A4443">
        <v>2960014</v>
      </c>
      <c r="B4443" t="s">
        <v>0</v>
      </c>
      <c r="C4443" t="s">
        <v>762</v>
      </c>
      <c r="D4443" t="s">
        <v>4032</v>
      </c>
    </row>
    <row r="4444" spans="1:4" x14ac:dyDescent="0.4">
      <c r="A4444">
        <v>2992862</v>
      </c>
      <c r="B4444" t="s">
        <v>0</v>
      </c>
      <c r="C4444" t="s">
        <v>762</v>
      </c>
      <c r="D4444" t="s">
        <v>4033</v>
      </c>
    </row>
    <row r="4445" spans="1:4" x14ac:dyDescent="0.4">
      <c r="A4445">
        <v>2992863</v>
      </c>
      <c r="B4445" t="s">
        <v>0</v>
      </c>
      <c r="C4445" t="s">
        <v>762</v>
      </c>
      <c r="D4445" t="s">
        <v>4034</v>
      </c>
    </row>
    <row r="4446" spans="1:4" x14ac:dyDescent="0.4">
      <c r="A4446">
        <v>2992861</v>
      </c>
      <c r="B4446" t="s">
        <v>0</v>
      </c>
      <c r="C4446" t="s">
        <v>762</v>
      </c>
      <c r="D4446" t="s">
        <v>4035</v>
      </c>
    </row>
    <row r="4447" spans="1:4" x14ac:dyDescent="0.4">
      <c r="A4447">
        <v>2960114</v>
      </c>
      <c r="B4447" t="s">
        <v>0</v>
      </c>
      <c r="C4447" t="s">
        <v>762</v>
      </c>
      <c r="D4447" t="s">
        <v>4036</v>
      </c>
    </row>
    <row r="4448" spans="1:4" x14ac:dyDescent="0.4">
      <c r="A4448">
        <v>2960002</v>
      </c>
      <c r="B4448" t="s">
        <v>0</v>
      </c>
      <c r="C4448" t="s">
        <v>762</v>
      </c>
      <c r="D4448" t="s">
        <v>4037</v>
      </c>
    </row>
    <row r="4449" spans="1:4" x14ac:dyDescent="0.4">
      <c r="A4449">
        <v>2960115</v>
      </c>
      <c r="B4449" t="s">
        <v>0</v>
      </c>
      <c r="C4449" t="s">
        <v>762</v>
      </c>
      <c r="D4449" t="s">
        <v>4038</v>
      </c>
    </row>
    <row r="4450" spans="1:4" x14ac:dyDescent="0.4">
      <c r="A4450">
        <v>2960104</v>
      </c>
      <c r="B4450" t="s">
        <v>0</v>
      </c>
      <c r="C4450" t="s">
        <v>762</v>
      </c>
      <c r="D4450" t="s">
        <v>4039</v>
      </c>
    </row>
    <row r="4451" spans="1:4" x14ac:dyDescent="0.4">
      <c r="A4451">
        <v>2992853</v>
      </c>
      <c r="B4451" t="s">
        <v>0</v>
      </c>
      <c r="C4451" t="s">
        <v>762</v>
      </c>
      <c r="D4451" t="s">
        <v>475</v>
      </c>
    </row>
    <row r="4452" spans="1:4" x14ac:dyDescent="0.4">
      <c r="A4452">
        <v>2960112</v>
      </c>
      <c r="B4452" t="s">
        <v>0</v>
      </c>
      <c r="C4452" t="s">
        <v>762</v>
      </c>
      <c r="D4452" t="s">
        <v>4040</v>
      </c>
    </row>
    <row r="4453" spans="1:4" x14ac:dyDescent="0.4">
      <c r="A4453">
        <v>2960033</v>
      </c>
      <c r="B4453" t="s">
        <v>0</v>
      </c>
      <c r="C4453" t="s">
        <v>762</v>
      </c>
      <c r="D4453" t="s">
        <v>4041</v>
      </c>
    </row>
    <row r="4454" spans="1:4" x14ac:dyDescent="0.4">
      <c r="A4454">
        <v>2960125</v>
      </c>
      <c r="B4454" t="s">
        <v>0</v>
      </c>
      <c r="C4454" t="s">
        <v>762</v>
      </c>
      <c r="D4454" t="s">
        <v>4042</v>
      </c>
    </row>
    <row r="4455" spans="1:4" x14ac:dyDescent="0.4">
      <c r="A4455">
        <v>2960001</v>
      </c>
      <c r="B4455" t="s">
        <v>0</v>
      </c>
      <c r="C4455" t="s">
        <v>762</v>
      </c>
      <c r="D4455" t="s">
        <v>4043</v>
      </c>
    </row>
    <row r="4456" spans="1:4" x14ac:dyDescent="0.4">
      <c r="A4456">
        <v>2960126</v>
      </c>
      <c r="B4456" t="s">
        <v>0</v>
      </c>
      <c r="C4456" t="s">
        <v>762</v>
      </c>
      <c r="D4456" t="s">
        <v>4044</v>
      </c>
    </row>
    <row r="4457" spans="1:4" x14ac:dyDescent="0.4">
      <c r="A4457">
        <v>2960113</v>
      </c>
      <c r="B4457" t="s">
        <v>0</v>
      </c>
      <c r="C4457" t="s">
        <v>762</v>
      </c>
      <c r="D4457" t="s">
        <v>4045</v>
      </c>
    </row>
    <row r="4458" spans="1:4" x14ac:dyDescent="0.4">
      <c r="A4458">
        <v>2995506</v>
      </c>
      <c r="B4458" t="s">
        <v>0</v>
      </c>
      <c r="C4458" t="s">
        <v>762</v>
      </c>
      <c r="D4458" t="s">
        <v>4046</v>
      </c>
    </row>
    <row r="4459" spans="1:4" x14ac:dyDescent="0.4">
      <c r="A4459">
        <v>2960012</v>
      </c>
      <c r="B4459" t="s">
        <v>0</v>
      </c>
      <c r="C4459" t="s">
        <v>762</v>
      </c>
      <c r="D4459" t="s">
        <v>4047</v>
      </c>
    </row>
    <row r="4460" spans="1:4" x14ac:dyDescent="0.4">
      <c r="A4460">
        <v>2730100</v>
      </c>
      <c r="B4460" t="s">
        <v>0</v>
      </c>
      <c r="C4460" t="s">
        <v>4048</v>
      </c>
    </row>
    <row r="4461" spans="1:4" x14ac:dyDescent="0.4">
      <c r="A4461">
        <v>2730132</v>
      </c>
      <c r="B4461" t="s">
        <v>0</v>
      </c>
      <c r="C4461" t="s">
        <v>4048</v>
      </c>
      <c r="D4461" t="s">
        <v>4049</v>
      </c>
    </row>
    <row r="4462" spans="1:4" x14ac:dyDescent="0.4">
      <c r="A4462">
        <v>2730102</v>
      </c>
      <c r="B4462" t="s">
        <v>0</v>
      </c>
      <c r="C4462" t="s">
        <v>4048</v>
      </c>
      <c r="D4462" t="s">
        <v>4050</v>
      </c>
    </row>
    <row r="4463" spans="1:4" x14ac:dyDescent="0.4">
      <c r="A4463">
        <v>2730105</v>
      </c>
      <c r="B4463" t="s">
        <v>0</v>
      </c>
      <c r="C4463" t="s">
        <v>4048</v>
      </c>
      <c r="D4463" t="s">
        <v>4051</v>
      </c>
    </row>
    <row r="4464" spans="1:4" x14ac:dyDescent="0.4">
      <c r="A4464">
        <v>2730131</v>
      </c>
      <c r="B4464" t="s">
        <v>0</v>
      </c>
      <c r="C4464" t="s">
        <v>4048</v>
      </c>
      <c r="D4464" t="s">
        <v>4052</v>
      </c>
    </row>
    <row r="4465" spans="1:4" x14ac:dyDescent="0.4">
      <c r="A4465">
        <v>2730111</v>
      </c>
      <c r="B4465" t="s">
        <v>0</v>
      </c>
      <c r="C4465" t="s">
        <v>4048</v>
      </c>
      <c r="D4465" t="s">
        <v>4053</v>
      </c>
    </row>
    <row r="4466" spans="1:4" x14ac:dyDescent="0.4">
      <c r="A4466">
        <v>2730126</v>
      </c>
      <c r="B4466" t="s">
        <v>0</v>
      </c>
      <c r="C4466" t="s">
        <v>4048</v>
      </c>
      <c r="D4466" t="s">
        <v>4054</v>
      </c>
    </row>
    <row r="4467" spans="1:4" x14ac:dyDescent="0.4">
      <c r="A4467">
        <v>2730127</v>
      </c>
      <c r="B4467" t="s">
        <v>0</v>
      </c>
      <c r="C4467" t="s">
        <v>4048</v>
      </c>
      <c r="D4467" t="s">
        <v>235</v>
      </c>
    </row>
    <row r="4468" spans="1:4" x14ac:dyDescent="0.4">
      <c r="A4468">
        <v>2730128</v>
      </c>
      <c r="B4468" t="s">
        <v>0</v>
      </c>
      <c r="C4468" t="s">
        <v>4048</v>
      </c>
      <c r="D4468" t="s">
        <v>4055</v>
      </c>
    </row>
    <row r="4469" spans="1:4" x14ac:dyDescent="0.4">
      <c r="A4469">
        <v>2730136</v>
      </c>
      <c r="B4469" t="s">
        <v>0</v>
      </c>
      <c r="C4469" t="s">
        <v>4048</v>
      </c>
      <c r="D4469" t="s">
        <v>4056</v>
      </c>
    </row>
    <row r="4470" spans="1:4" x14ac:dyDescent="0.4">
      <c r="A4470">
        <v>2730107</v>
      </c>
      <c r="B4470" t="s">
        <v>0</v>
      </c>
      <c r="C4470" t="s">
        <v>4048</v>
      </c>
      <c r="D4470" t="s">
        <v>4057</v>
      </c>
    </row>
    <row r="4471" spans="1:4" x14ac:dyDescent="0.4">
      <c r="A4471">
        <v>2730124</v>
      </c>
      <c r="B4471" t="s">
        <v>0</v>
      </c>
      <c r="C4471" t="s">
        <v>4048</v>
      </c>
      <c r="D4471" t="s">
        <v>184</v>
      </c>
    </row>
    <row r="4472" spans="1:4" x14ac:dyDescent="0.4">
      <c r="A4472">
        <v>2730101</v>
      </c>
      <c r="B4472" t="s">
        <v>0</v>
      </c>
      <c r="C4472" t="s">
        <v>4048</v>
      </c>
      <c r="D4472" t="s">
        <v>911</v>
      </c>
    </row>
    <row r="4473" spans="1:4" x14ac:dyDescent="0.4">
      <c r="A4473">
        <v>2730135</v>
      </c>
      <c r="B4473" t="s">
        <v>0</v>
      </c>
      <c r="C4473" t="s">
        <v>4048</v>
      </c>
      <c r="D4473" t="s">
        <v>4058</v>
      </c>
    </row>
    <row r="4474" spans="1:4" x14ac:dyDescent="0.4">
      <c r="A4474">
        <v>2730118</v>
      </c>
      <c r="B4474" t="s">
        <v>0</v>
      </c>
      <c r="C4474" t="s">
        <v>4048</v>
      </c>
      <c r="D4474" t="s">
        <v>2044</v>
      </c>
    </row>
    <row r="4475" spans="1:4" x14ac:dyDescent="0.4">
      <c r="A4475">
        <v>2730119</v>
      </c>
      <c r="B4475" t="s">
        <v>0</v>
      </c>
      <c r="C4475" t="s">
        <v>4048</v>
      </c>
      <c r="D4475" t="s">
        <v>4059</v>
      </c>
    </row>
    <row r="4476" spans="1:4" x14ac:dyDescent="0.4">
      <c r="A4476">
        <v>2730134</v>
      </c>
      <c r="B4476" t="s">
        <v>0</v>
      </c>
      <c r="C4476" t="s">
        <v>4048</v>
      </c>
      <c r="D4476" t="s">
        <v>4060</v>
      </c>
    </row>
    <row r="4477" spans="1:4" x14ac:dyDescent="0.4">
      <c r="A4477">
        <v>2730117</v>
      </c>
      <c r="B4477" t="s">
        <v>0</v>
      </c>
      <c r="C4477" t="s">
        <v>4048</v>
      </c>
      <c r="D4477" t="s">
        <v>4061</v>
      </c>
    </row>
    <row r="4478" spans="1:4" x14ac:dyDescent="0.4">
      <c r="A4478">
        <v>2730121</v>
      </c>
      <c r="B4478" t="s">
        <v>0</v>
      </c>
      <c r="C4478" t="s">
        <v>4048</v>
      </c>
      <c r="D4478" t="s">
        <v>4062</v>
      </c>
    </row>
    <row r="4479" spans="1:4" x14ac:dyDescent="0.4">
      <c r="A4479">
        <v>2730125</v>
      </c>
      <c r="B4479" t="s">
        <v>0</v>
      </c>
      <c r="C4479" t="s">
        <v>4048</v>
      </c>
      <c r="D4479" t="s">
        <v>4063</v>
      </c>
    </row>
    <row r="4480" spans="1:4" x14ac:dyDescent="0.4">
      <c r="A4480">
        <v>2730104</v>
      </c>
      <c r="B4480" t="s">
        <v>0</v>
      </c>
      <c r="C4480" t="s">
        <v>4048</v>
      </c>
      <c r="D4480" t="s">
        <v>4064</v>
      </c>
    </row>
    <row r="4481" spans="1:4" x14ac:dyDescent="0.4">
      <c r="A4481">
        <v>2730112</v>
      </c>
      <c r="B4481" t="s">
        <v>0</v>
      </c>
      <c r="C4481" t="s">
        <v>4048</v>
      </c>
      <c r="D4481" t="s">
        <v>4065</v>
      </c>
    </row>
    <row r="4482" spans="1:4" x14ac:dyDescent="0.4">
      <c r="A4482">
        <v>2730122</v>
      </c>
      <c r="B4482" t="s">
        <v>0</v>
      </c>
      <c r="C4482" t="s">
        <v>4048</v>
      </c>
      <c r="D4482" t="s">
        <v>4066</v>
      </c>
    </row>
    <row r="4483" spans="1:4" x14ac:dyDescent="0.4">
      <c r="A4483">
        <v>2730115</v>
      </c>
      <c r="B4483" t="s">
        <v>0</v>
      </c>
      <c r="C4483" t="s">
        <v>4048</v>
      </c>
      <c r="D4483" t="s">
        <v>4067</v>
      </c>
    </row>
    <row r="4484" spans="1:4" x14ac:dyDescent="0.4">
      <c r="A4484">
        <v>2730116</v>
      </c>
      <c r="B4484" t="s">
        <v>0</v>
      </c>
      <c r="C4484" t="s">
        <v>4048</v>
      </c>
      <c r="D4484" t="s">
        <v>4068</v>
      </c>
    </row>
    <row r="4485" spans="1:4" x14ac:dyDescent="0.4">
      <c r="A4485">
        <v>2730103</v>
      </c>
      <c r="B4485" t="s">
        <v>0</v>
      </c>
      <c r="C4485" t="s">
        <v>4048</v>
      </c>
      <c r="D4485" t="s">
        <v>2482</v>
      </c>
    </row>
    <row r="4486" spans="1:4" x14ac:dyDescent="0.4">
      <c r="A4486">
        <v>2730114</v>
      </c>
      <c r="B4486" t="s">
        <v>0</v>
      </c>
      <c r="C4486" t="s">
        <v>4048</v>
      </c>
      <c r="D4486" t="s">
        <v>4069</v>
      </c>
    </row>
    <row r="4487" spans="1:4" x14ac:dyDescent="0.4">
      <c r="A4487">
        <v>2730113</v>
      </c>
      <c r="B4487" t="s">
        <v>0</v>
      </c>
      <c r="C4487" t="s">
        <v>4048</v>
      </c>
      <c r="D4487" t="s">
        <v>4070</v>
      </c>
    </row>
    <row r="4488" spans="1:4" x14ac:dyDescent="0.4">
      <c r="A4488">
        <v>2730137</v>
      </c>
      <c r="B4488" t="s">
        <v>0</v>
      </c>
      <c r="C4488" t="s">
        <v>4048</v>
      </c>
      <c r="D4488" t="s">
        <v>4071</v>
      </c>
    </row>
    <row r="4489" spans="1:4" x14ac:dyDescent="0.4">
      <c r="A4489">
        <v>2730106</v>
      </c>
      <c r="B4489" t="s">
        <v>0</v>
      </c>
      <c r="C4489" t="s">
        <v>4048</v>
      </c>
      <c r="D4489" t="s">
        <v>4072</v>
      </c>
    </row>
    <row r="4490" spans="1:4" x14ac:dyDescent="0.4">
      <c r="A4490">
        <v>2730133</v>
      </c>
      <c r="B4490" t="s">
        <v>0</v>
      </c>
      <c r="C4490" t="s">
        <v>4048</v>
      </c>
      <c r="D4490" t="s">
        <v>4073</v>
      </c>
    </row>
    <row r="4491" spans="1:4" x14ac:dyDescent="0.4">
      <c r="A4491">
        <v>2730123</v>
      </c>
      <c r="B4491" t="s">
        <v>0</v>
      </c>
      <c r="C4491" t="s">
        <v>4048</v>
      </c>
      <c r="D4491" t="s">
        <v>4074</v>
      </c>
    </row>
    <row r="4492" spans="1:4" x14ac:dyDescent="0.4">
      <c r="A4492">
        <v>2991100</v>
      </c>
      <c r="B4492" t="s">
        <v>0</v>
      </c>
      <c r="C4492" t="s">
        <v>812</v>
      </c>
    </row>
    <row r="4493" spans="1:4" x14ac:dyDescent="0.4">
      <c r="A4493">
        <v>2920454</v>
      </c>
      <c r="B4493" t="s">
        <v>0</v>
      </c>
      <c r="C4493" t="s">
        <v>812</v>
      </c>
      <c r="D4493" t="s">
        <v>578</v>
      </c>
    </row>
    <row r="4494" spans="1:4" x14ac:dyDescent="0.4">
      <c r="A4494">
        <v>2920445</v>
      </c>
      <c r="B4494" t="s">
        <v>0</v>
      </c>
      <c r="C4494" t="s">
        <v>812</v>
      </c>
      <c r="D4494" t="s">
        <v>4075</v>
      </c>
    </row>
    <row r="4495" spans="1:4" x14ac:dyDescent="0.4">
      <c r="A4495">
        <v>2991112</v>
      </c>
      <c r="B4495" t="s">
        <v>0</v>
      </c>
      <c r="C4495" t="s">
        <v>812</v>
      </c>
      <c r="D4495" t="s">
        <v>715</v>
      </c>
    </row>
    <row r="4496" spans="1:4" x14ac:dyDescent="0.4">
      <c r="A4496">
        <v>2921153</v>
      </c>
      <c r="B4496" t="s">
        <v>0</v>
      </c>
      <c r="C4496" t="s">
        <v>812</v>
      </c>
      <c r="D4496" t="s">
        <v>4076</v>
      </c>
    </row>
    <row r="4497" spans="1:4" x14ac:dyDescent="0.4">
      <c r="A4497">
        <v>2921145</v>
      </c>
      <c r="B4497" t="s">
        <v>0</v>
      </c>
      <c r="C4497" t="s">
        <v>812</v>
      </c>
      <c r="D4497" t="s">
        <v>4077</v>
      </c>
    </row>
    <row r="4498" spans="1:4" x14ac:dyDescent="0.4">
      <c r="A4498">
        <v>2920433</v>
      </c>
      <c r="B4498" t="s">
        <v>0</v>
      </c>
      <c r="C4498" t="s">
        <v>812</v>
      </c>
      <c r="D4498" t="s">
        <v>4078</v>
      </c>
    </row>
    <row r="4499" spans="1:4" x14ac:dyDescent="0.4">
      <c r="A4499">
        <v>2920442</v>
      </c>
      <c r="B4499" t="s">
        <v>0</v>
      </c>
      <c r="C4499" t="s">
        <v>812</v>
      </c>
      <c r="D4499" t="s">
        <v>4079</v>
      </c>
    </row>
    <row r="4500" spans="1:4" x14ac:dyDescent="0.4">
      <c r="A4500">
        <v>2921166</v>
      </c>
      <c r="B4500" t="s">
        <v>0</v>
      </c>
      <c r="C4500" t="s">
        <v>812</v>
      </c>
      <c r="D4500" t="s">
        <v>4080</v>
      </c>
    </row>
    <row r="4501" spans="1:4" x14ac:dyDescent="0.4">
      <c r="A4501">
        <v>2991175</v>
      </c>
      <c r="B4501" t="s">
        <v>0</v>
      </c>
      <c r="C4501" t="s">
        <v>812</v>
      </c>
      <c r="D4501" t="s">
        <v>4081</v>
      </c>
    </row>
    <row r="4502" spans="1:4" x14ac:dyDescent="0.4">
      <c r="A4502">
        <v>2991176</v>
      </c>
      <c r="B4502" t="s">
        <v>0</v>
      </c>
      <c r="C4502" t="s">
        <v>812</v>
      </c>
      <c r="D4502" t="s">
        <v>4082</v>
      </c>
    </row>
    <row r="4503" spans="1:4" x14ac:dyDescent="0.4">
      <c r="A4503">
        <v>2920432</v>
      </c>
      <c r="B4503" t="s">
        <v>0</v>
      </c>
      <c r="C4503" t="s">
        <v>812</v>
      </c>
      <c r="D4503" t="s">
        <v>4083</v>
      </c>
    </row>
    <row r="4504" spans="1:4" x14ac:dyDescent="0.4">
      <c r="A4504">
        <v>2991103</v>
      </c>
      <c r="B4504" t="s">
        <v>0</v>
      </c>
      <c r="C4504" t="s">
        <v>812</v>
      </c>
      <c r="D4504" t="s">
        <v>2716</v>
      </c>
    </row>
    <row r="4505" spans="1:4" x14ac:dyDescent="0.4">
      <c r="A4505">
        <v>2921146</v>
      </c>
      <c r="B4505" t="s">
        <v>0</v>
      </c>
      <c r="C4505" t="s">
        <v>812</v>
      </c>
      <c r="D4505" t="s">
        <v>4084</v>
      </c>
    </row>
    <row r="4506" spans="1:4" x14ac:dyDescent="0.4">
      <c r="A4506">
        <v>2921173</v>
      </c>
      <c r="B4506" t="s">
        <v>0</v>
      </c>
      <c r="C4506" t="s">
        <v>812</v>
      </c>
      <c r="D4506" t="s">
        <v>4085</v>
      </c>
    </row>
    <row r="4507" spans="1:4" x14ac:dyDescent="0.4">
      <c r="A4507">
        <v>2920512</v>
      </c>
      <c r="B4507" t="s">
        <v>0</v>
      </c>
      <c r="C4507" t="s">
        <v>812</v>
      </c>
      <c r="D4507" t="s">
        <v>4086</v>
      </c>
    </row>
    <row r="4508" spans="1:4" x14ac:dyDescent="0.4">
      <c r="A4508">
        <v>2920514</v>
      </c>
      <c r="B4508" t="s">
        <v>0</v>
      </c>
      <c r="C4508" t="s">
        <v>812</v>
      </c>
      <c r="D4508" t="s">
        <v>4087</v>
      </c>
    </row>
    <row r="4509" spans="1:4" x14ac:dyDescent="0.4">
      <c r="A4509">
        <v>2921151</v>
      </c>
      <c r="B4509" t="s">
        <v>0</v>
      </c>
      <c r="C4509" t="s">
        <v>812</v>
      </c>
      <c r="D4509" t="s">
        <v>40</v>
      </c>
    </row>
    <row r="4510" spans="1:4" x14ac:dyDescent="0.4">
      <c r="A4510">
        <v>2991123</v>
      </c>
      <c r="B4510" t="s">
        <v>0</v>
      </c>
      <c r="C4510" t="s">
        <v>812</v>
      </c>
      <c r="D4510" t="s">
        <v>4088</v>
      </c>
    </row>
    <row r="4511" spans="1:4" x14ac:dyDescent="0.4">
      <c r="A4511">
        <v>2991102</v>
      </c>
      <c r="B4511" t="s">
        <v>0</v>
      </c>
      <c r="C4511" t="s">
        <v>812</v>
      </c>
      <c r="D4511" t="s">
        <v>4089</v>
      </c>
    </row>
    <row r="4512" spans="1:4" x14ac:dyDescent="0.4">
      <c r="A4512">
        <v>2991101</v>
      </c>
      <c r="B4512" t="s">
        <v>0</v>
      </c>
      <c r="C4512" t="s">
        <v>812</v>
      </c>
      <c r="D4512" t="s">
        <v>4090</v>
      </c>
    </row>
    <row r="4513" spans="1:4" x14ac:dyDescent="0.4">
      <c r="A4513">
        <v>2991146</v>
      </c>
      <c r="B4513" t="s">
        <v>0</v>
      </c>
      <c r="C4513" t="s">
        <v>812</v>
      </c>
      <c r="D4513" t="s">
        <v>621</v>
      </c>
    </row>
    <row r="4514" spans="1:4" x14ac:dyDescent="0.4">
      <c r="A4514">
        <v>2921156</v>
      </c>
      <c r="B4514" t="s">
        <v>0</v>
      </c>
      <c r="C4514" t="s">
        <v>812</v>
      </c>
      <c r="D4514" t="s">
        <v>622</v>
      </c>
    </row>
    <row r="4515" spans="1:4" x14ac:dyDescent="0.4">
      <c r="A4515">
        <v>2921175</v>
      </c>
      <c r="B4515" t="s">
        <v>0</v>
      </c>
      <c r="C4515" t="s">
        <v>812</v>
      </c>
      <c r="D4515" t="s">
        <v>4091</v>
      </c>
    </row>
    <row r="4516" spans="1:4" x14ac:dyDescent="0.4">
      <c r="A4516">
        <v>2920511</v>
      </c>
      <c r="B4516" t="s">
        <v>0</v>
      </c>
      <c r="C4516" t="s">
        <v>812</v>
      </c>
      <c r="D4516" t="s">
        <v>4092</v>
      </c>
    </row>
    <row r="4517" spans="1:4" x14ac:dyDescent="0.4">
      <c r="A4517">
        <v>2920412</v>
      </c>
      <c r="B4517" t="s">
        <v>0</v>
      </c>
      <c r="C4517" t="s">
        <v>812</v>
      </c>
      <c r="D4517" t="s">
        <v>4093</v>
      </c>
    </row>
    <row r="4518" spans="1:4" x14ac:dyDescent="0.4">
      <c r="A4518">
        <v>2920533</v>
      </c>
      <c r="B4518" t="s">
        <v>0</v>
      </c>
      <c r="C4518" t="s">
        <v>812</v>
      </c>
      <c r="D4518" t="s">
        <v>4094</v>
      </c>
    </row>
    <row r="4519" spans="1:4" x14ac:dyDescent="0.4">
      <c r="A4519">
        <v>2920404</v>
      </c>
      <c r="B4519" t="s">
        <v>0</v>
      </c>
      <c r="C4519" t="s">
        <v>812</v>
      </c>
      <c r="D4519" t="s">
        <v>4095</v>
      </c>
    </row>
    <row r="4520" spans="1:4" x14ac:dyDescent="0.4">
      <c r="A4520">
        <v>2920527</v>
      </c>
      <c r="B4520" t="s">
        <v>0</v>
      </c>
      <c r="C4520" t="s">
        <v>812</v>
      </c>
      <c r="D4520" t="s">
        <v>4096</v>
      </c>
    </row>
    <row r="4521" spans="1:4" x14ac:dyDescent="0.4">
      <c r="A4521">
        <v>2921149</v>
      </c>
      <c r="B4521" t="s">
        <v>0</v>
      </c>
      <c r="C4521" t="s">
        <v>812</v>
      </c>
      <c r="D4521" t="s">
        <v>4097</v>
      </c>
    </row>
    <row r="4522" spans="1:4" x14ac:dyDescent="0.4">
      <c r="A4522">
        <v>2920513</v>
      </c>
      <c r="B4522" t="s">
        <v>0</v>
      </c>
      <c r="C4522" t="s">
        <v>812</v>
      </c>
      <c r="D4522" t="s">
        <v>4098</v>
      </c>
    </row>
    <row r="4523" spans="1:4" x14ac:dyDescent="0.4">
      <c r="A4523">
        <v>2921155</v>
      </c>
      <c r="B4523" t="s">
        <v>0</v>
      </c>
      <c r="C4523" t="s">
        <v>812</v>
      </c>
      <c r="D4523" t="s">
        <v>4099</v>
      </c>
    </row>
    <row r="4524" spans="1:4" x14ac:dyDescent="0.4">
      <c r="A4524">
        <v>2921158</v>
      </c>
      <c r="B4524" t="s">
        <v>0</v>
      </c>
      <c r="C4524" t="s">
        <v>812</v>
      </c>
      <c r="D4524" t="s">
        <v>4100</v>
      </c>
    </row>
    <row r="4525" spans="1:4" x14ac:dyDescent="0.4">
      <c r="A4525">
        <v>2991107</v>
      </c>
      <c r="B4525" t="s">
        <v>0</v>
      </c>
      <c r="C4525" t="s">
        <v>812</v>
      </c>
      <c r="D4525" t="s">
        <v>785</v>
      </c>
    </row>
    <row r="4526" spans="1:4" x14ac:dyDescent="0.4">
      <c r="A4526">
        <v>2920452</v>
      </c>
      <c r="B4526" t="s">
        <v>0</v>
      </c>
      <c r="C4526" t="s">
        <v>812</v>
      </c>
      <c r="D4526" t="s">
        <v>4101</v>
      </c>
    </row>
    <row r="4527" spans="1:4" x14ac:dyDescent="0.4">
      <c r="A4527">
        <v>2991138</v>
      </c>
      <c r="B4527" t="s">
        <v>0</v>
      </c>
      <c r="C4527" t="s">
        <v>812</v>
      </c>
      <c r="D4527" t="s">
        <v>4102</v>
      </c>
    </row>
    <row r="4528" spans="1:4" x14ac:dyDescent="0.4">
      <c r="A4528">
        <v>2920535</v>
      </c>
      <c r="B4528" t="s">
        <v>0</v>
      </c>
      <c r="C4528" t="s">
        <v>812</v>
      </c>
      <c r="D4528" t="s">
        <v>4103</v>
      </c>
    </row>
    <row r="4529" spans="1:4" x14ac:dyDescent="0.4">
      <c r="A4529">
        <v>2920524</v>
      </c>
      <c r="B4529" t="s">
        <v>0</v>
      </c>
      <c r="C4529" t="s">
        <v>812</v>
      </c>
      <c r="D4529" t="s">
        <v>4104</v>
      </c>
    </row>
    <row r="4530" spans="1:4" x14ac:dyDescent="0.4">
      <c r="A4530">
        <v>2920415</v>
      </c>
      <c r="B4530" t="s">
        <v>0</v>
      </c>
      <c r="C4530" t="s">
        <v>812</v>
      </c>
      <c r="D4530" t="s">
        <v>4105</v>
      </c>
    </row>
    <row r="4531" spans="1:4" x14ac:dyDescent="0.4">
      <c r="A4531">
        <v>2991164</v>
      </c>
      <c r="B4531" t="s">
        <v>0</v>
      </c>
      <c r="C4531" t="s">
        <v>812</v>
      </c>
      <c r="D4531" t="s">
        <v>4106</v>
      </c>
    </row>
    <row r="4532" spans="1:4" x14ac:dyDescent="0.4">
      <c r="A4532">
        <v>2991161</v>
      </c>
      <c r="B4532" t="s">
        <v>0</v>
      </c>
      <c r="C4532" t="s">
        <v>812</v>
      </c>
      <c r="D4532" t="s">
        <v>4107</v>
      </c>
    </row>
    <row r="4533" spans="1:4" x14ac:dyDescent="0.4">
      <c r="A4533">
        <v>2991141</v>
      </c>
      <c r="B4533" t="s">
        <v>0</v>
      </c>
      <c r="C4533" t="s">
        <v>812</v>
      </c>
      <c r="D4533" t="s">
        <v>4108</v>
      </c>
    </row>
    <row r="4534" spans="1:4" x14ac:dyDescent="0.4">
      <c r="A4534">
        <v>2991143</v>
      </c>
      <c r="B4534" t="s">
        <v>0</v>
      </c>
      <c r="C4534" t="s">
        <v>812</v>
      </c>
      <c r="D4534" t="s">
        <v>4109</v>
      </c>
    </row>
    <row r="4535" spans="1:4" x14ac:dyDescent="0.4">
      <c r="A4535">
        <v>2921148</v>
      </c>
      <c r="B4535" t="s">
        <v>0</v>
      </c>
      <c r="C4535" t="s">
        <v>812</v>
      </c>
      <c r="D4535" t="s">
        <v>4110</v>
      </c>
    </row>
    <row r="4536" spans="1:4" x14ac:dyDescent="0.4">
      <c r="A4536">
        <v>2920537</v>
      </c>
      <c r="B4536" t="s">
        <v>0</v>
      </c>
      <c r="C4536" t="s">
        <v>812</v>
      </c>
      <c r="D4536" t="s">
        <v>4111</v>
      </c>
    </row>
    <row r="4537" spans="1:4" x14ac:dyDescent="0.4">
      <c r="A4537">
        <v>2920525</v>
      </c>
      <c r="B4537" t="s">
        <v>0</v>
      </c>
      <c r="C4537" t="s">
        <v>812</v>
      </c>
      <c r="D4537" t="s">
        <v>4112</v>
      </c>
    </row>
    <row r="4538" spans="1:4" x14ac:dyDescent="0.4">
      <c r="A4538">
        <v>2991152</v>
      </c>
      <c r="B4538" t="s">
        <v>0</v>
      </c>
      <c r="C4538" t="s">
        <v>812</v>
      </c>
      <c r="D4538" t="s">
        <v>648</v>
      </c>
    </row>
    <row r="4539" spans="1:4" x14ac:dyDescent="0.4">
      <c r="A4539">
        <v>2920536</v>
      </c>
      <c r="B4539" t="s">
        <v>0</v>
      </c>
      <c r="C4539" t="s">
        <v>812</v>
      </c>
      <c r="D4539" t="s">
        <v>4113</v>
      </c>
    </row>
    <row r="4540" spans="1:4" x14ac:dyDescent="0.4">
      <c r="A4540">
        <v>2920435</v>
      </c>
      <c r="B4540" t="s">
        <v>0</v>
      </c>
      <c r="C4540" t="s">
        <v>812</v>
      </c>
      <c r="D4540" t="s">
        <v>4114</v>
      </c>
    </row>
    <row r="4541" spans="1:4" x14ac:dyDescent="0.4">
      <c r="A4541">
        <v>2920422</v>
      </c>
      <c r="B4541" t="s">
        <v>0</v>
      </c>
      <c r="C4541" t="s">
        <v>812</v>
      </c>
      <c r="D4541" t="s">
        <v>4115</v>
      </c>
    </row>
    <row r="4542" spans="1:4" x14ac:dyDescent="0.4">
      <c r="A4542">
        <v>2920421</v>
      </c>
      <c r="B4542" t="s">
        <v>0</v>
      </c>
      <c r="C4542" t="s">
        <v>812</v>
      </c>
      <c r="D4542" t="s">
        <v>4116</v>
      </c>
    </row>
    <row r="4543" spans="1:4" x14ac:dyDescent="0.4">
      <c r="A4543">
        <v>2920414</v>
      </c>
      <c r="B4543" t="s">
        <v>0</v>
      </c>
      <c r="C4543" t="s">
        <v>812</v>
      </c>
      <c r="D4543" t="s">
        <v>4117</v>
      </c>
    </row>
    <row r="4544" spans="1:4" x14ac:dyDescent="0.4">
      <c r="A4544">
        <v>2920423</v>
      </c>
      <c r="B4544" t="s">
        <v>0</v>
      </c>
      <c r="C4544" t="s">
        <v>812</v>
      </c>
      <c r="D4544" t="s">
        <v>4118</v>
      </c>
    </row>
    <row r="4545" spans="1:4" x14ac:dyDescent="0.4">
      <c r="A4545">
        <v>2920416</v>
      </c>
      <c r="B4545" t="s">
        <v>0</v>
      </c>
      <c r="C4545" t="s">
        <v>812</v>
      </c>
      <c r="D4545" t="s">
        <v>4119</v>
      </c>
    </row>
    <row r="4546" spans="1:4" x14ac:dyDescent="0.4">
      <c r="A4546">
        <v>2921142</v>
      </c>
      <c r="B4546" t="s">
        <v>0</v>
      </c>
      <c r="C4546" t="s">
        <v>812</v>
      </c>
      <c r="D4546" t="s">
        <v>4120</v>
      </c>
    </row>
    <row r="4547" spans="1:4" x14ac:dyDescent="0.4">
      <c r="A4547">
        <v>2991165</v>
      </c>
      <c r="B4547" t="s">
        <v>0</v>
      </c>
      <c r="C4547" t="s">
        <v>812</v>
      </c>
      <c r="D4547" t="s">
        <v>3884</v>
      </c>
    </row>
    <row r="4548" spans="1:4" x14ac:dyDescent="0.4">
      <c r="A4548">
        <v>2991127</v>
      </c>
      <c r="B4548" t="s">
        <v>0</v>
      </c>
      <c r="C4548" t="s">
        <v>812</v>
      </c>
      <c r="D4548" t="s">
        <v>4121</v>
      </c>
    </row>
    <row r="4549" spans="1:4" x14ac:dyDescent="0.4">
      <c r="A4549">
        <v>2991126</v>
      </c>
      <c r="B4549" t="s">
        <v>0</v>
      </c>
      <c r="C4549" t="s">
        <v>812</v>
      </c>
      <c r="D4549" t="s">
        <v>4122</v>
      </c>
    </row>
    <row r="4550" spans="1:4" x14ac:dyDescent="0.4">
      <c r="A4550">
        <v>2991142</v>
      </c>
      <c r="B4550" t="s">
        <v>0</v>
      </c>
      <c r="C4550" t="s">
        <v>812</v>
      </c>
      <c r="D4550" t="s">
        <v>4123</v>
      </c>
    </row>
    <row r="4551" spans="1:4" x14ac:dyDescent="0.4">
      <c r="A4551">
        <v>2920532</v>
      </c>
      <c r="B4551" t="s">
        <v>0</v>
      </c>
      <c r="C4551" t="s">
        <v>812</v>
      </c>
      <c r="D4551" t="s">
        <v>4124</v>
      </c>
    </row>
    <row r="4552" spans="1:4" x14ac:dyDescent="0.4">
      <c r="A4552">
        <v>2920526</v>
      </c>
      <c r="B4552" t="s">
        <v>0</v>
      </c>
      <c r="C4552" t="s">
        <v>812</v>
      </c>
      <c r="D4552" t="s">
        <v>4125</v>
      </c>
    </row>
    <row r="4553" spans="1:4" x14ac:dyDescent="0.4">
      <c r="A4553">
        <v>2991133</v>
      </c>
      <c r="B4553" t="s">
        <v>0</v>
      </c>
      <c r="C4553" t="s">
        <v>812</v>
      </c>
      <c r="D4553" t="s">
        <v>4126</v>
      </c>
    </row>
    <row r="4554" spans="1:4" x14ac:dyDescent="0.4">
      <c r="A4554">
        <v>2991116</v>
      </c>
      <c r="B4554" t="s">
        <v>0</v>
      </c>
      <c r="C4554" t="s">
        <v>812</v>
      </c>
      <c r="D4554" t="s">
        <v>4127</v>
      </c>
    </row>
    <row r="4555" spans="1:4" x14ac:dyDescent="0.4">
      <c r="A4555">
        <v>2920403</v>
      </c>
      <c r="B4555" t="s">
        <v>0</v>
      </c>
      <c r="C4555" t="s">
        <v>812</v>
      </c>
      <c r="D4555" t="s">
        <v>2219</v>
      </c>
    </row>
    <row r="4556" spans="1:4" x14ac:dyDescent="0.4">
      <c r="A4556">
        <v>2991136</v>
      </c>
      <c r="B4556" t="s">
        <v>0</v>
      </c>
      <c r="C4556" t="s">
        <v>812</v>
      </c>
      <c r="D4556" t="s">
        <v>4128</v>
      </c>
    </row>
    <row r="4557" spans="1:4" x14ac:dyDescent="0.4">
      <c r="A4557">
        <v>2991131</v>
      </c>
      <c r="B4557" t="s">
        <v>0</v>
      </c>
      <c r="C4557" t="s">
        <v>812</v>
      </c>
      <c r="D4557" t="s">
        <v>4129</v>
      </c>
    </row>
    <row r="4558" spans="1:4" x14ac:dyDescent="0.4">
      <c r="A4558">
        <v>2921176</v>
      </c>
      <c r="B4558" t="s">
        <v>0</v>
      </c>
      <c r="C4558" t="s">
        <v>812</v>
      </c>
      <c r="D4558" t="s">
        <v>4130</v>
      </c>
    </row>
    <row r="4559" spans="1:4" x14ac:dyDescent="0.4">
      <c r="A4559">
        <v>2991137</v>
      </c>
      <c r="B4559" t="s">
        <v>0</v>
      </c>
      <c r="C4559" t="s">
        <v>812</v>
      </c>
      <c r="D4559" t="s">
        <v>4131</v>
      </c>
    </row>
    <row r="4560" spans="1:4" x14ac:dyDescent="0.4">
      <c r="A4560">
        <v>2991105</v>
      </c>
      <c r="B4560" t="s">
        <v>0</v>
      </c>
      <c r="C4560" t="s">
        <v>812</v>
      </c>
      <c r="D4560" t="s">
        <v>4132</v>
      </c>
    </row>
    <row r="4561" spans="1:4" x14ac:dyDescent="0.4">
      <c r="A4561">
        <v>2920451</v>
      </c>
      <c r="B4561" t="s">
        <v>0</v>
      </c>
      <c r="C4561" t="s">
        <v>812</v>
      </c>
      <c r="D4561" t="s">
        <v>4133</v>
      </c>
    </row>
    <row r="4562" spans="1:4" x14ac:dyDescent="0.4">
      <c r="A4562">
        <v>2991135</v>
      </c>
      <c r="B4562" t="s">
        <v>0</v>
      </c>
      <c r="C4562" t="s">
        <v>812</v>
      </c>
      <c r="D4562" t="s">
        <v>4134</v>
      </c>
    </row>
    <row r="4563" spans="1:4" x14ac:dyDescent="0.4">
      <c r="A4563">
        <v>2921154</v>
      </c>
      <c r="B4563" t="s">
        <v>0</v>
      </c>
      <c r="C4563" t="s">
        <v>812</v>
      </c>
      <c r="D4563" t="s">
        <v>4135</v>
      </c>
    </row>
    <row r="4564" spans="1:4" x14ac:dyDescent="0.4">
      <c r="A4564">
        <v>2991114</v>
      </c>
      <c r="B4564" t="s">
        <v>0</v>
      </c>
      <c r="C4564" t="s">
        <v>812</v>
      </c>
      <c r="D4564" t="s">
        <v>4136</v>
      </c>
    </row>
    <row r="4565" spans="1:4" x14ac:dyDescent="0.4">
      <c r="A4565">
        <v>2991173</v>
      </c>
      <c r="B4565" t="s">
        <v>0</v>
      </c>
      <c r="C4565" t="s">
        <v>812</v>
      </c>
      <c r="D4565" t="s">
        <v>4137</v>
      </c>
    </row>
    <row r="4566" spans="1:4" x14ac:dyDescent="0.4">
      <c r="A4566">
        <v>2991153</v>
      </c>
      <c r="B4566" t="s">
        <v>0</v>
      </c>
      <c r="C4566" t="s">
        <v>812</v>
      </c>
      <c r="D4566" t="s">
        <v>3201</v>
      </c>
    </row>
    <row r="4567" spans="1:4" x14ac:dyDescent="0.4">
      <c r="A4567">
        <v>2920522</v>
      </c>
      <c r="B4567" t="s">
        <v>0</v>
      </c>
      <c r="C4567" t="s">
        <v>812</v>
      </c>
      <c r="D4567" t="s">
        <v>4138</v>
      </c>
    </row>
    <row r="4568" spans="1:4" x14ac:dyDescent="0.4">
      <c r="A4568">
        <v>2920516</v>
      </c>
      <c r="B4568" t="s">
        <v>0</v>
      </c>
      <c r="C4568" t="s">
        <v>812</v>
      </c>
      <c r="D4568" t="s">
        <v>4139</v>
      </c>
    </row>
    <row r="4569" spans="1:4" x14ac:dyDescent="0.4">
      <c r="A4569">
        <v>2920534</v>
      </c>
      <c r="B4569" t="s">
        <v>0</v>
      </c>
      <c r="C4569" t="s">
        <v>812</v>
      </c>
      <c r="D4569" t="s">
        <v>4140</v>
      </c>
    </row>
    <row r="4570" spans="1:4" x14ac:dyDescent="0.4">
      <c r="A4570">
        <v>2921178</v>
      </c>
      <c r="B4570" t="s">
        <v>0</v>
      </c>
      <c r="C4570" t="s">
        <v>812</v>
      </c>
      <c r="D4570" t="s">
        <v>4141</v>
      </c>
    </row>
    <row r="4571" spans="1:4" x14ac:dyDescent="0.4">
      <c r="A4571">
        <v>2920455</v>
      </c>
      <c r="B4571" t="s">
        <v>0</v>
      </c>
      <c r="C4571" t="s">
        <v>812</v>
      </c>
      <c r="D4571" t="s">
        <v>4142</v>
      </c>
    </row>
    <row r="4572" spans="1:4" x14ac:dyDescent="0.4">
      <c r="A4572">
        <v>2921147</v>
      </c>
      <c r="B4572" t="s">
        <v>0</v>
      </c>
      <c r="C4572" t="s">
        <v>812</v>
      </c>
      <c r="D4572" t="s">
        <v>4143</v>
      </c>
    </row>
    <row r="4573" spans="1:4" x14ac:dyDescent="0.4">
      <c r="A4573">
        <v>2991124</v>
      </c>
      <c r="B4573" t="s">
        <v>0</v>
      </c>
      <c r="C4573" t="s">
        <v>812</v>
      </c>
      <c r="D4573" t="s">
        <v>4144</v>
      </c>
    </row>
    <row r="4574" spans="1:4" x14ac:dyDescent="0.4">
      <c r="A4574">
        <v>2921172</v>
      </c>
      <c r="B4574" t="s">
        <v>0</v>
      </c>
      <c r="C4574" t="s">
        <v>812</v>
      </c>
      <c r="D4574" t="s">
        <v>4145</v>
      </c>
    </row>
    <row r="4575" spans="1:4" x14ac:dyDescent="0.4">
      <c r="A4575">
        <v>2920443</v>
      </c>
      <c r="B4575" t="s">
        <v>0</v>
      </c>
      <c r="C4575" t="s">
        <v>812</v>
      </c>
      <c r="D4575" t="s">
        <v>4146</v>
      </c>
    </row>
    <row r="4576" spans="1:4" x14ac:dyDescent="0.4">
      <c r="A4576">
        <v>2991121</v>
      </c>
      <c r="B4576" t="s">
        <v>0</v>
      </c>
      <c r="C4576" t="s">
        <v>812</v>
      </c>
      <c r="D4576" t="s">
        <v>4147</v>
      </c>
    </row>
    <row r="4577" spans="1:4" x14ac:dyDescent="0.4">
      <c r="A4577">
        <v>2920441</v>
      </c>
      <c r="B4577" t="s">
        <v>0</v>
      </c>
      <c r="C4577" t="s">
        <v>812</v>
      </c>
      <c r="D4577" t="s">
        <v>4148</v>
      </c>
    </row>
    <row r="4578" spans="1:4" x14ac:dyDescent="0.4">
      <c r="A4578">
        <v>2920521</v>
      </c>
      <c r="B4578" t="s">
        <v>0</v>
      </c>
      <c r="C4578" t="s">
        <v>812</v>
      </c>
      <c r="D4578" t="s">
        <v>4149</v>
      </c>
    </row>
    <row r="4579" spans="1:4" x14ac:dyDescent="0.4">
      <c r="A4579">
        <v>2920444</v>
      </c>
      <c r="B4579" t="s">
        <v>0</v>
      </c>
      <c r="C4579" t="s">
        <v>812</v>
      </c>
      <c r="D4579" t="s">
        <v>4150</v>
      </c>
    </row>
    <row r="4580" spans="1:4" x14ac:dyDescent="0.4">
      <c r="A4580">
        <v>2920523</v>
      </c>
      <c r="B4580" t="s">
        <v>0</v>
      </c>
      <c r="C4580" t="s">
        <v>812</v>
      </c>
      <c r="D4580" t="s">
        <v>4151</v>
      </c>
    </row>
    <row r="4581" spans="1:4" x14ac:dyDescent="0.4">
      <c r="A4581">
        <v>2921179</v>
      </c>
      <c r="B4581" t="s">
        <v>0</v>
      </c>
      <c r="C4581" t="s">
        <v>812</v>
      </c>
      <c r="D4581" t="s">
        <v>4152</v>
      </c>
    </row>
    <row r="4582" spans="1:4" x14ac:dyDescent="0.4">
      <c r="A4582">
        <v>2991106</v>
      </c>
      <c r="B4582" t="s">
        <v>0</v>
      </c>
      <c r="C4582" t="s">
        <v>812</v>
      </c>
      <c r="D4582" t="s">
        <v>192</v>
      </c>
    </row>
    <row r="4583" spans="1:4" x14ac:dyDescent="0.4">
      <c r="A4583">
        <v>2991132</v>
      </c>
      <c r="B4583" t="s">
        <v>0</v>
      </c>
      <c r="C4583" t="s">
        <v>812</v>
      </c>
      <c r="D4583" t="s">
        <v>4153</v>
      </c>
    </row>
    <row r="4584" spans="1:4" x14ac:dyDescent="0.4">
      <c r="A4584">
        <v>2991151</v>
      </c>
      <c r="B4584" t="s">
        <v>0</v>
      </c>
      <c r="C4584" t="s">
        <v>812</v>
      </c>
      <c r="D4584" t="s">
        <v>194</v>
      </c>
    </row>
    <row r="4585" spans="1:4" x14ac:dyDescent="0.4">
      <c r="A4585">
        <v>2921143</v>
      </c>
      <c r="B4585" t="s">
        <v>0</v>
      </c>
      <c r="C4585" t="s">
        <v>812</v>
      </c>
      <c r="D4585" t="s">
        <v>4154</v>
      </c>
    </row>
    <row r="4586" spans="1:4" x14ac:dyDescent="0.4">
      <c r="A4586">
        <v>2921168</v>
      </c>
      <c r="B4586" t="s">
        <v>0</v>
      </c>
      <c r="C4586" t="s">
        <v>812</v>
      </c>
      <c r="D4586" t="s">
        <v>4155</v>
      </c>
    </row>
    <row r="4587" spans="1:4" x14ac:dyDescent="0.4">
      <c r="A4587">
        <v>2921162</v>
      </c>
      <c r="B4587" t="s">
        <v>0</v>
      </c>
      <c r="C4587" t="s">
        <v>812</v>
      </c>
      <c r="D4587" t="s">
        <v>4156</v>
      </c>
    </row>
    <row r="4588" spans="1:4" x14ac:dyDescent="0.4">
      <c r="A4588">
        <v>2991145</v>
      </c>
      <c r="B4588" t="s">
        <v>0</v>
      </c>
      <c r="C4588" t="s">
        <v>812</v>
      </c>
      <c r="D4588" t="s">
        <v>4157</v>
      </c>
    </row>
    <row r="4589" spans="1:4" x14ac:dyDescent="0.4">
      <c r="A4589">
        <v>2920402</v>
      </c>
      <c r="B4589" t="s">
        <v>0</v>
      </c>
      <c r="C4589" t="s">
        <v>812</v>
      </c>
      <c r="D4589" t="s">
        <v>3877</v>
      </c>
    </row>
    <row r="4590" spans="1:4" x14ac:dyDescent="0.4">
      <c r="A4590">
        <v>2921165</v>
      </c>
      <c r="B4590" t="s">
        <v>0</v>
      </c>
      <c r="C4590" t="s">
        <v>812</v>
      </c>
      <c r="D4590" t="s">
        <v>4158</v>
      </c>
    </row>
    <row r="4591" spans="1:4" x14ac:dyDescent="0.4">
      <c r="A4591">
        <v>2921152</v>
      </c>
      <c r="B4591" t="s">
        <v>0</v>
      </c>
      <c r="C4591" t="s">
        <v>812</v>
      </c>
      <c r="D4591" t="s">
        <v>4159</v>
      </c>
    </row>
    <row r="4592" spans="1:4" x14ac:dyDescent="0.4">
      <c r="A4592">
        <v>2991104</v>
      </c>
      <c r="B4592" t="s">
        <v>0</v>
      </c>
      <c r="C4592" t="s">
        <v>812</v>
      </c>
      <c r="D4592" t="s">
        <v>1687</v>
      </c>
    </row>
    <row r="4593" spans="1:4" x14ac:dyDescent="0.4">
      <c r="A4593">
        <v>2921140</v>
      </c>
      <c r="B4593" t="s">
        <v>0</v>
      </c>
      <c r="C4593" t="s">
        <v>812</v>
      </c>
      <c r="D4593" t="s">
        <v>4160</v>
      </c>
    </row>
    <row r="4594" spans="1:4" x14ac:dyDescent="0.4">
      <c r="A4594">
        <v>2921177</v>
      </c>
      <c r="B4594" t="s">
        <v>0</v>
      </c>
      <c r="C4594" t="s">
        <v>812</v>
      </c>
      <c r="D4594" t="s">
        <v>4161</v>
      </c>
    </row>
    <row r="4595" spans="1:4" x14ac:dyDescent="0.4">
      <c r="A4595">
        <v>2920431</v>
      </c>
      <c r="B4595" t="s">
        <v>0</v>
      </c>
      <c r="C4595" t="s">
        <v>812</v>
      </c>
      <c r="D4595" t="s">
        <v>4162</v>
      </c>
    </row>
    <row r="4596" spans="1:4" x14ac:dyDescent="0.4">
      <c r="A4596">
        <v>2921141</v>
      </c>
      <c r="B4596" t="s">
        <v>0</v>
      </c>
      <c r="C4596" t="s">
        <v>812</v>
      </c>
      <c r="D4596" t="s">
        <v>296</v>
      </c>
    </row>
    <row r="4597" spans="1:4" x14ac:dyDescent="0.4">
      <c r="A4597">
        <v>2991108</v>
      </c>
      <c r="B4597" t="s">
        <v>0</v>
      </c>
      <c r="C4597" t="s">
        <v>812</v>
      </c>
      <c r="D4597" t="s">
        <v>4163</v>
      </c>
    </row>
    <row r="4598" spans="1:4" x14ac:dyDescent="0.4">
      <c r="A4598">
        <v>2920411</v>
      </c>
      <c r="B4598" t="s">
        <v>0</v>
      </c>
      <c r="C4598" t="s">
        <v>812</v>
      </c>
      <c r="D4598" t="s">
        <v>4164</v>
      </c>
    </row>
    <row r="4599" spans="1:4" x14ac:dyDescent="0.4">
      <c r="A4599">
        <v>2991122</v>
      </c>
      <c r="B4599" t="s">
        <v>0</v>
      </c>
      <c r="C4599" t="s">
        <v>812</v>
      </c>
      <c r="D4599" t="s">
        <v>4165</v>
      </c>
    </row>
    <row r="4600" spans="1:4" x14ac:dyDescent="0.4">
      <c r="A4600">
        <v>2921163</v>
      </c>
      <c r="B4600" t="s">
        <v>0</v>
      </c>
      <c r="C4600" t="s">
        <v>812</v>
      </c>
      <c r="D4600" t="s">
        <v>4166</v>
      </c>
    </row>
    <row r="4601" spans="1:4" x14ac:dyDescent="0.4">
      <c r="A4601">
        <v>2921161</v>
      </c>
      <c r="B4601" t="s">
        <v>0</v>
      </c>
      <c r="C4601" t="s">
        <v>812</v>
      </c>
      <c r="D4601" t="s">
        <v>4167</v>
      </c>
    </row>
    <row r="4602" spans="1:4" x14ac:dyDescent="0.4">
      <c r="A4602">
        <v>2991144</v>
      </c>
      <c r="B4602" t="s">
        <v>0</v>
      </c>
      <c r="C4602" t="s">
        <v>812</v>
      </c>
      <c r="D4602" t="s">
        <v>4168</v>
      </c>
    </row>
    <row r="4603" spans="1:4" x14ac:dyDescent="0.4">
      <c r="A4603">
        <v>2921164</v>
      </c>
      <c r="B4603" t="s">
        <v>0</v>
      </c>
      <c r="C4603" t="s">
        <v>812</v>
      </c>
      <c r="D4603" t="s">
        <v>4169</v>
      </c>
    </row>
    <row r="4604" spans="1:4" x14ac:dyDescent="0.4">
      <c r="A4604">
        <v>2991113</v>
      </c>
      <c r="B4604" t="s">
        <v>0</v>
      </c>
      <c r="C4604" t="s">
        <v>812</v>
      </c>
      <c r="D4604" t="s">
        <v>4170</v>
      </c>
    </row>
    <row r="4605" spans="1:4" x14ac:dyDescent="0.4">
      <c r="A4605">
        <v>2991147</v>
      </c>
      <c r="B4605" t="s">
        <v>0</v>
      </c>
      <c r="C4605" t="s">
        <v>812</v>
      </c>
      <c r="D4605" t="s">
        <v>1774</v>
      </c>
    </row>
    <row r="4606" spans="1:4" x14ac:dyDescent="0.4">
      <c r="A4606">
        <v>2921167</v>
      </c>
      <c r="B4606" t="s">
        <v>0</v>
      </c>
      <c r="C4606" t="s">
        <v>812</v>
      </c>
      <c r="D4606" t="s">
        <v>567</v>
      </c>
    </row>
    <row r="4607" spans="1:4" x14ac:dyDescent="0.4">
      <c r="A4607">
        <v>2920502</v>
      </c>
      <c r="B4607" t="s">
        <v>0</v>
      </c>
      <c r="C4607" t="s">
        <v>812</v>
      </c>
      <c r="D4607" t="s">
        <v>3530</v>
      </c>
    </row>
    <row r="4608" spans="1:4" x14ac:dyDescent="0.4">
      <c r="A4608">
        <v>2920503</v>
      </c>
      <c r="B4608" t="s">
        <v>0</v>
      </c>
      <c r="C4608" t="s">
        <v>812</v>
      </c>
      <c r="D4608" t="s">
        <v>4171</v>
      </c>
    </row>
    <row r="4609" spans="1:4" x14ac:dyDescent="0.4">
      <c r="A4609">
        <v>2921157</v>
      </c>
      <c r="B4609" t="s">
        <v>0</v>
      </c>
      <c r="C4609" t="s">
        <v>812</v>
      </c>
      <c r="D4609" t="s">
        <v>4172</v>
      </c>
    </row>
    <row r="4610" spans="1:4" x14ac:dyDescent="0.4">
      <c r="A4610">
        <v>2920531</v>
      </c>
      <c r="B4610" t="s">
        <v>0</v>
      </c>
      <c r="C4610" t="s">
        <v>812</v>
      </c>
      <c r="D4610" t="s">
        <v>4173</v>
      </c>
    </row>
    <row r="4611" spans="1:4" x14ac:dyDescent="0.4">
      <c r="A4611">
        <v>3320027</v>
      </c>
      <c r="B4611" t="s">
        <v>1636</v>
      </c>
      <c r="C4611" t="s">
        <v>1639</v>
      </c>
      <c r="D4611" t="s">
        <v>1611</v>
      </c>
    </row>
    <row r="4612" spans="1:4" x14ac:dyDescent="0.4">
      <c r="A4612">
        <v>3320026</v>
      </c>
      <c r="B4612" t="s">
        <v>1636</v>
      </c>
      <c r="C4612" t="s">
        <v>1639</v>
      </c>
      <c r="D4612" t="s">
        <v>1615</v>
      </c>
    </row>
    <row r="4613" spans="1:4" x14ac:dyDescent="0.4">
      <c r="A4613">
        <v>3330846</v>
      </c>
      <c r="B4613" t="s">
        <v>1636</v>
      </c>
      <c r="C4613" t="s">
        <v>1639</v>
      </c>
      <c r="D4613" t="s">
        <v>4174</v>
      </c>
    </row>
    <row r="4614" spans="1:4" x14ac:dyDescent="0.4">
      <c r="A4614">
        <v>3340056</v>
      </c>
      <c r="B4614" t="s">
        <v>1636</v>
      </c>
      <c r="C4614" t="s">
        <v>1639</v>
      </c>
      <c r="D4614" t="s">
        <v>4175</v>
      </c>
    </row>
    <row r="4615" spans="1:4" x14ac:dyDescent="0.4">
      <c r="A4615">
        <v>3320028</v>
      </c>
      <c r="B4615" t="s">
        <v>1636</v>
      </c>
      <c r="C4615" t="s">
        <v>1639</v>
      </c>
      <c r="D4615" t="s">
        <v>3407</v>
      </c>
    </row>
    <row r="4616" spans="1:4" x14ac:dyDescent="0.4">
      <c r="A4616">
        <v>3320011</v>
      </c>
      <c r="B4616" t="s">
        <v>1636</v>
      </c>
      <c r="C4616" t="s">
        <v>1639</v>
      </c>
      <c r="D4616" t="s">
        <v>4176</v>
      </c>
    </row>
    <row r="4617" spans="1:4" x14ac:dyDescent="0.4">
      <c r="A4617">
        <v>3330861</v>
      </c>
      <c r="B4617" t="s">
        <v>1636</v>
      </c>
      <c r="C4617" t="s">
        <v>1639</v>
      </c>
      <c r="D4617" t="s">
        <v>4177</v>
      </c>
    </row>
    <row r="4618" spans="1:4" x14ac:dyDescent="0.4">
      <c r="A4618">
        <v>3330864</v>
      </c>
      <c r="B4618" t="s">
        <v>1636</v>
      </c>
      <c r="C4618" t="s">
        <v>1639</v>
      </c>
      <c r="D4618" t="s">
        <v>4178</v>
      </c>
    </row>
    <row r="4619" spans="1:4" x14ac:dyDescent="0.4">
      <c r="A4619">
        <v>3320002</v>
      </c>
      <c r="B4619" t="s">
        <v>1636</v>
      </c>
      <c r="C4619" t="s">
        <v>1639</v>
      </c>
      <c r="D4619" t="s">
        <v>4179</v>
      </c>
    </row>
    <row r="4620" spans="1:4" x14ac:dyDescent="0.4">
      <c r="A4620">
        <v>3320004</v>
      </c>
      <c r="B4620" t="s">
        <v>1636</v>
      </c>
      <c r="C4620" t="s">
        <v>1639</v>
      </c>
      <c r="D4620" t="s">
        <v>1843</v>
      </c>
    </row>
    <row r="4621" spans="1:4" x14ac:dyDescent="0.4">
      <c r="A4621">
        <v>3610000</v>
      </c>
      <c r="B4621" t="s">
        <v>1636</v>
      </c>
      <c r="C4621" t="s">
        <v>4180</v>
      </c>
    </row>
    <row r="4622" spans="1:4" x14ac:dyDescent="0.4">
      <c r="A4622">
        <v>3610074</v>
      </c>
      <c r="B4622" t="s">
        <v>1636</v>
      </c>
      <c r="C4622" t="s">
        <v>4180</v>
      </c>
      <c r="D4622" t="s">
        <v>222</v>
      </c>
    </row>
    <row r="4623" spans="1:4" x14ac:dyDescent="0.4">
      <c r="A4623">
        <v>3610011</v>
      </c>
      <c r="B4623" t="s">
        <v>1636</v>
      </c>
      <c r="C4623" t="s">
        <v>4180</v>
      </c>
      <c r="D4623" t="s">
        <v>4181</v>
      </c>
    </row>
    <row r="4624" spans="1:4" x14ac:dyDescent="0.4">
      <c r="A4624">
        <v>3610046</v>
      </c>
      <c r="B4624" t="s">
        <v>1636</v>
      </c>
      <c r="C4624" t="s">
        <v>4180</v>
      </c>
      <c r="D4624" t="s">
        <v>4182</v>
      </c>
    </row>
    <row r="4625" spans="1:4" x14ac:dyDescent="0.4">
      <c r="A4625">
        <v>3610081</v>
      </c>
      <c r="B4625" t="s">
        <v>1636</v>
      </c>
      <c r="C4625" t="s">
        <v>4180</v>
      </c>
      <c r="D4625" t="s">
        <v>4183</v>
      </c>
    </row>
    <row r="4626" spans="1:4" x14ac:dyDescent="0.4">
      <c r="A4626">
        <v>3610077</v>
      </c>
      <c r="B4626" t="s">
        <v>1636</v>
      </c>
      <c r="C4626" t="s">
        <v>4180</v>
      </c>
      <c r="D4626" t="s">
        <v>4184</v>
      </c>
    </row>
    <row r="4627" spans="1:4" x14ac:dyDescent="0.4">
      <c r="A4627">
        <v>3610045</v>
      </c>
      <c r="B4627" t="s">
        <v>1636</v>
      </c>
      <c r="C4627" t="s">
        <v>4180</v>
      </c>
      <c r="D4627" t="s">
        <v>4185</v>
      </c>
    </row>
    <row r="4628" spans="1:4" x14ac:dyDescent="0.4">
      <c r="A4628">
        <v>3610007</v>
      </c>
      <c r="B4628" t="s">
        <v>1636</v>
      </c>
      <c r="C4628" t="s">
        <v>4180</v>
      </c>
      <c r="D4628" t="s">
        <v>4186</v>
      </c>
    </row>
    <row r="4629" spans="1:4" x14ac:dyDescent="0.4">
      <c r="A4629">
        <v>3610034</v>
      </c>
      <c r="B4629" t="s">
        <v>1636</v>
      </c>
      <c r="C4629" t="s">
        <v>4180</v>
      </c>
      <c r="D4629" t="s">
        <v>4187</v>
      </c>
    </row>
    <row r="4630" spans="1:4" x14ac:dyDescent="0.4">
      <c r="A4630">
        <v>3610044</v>
      </c>
      <c r="B4630" t="s">
        <v>1636</v>
      </c>
      <c r="C4630" t="s">
        <v>4180</v>
      </c>
      <c r="D4630" t="s">
        <v>4188</v>
      </c>
    </row>
    <row r="4631" spans="1:4" x14ac:dyDescent="0.4">
      <c r="A4631">
        <v>3610066</v>
      </c>
      <c r="B4631" t="s">
        <v>1636</v>
      </c>
      <c r="C4631" t="s">
        <v>4180</v>
      </c>
      <c r="D4631" t="s">
        <v>4189</v>
      </c>
    </row>
    <row r="4632" spans="1:4" x14ac:dyDescent="0.4">
      <c r="A4632">
        <v>3610001</v>
      </c>
      <c r="B4632" t="s">
        <v>1636</v>
      </c>
      <c r="C4632" t="s">
        <v>4180</v>
      </c>
      <c r="D4632" t="s">
        <v>4190</v>
      </c>
    </row>
    <row r="4633" spans="1:4" x14ac:dyDescent="0.4">
      <c r="A4633">
        <v>3610073</v>
      </c>
      <c r="B4633" t="s">
        <v>1636</v>
      </c>
      <c r="C4633" t="s">
        <v>4180</v>
      </c>
      <c r="D4633" t="s">
        <v>4191</v>
      </c>
    </row>
    <row r="4634" spans="1:4" x14ac:dyDescent="0.4">
      <c r="A4634">
        <v>3610065</v>
      </c>
      <c r="B4634" t="s">
        <v>1636</v>
      </c>
      <c r="C4634" t="s">
        <v>4180</v>
      </c>
      <c r="D4634" t="s">
        <v>4192</v>
      </c>
    </row>
    <row r="4635" spans="1:4" x14ac:dyDescent="0.4">
      <c r="A4635">
        <v>3610024</v>
      </c>
      <c r="B4635" t="s">
        <v>1636</v>
      </c>
      <c r="C4635" t="s">
        <v>4180</v>
      </c>
      <c r="D4635" t="s">
        <v>4193</v>
      </c>
    </row>
    <row r="4636" spans="1:4" x14ac:dyDescent="0.4">
      <c r="A4636">
        <v>3610055</v>
      </c>
      <c r="B4636" t="s">
        <v>1636</v>
      </c>
      <c r="C4636" t="s">
        <v>4180</v>
      </c>
      <c r="D4636" t="s">
        <v>839</v>
      </c>
    </row>
    <row r="4637" spans="1:4" x14ac:dyDescent="0.4">
      <c r="A4637">
        <v>3610005</v>
      </c>
      <c r="B4637" t="s">
        <v>1636</v>
      </c>
      <c r="C4637" t="s">
        <v>4180</v>
      </c>
      <c r="D4637" t="s">
        <v>4194</v>
      </c>
    </row>
    <row r="4638" spans="1:4" x14ac:dyDescent="0.4">
      <c r="A4638">
        <v>3610071</v>
      </c>
      <c r="B4638" t="s">
        <v>1636</v>
      </c>
      <c r="C4638" t="s">
        <v>4180</v>
      </c>
      <c r="D4638" t="s">
        <v>255</v>
      </c>
    </row>
    <row r="4639" spans="1:4" x14ac:dyDescent="0.4">
      <c r="A4639">
        <v>3610002</v>
      </c>
      <c r="B4639" t="s">
        <v>1636</v>
      </c>
      <c r="C4639" t="s">
        <v>4180</v>
      </c>
      <c r="D4639" t="s">
        <v>4195</v>
      </c>
    </row>
    <row r="4640" spans="1:4" x14ac:dyDescent="0.4">
      <c r="A4640">
        <v>3610025</v>
      </c>
      <c r="B4640" t="s">
        <v>1636</v>
      </c>
      <c r="C4640" t="s">
        <v>4180</v>
      </c>
      <c r="D4640" t="s">
        <v>4196</v>
      </c>
    </row>
    <row r="4641" spans="1:4" x14ac:dyDescent="0.4">
      <c r="A4641">
        <v>3610022</v>
      </c>
      <c r="B4641" t="s">
        <v>1636</v>
      </c>
      <c r="C4641" t="s">
        <v>4180</v>
      </c>
      <c r="D4641" t="s">
        <v>165</v>
      </c>
    </row>
    <row r="4642" spans="1:4" x14ac:dyDescent="0.4">
      <c r="A4642">
        <v>3610032</v>
      </c>
      <c r="B4642" t="s">
        <v>1636</v>
      </c>
      <c r="C4642" t="s">
        <v>4180</v>
      </c>
      <c r="D4642" t="s">
        <v>4197</v>
      </c>
    </row>
    <row r="4643" spans="1:4" x14ac:dyDescent="0.4">
      <c r="A4643">
        <v>3610063</v>
      </c>
      <c r="B4643" t="s">
        <v>1636</v>
      </c>
      <c r="C4643" t="s">
        <v>4180</v>
      </c>
      <c r="D4643" t="s">
        <v>4198</v>
      </c>
    </row>
    <row r="4644" spans="1:4" x14ac:dyDescent="0.4">
      <c r="A4644">
        <v>3610047</v>
      </c>
      <c r="B4644" t="s">
        <v>1636</v>
      </c>
      <c r="C4644" t="s">
        <v>4180</v>
      </c>
      <c r="D4644" t="s">
        <v>4199</v>
      </c>
    </row>
    <row r="4645" spans="1:4" x14ac:dyDescent="0.4">
      <c r="A4645">
        <v>3610067</v>
      </c>
      <c r="B4645" t="s">
        <v>1636</v>
      </c>
      <c r="C4645" t="s">
        <v>4180</v>
      </c>
      <c r="D4645" t="s">
        <v>4200</v>
      </c>
    </row>
    <row r="4646" spans="1:4" x14ac:dyDescent="0.4">
      <c r="A4646">
        <v>3610037</v>
      </c>
      <c r="B4646" t="s">
        <v>1636</v>
      </c>
      <c r="C4646" t="s">
        <v>4180</v>
      </c>
      <c r="D4646" t="s">
        <v>1676</v>
      </c>
    </row>
    <row r="4647" spans="1:4" x14ac:dyDescent="0.4">
      <c r="A4647">
        <v>3610012</v>
      </c>
      <c r="B4647" t="s">
        <v>1636</v>
      </c>
      <c r="C4647" t="s">
        <v>4180</v>
      </c>
      <c r="D4647" t="s">
        <v>4201</v>
      </c>
    </row>
    <row r="4648" spans="1:4" x14ac:dyDescent="0.4">
      <c r="A4648">
        <v>3610003</v>
      </c>
      <c r="B4648" t="s">
        <v>1636</v>
      </c>
      <c r="C4648" t="s">
        <v>4180</v>
      </c>
      <c r="D4648" t="s">
        <v>4202</v>
      </c>
    </row>
    <row r="4649" spans="1:4" x14ac:dyDescent="0.4">
      <c r="A4649">
        <v>3610057</v>
      </c>
      <c r="B4649" t="s">
        <v>1636</v>
      </c>
      <c r="C4649" t="s">
        <v>4180</v>
      </c>
      <c r="D4649" t="s">
        <v>4203</v>
      </c>
    </row>
    <row r="4650" spans="1:4" x14ac:dyDescent="0.4">
      <c r="A4650">
        <v>3610054</v>
      </c>
      <c r="B4650" t="s">
        <v>1636</v>
      </c>
      <c r="C4650" t="s">
        <v>4180</v>
      </c>
      <c r="D4650" t="s">
        <v>4204</v>
      </c>
    </row>
    <row r="4651" spans="1:4" x14ac:dyDescent="0.4">
      <c r="A4651">
        <v>3610006</v>
      </c>
      <c r="B4651" t="s">
        <v>1636</v>
      </c>
      <c r="C4651" t="s">
        <v>4180</v>
      </c>
      <c r="D4651" t="s">
        <v>4205</v>
      </c>
    </row>
    <row r="4652" spans="1:4" x14ac:dyDescent="0.4">
      <c r="A4652">
        <v>3610053</v>
      </c>
      <c r="B4652" t="s">
        <v>1636</v>
      </c>
      <c r="C4652" t="s">
        <v>4180</v>
      </c>
      <c r="D4652" t="s">
        <v>4206</v>
      </c>
    </row>
    <row r="4653" spans="1:4" x14ac:dyDescent="0.4">
      <c r="A4653">
        <v>3610004</v>
      </c>
      <c r="B4653" t="s">
        <v>1636</v>
      </c>
      <c r="C4653" t="s">
        <v>4180</v>
      </c>
      <c r="D4653" t="s">
        <v>4207</v>
      </c>
    </row>
    <row r="4654" spans="1:4" x14ac:dyDescent="0.4">
      <c r="A4654">
        <v>3610015</v>
      </c>
      <c r="B4654" t="s">
        <v>1636</v>
      </c>
      <c r="C4654" t="s">
        <v>4180</v>
      </c>
      <c r="D4654" t="s">
        <v>4208</v>
      </c>
    </row>
    <row r="4655" spans="1:4" x14ac:dyDescent="0.4">
      <c r="A4655">
        <v>3610041</v>
      </c>
      <c r="B4655" t="s">
        <v>1636</v>
      </c>
      <c r="C4655" t="s">
        <v>4180</v>
      </c>
      <c r="D4655" t="s">
        <v>4209</v>
      </c>
    </row>
    <row r="4656" spans="1:4" x14ac:dyDescent="0.4">
      <c r="A4656">
        <v>3610078</v>
      </c>
      <c r="B4656" t="s">
        <v>1636</v>
      </c>
      <c r="C4656" t="s">
        <v>4180</v>
      </c>
      <c r="D4656" t="s">
        <v>184</v>
      </c>
    </row>
    <row r="4657" spans="1:4" x14ac:dyDescent="0.4">
      <c r="A4657">
        <v>3610035</v>
      </c>
      <c r="B4657" t="s">
        <v>1636</v>
      </c>
      <c r="C4657" t="s">
        <v>4180</v>
      </c>
      <c r="D4657" t="s">
        <v>3629</v>
      </c>
    </row>
    <row r="4658" spans="1:4" x14ac:dyDescent="0.4">
      <c r="A4658">
        <v>3610076</v>
      </c>
      <c r="B4658" t="s">
        <v>1636</v>
      </c>
      <c r="C4658" t="s">
        <v>4180</v>
      </c>
      <c r="D4658" t="s">
        <v>4210</v>
      </c>
    </row>
    <row r="4659" spans="1:4" x14ac:dyDescent="0.4">
      <c r="A4659">
        <v>3610014</v>
      </c>
      <c r="B4659" t="s">
        <v>1636</v>
      </c>
      <c r="C4659" t="s">
        <v>4180</v>
      </c>
      <c r="D4659" t="s">
        <v>4211</v>
      </c>
    </row>
    <row r="4660" spans="1:4" x14ac:dyDescent="0.4">
      <c r="A4660">
        <v>3610083</v>
      </c>
      <c r="B4660" t="s">
        <v>1636</v>
      </c>
      <c r="C4660" t="s">
        <v>4180</v>
      </c>
      <c r="D4660" t="s">
        <v>4212</v>
      </c>
    </row>
    <row r="4661" spans="1:4" x14ac:dyDescent="0.4">
      <c r="A4661">
        <v>3610064</v>
      </c>
      <c r="B4661" t="s">
        <v>1636</v>
      </c>
      <c r="C4661" t="s">
        <v>4180</v>
      </c>
      <c r="D4661" t="s">
        <v>191</v>
      </c>
    </row>
    <row r="4662" spans="1:4" x14ac:dyDescent="0.4">
      <c r="A4662">
        <v>3610023</v>
      </c>
      <c r="B4662" t="s">
        <v>1636</v>
      </c>
      <c r="C4662" t="s">
        <v>4180</v>
      </c>
      <c r="D4662" t="s">
        <v>4213</v>
      </c>
    </row>
    <row r="4663" spans="1:4" x14ac:dyDescent="0.4">
      <c r="A4663">
        <v>3610042</v>
      </c>
      <c r="B4663" t="s">
        <v>1636</v>
      </c>
      <c r="C4663" t="s">
        <v>4180</v>
      </c>
      <c r="D4663" t="s">
        <v>4214</v>
      </c>
    </row>
    <row r="4664" spans="1:4" x14ac:dyDescent="0.4">
      <c r="A4664">
        <v>3610026</v>
      </c>
      <c r="B4664" t="s">
        <v>1636</v>
      </c>
      <c r="C4664" t="s">
        <v>4180</v>
      </c>
      <c r="D4664" t="s">
        <v>4215</v>
      </c>
    </row>
    <row r="4665" spans="1:4" x14ac:dyDescent="0.4">
      <c r="A4665">
        <v>3610036</v>
      </c>
      <c r="B4665" t="s">
        <v>1636</v>
      </c>
      <c r="C4665" t="s">
        <v>4180</v>
      </c>
      <c r="D4665" t="s">
        <v>4216</v>
      </c>
    </row>
    <row r="4666" spans="1:4" x14ac:dyDescent="0.4">
      <c r="A4666">
        <v>3610043</v>
      </c>
      <c r="B4666" t="s">
        <v>1636</v>
      </c>
      <c r="C4666" t="s">
        <v>4180</v>
      </c>
      <c r="D4666" t="s">
        <v>4217</v>
      </c>
    </row>
    <row r="4667" spans="1:4" x14ac:dyDescent="0.4">
      <c r="A4667">
        <v>3610021</v>
      </c>
      <c r="B4667" t="s">
        <v>1636</v>
      </c>
      <c r="C4667" t="s">
        <v>4180</v>
      </c>
      <c r="D4667" t="s">
        <v>1605</v>
      </c>
    </row>
    <row r="4668" spans="1:4" x14ac:dyDescent="0.4">
      <c r="A4668">
        <v>3610016</v>
      </c>
      <c r="B4668" t="s">
        <v>1636</v>
      </c>
      <c r="C4668" t="s">
        <v>4180</v>
      </c>
      <c r="D4668" t="s">
        <v>4218</v>
      </c>
    </row>
    <row r="4669" spans="1:4" x14ac:dyDescent="0.4">
      <c r="A4669">
        <v>3610052</v>
      </c>
      <c r="B4669" t="s">
        <v>1636</v>
      </c>
      <c r="C4669" t="s">
        <v>4180</v>
      </c>
      <c r="D4669" t="s">
        <v>4219</v>
      </c>
    </row>
    <row r="4670" spans="1:4" x14ac:dyDescent="0.4">
      <c r="A4670">
        <v>3610038</v>
      </c>
      <c r="B4670" t="s">
        <v>1636</v>
      </c>
      <c r="C4670" t="s">
        <v>4180</v>
      </c>
      <c r="D4670" t="s">
        <v>4220</v>
      </c>
    </row>
    <row r="4671" spans="1:4" x14ac:dyDescent="0.4">
      <c r="A4671">
        <v>3610013</v>
      </c>
      <c r="B4671" t="s">
        <v>1636</v>
      </c>
      <c r="C4671" t="s">
        <v>4180</v>
      </c>
      <c r="D4671" t="s">
        <v>4221</v>
      </c>
    </row>
    <row r="4672" spans="1:4" x14ac:dyDescent="0.4">
      <c r="A4672">
        <v>3610082</v>
      </c>
      <c r="B4672" t="s">
        <v>1636</v>
      </c>
      <c r="C4672" t="s">
        <v>4180</v>
      </c>
      <c r="D4672" t="s">
        <v>4222</v>
      </c>
    </row>
    <row r="4673" spans="1:4" x14ac:dyDescent="0.4">
      <c r="A4673">
        <v>3610031</v>
      </c>
      <c r="B4673" t="s">
        <v>1636</v>
      </c>
      <c r="C4673" t="s">
        <v>4180</v>
      </c>
      <c r="D4673" t="s">
        <v>1611</v>
      </c>
    </row>
    <row r="4674" spans="1:4" x14ac:dyDescent="0.4">
      <c r="A4674">
        <v>3610084</v>
      </c>
      <c r="B4674" t="s">
        <v>1636</v>
      </c>
      <c r="C4674" t="s">
        <v>4180</v>
      </c>
      <c r="D4674" t="s">
        <v>4223</v>
      </c>
    </row>
    <row r="4675" spans="1:4" x14ac:dyDescent="0.4">
      <c r="A4675">
        <v>3610072</v>
      </c>
      <c r="B4675" t="s">
        <v>1636</v>
      </c>
      <c r="C4675" t="s">
        <v>4180</v>
      </c>
      <c r="D4675" t="s">
        <v>399</v>
      </c>
    </row>
    <row r="4676" spans="1:4" x14ac:dyDescent="0.4">
      <c r="A4676">
        <v>3610075</v>
      </c>
      <c r="B4676" t="s">
        <v>1636</v>
      </c>
      <c r="C4676" t="s">
        <v>4180</v>
      </c>
      <c r="D4676" t="s">
        <v>4224</v>
      </c>
    </row>
    <row r="4677" spans="1:4" x14ac:dyDescent="0.4">
      <c r="A4677">
        <v>3610056</v>
      </c>
      <c r="B4677" t="s">
        <v>1636</v>
      </c>
      <c r="C4677" t="s">
        <v>4180</v>
      </c>
      <c r="D4677" t="s">
        <v>4225</v>
      </c>
    </row>
    <row r="4678" spans="1:4" x14ac:dyDescent="0.4">
      <c r="A4678">
        <v>3610062</v>
      </c>
      <c r="B4678" t="s">
        <v>1636</v>
      </c>
      <c r="C4678" t="s">
        <v>4180</v>
      </c>
      <c r="D4678" t="s">
        <v>4226</v>
      </c>
    </row>
    <row r="4679" spans="1:4" x14ac:dyDescent="0.4">
      <c r="A4679">
        <v>3610051</v>
      </c>
      <c r="B4679" t="s">
        <v>1636</v>
      </c>
      <c r="C4679" t="s">
        <v>4180</v>
      </c>
      <c r="D4679" t="s">
        <v>4227</v>
      </c>
    </row>
    <row r="4680" spans="1:4" x14ac:dyDescent="0.4">
      <c r="A4680">
        <v>3610017</v>
      </c>
      <c r="B4680" t="s">
        <v>1636</v>
      </c>
      <c r="C4680" t="s">
        <v>4180</v>
      </c>
      <c r="D4680" t="s">
        <v>4228</v>
      </c>
    </row>
    <row r="4681" spans="1:4" x14ac:dyDescent="0.4">
      <c r="A4681">
        <v>3610033</v>
      </c>
      <c r="B4681" t="s">
        <v>1636</v>
      </c>
      <c r="C4681" t="s">
        <v>4180</v>
      </c>
      <c r="D4681" t="s">
        <v>4229</v>
      </c>
    </row>
    <row r="4682" spans="1:4" x14ac:dyDescent="0.4">
      <c r="A4682">
        <v>3610061</v>
      </c>
      <c r="B4682" t="s">
        <v>1636</v>
      </c>
      <c r="C4682" t="s">
        <v>4180</v>
      </c>
      <c r="D4682" t="s">
        <v>2176</v>
      </c>
    </row>
    <row r="4683" spans="1:4" x14ac:dyDescent="0.4">
      <c r="A4683">
        <v>3680000</v>
      </c>
      <c r="B4683" t="s">
        <v>1636</v>
      </c>
      <c r="C4683" t="s">
        <v>4230</v>
      </c>
    </row>
    <row r="4684" spans="1:4" x14ac:dyDescent="0.4">
      <c r="A4684">
        <v>3680026</v>
      </c>
      <c r="B4684" t="s">
        <v>1636</v>
      </c>
      <c r="C4684" t="s">
        <v>4230</v>
      </c>
      <c r="D4684" t="s">
        <v>2447</v>
      </c>
    </row>
    <row r="4685" spans="1:4" x14ac:dyDescent="0.4">
      <c r="A4685">
        <v>3680016</v>
      </c>
      <c r="B4685" t="s">
        <v>1636</v>
      </c>
      <c r="C4685" t="s">
        <v>4230</v>
      </c>
      <c r="D4685" t="s">
        <v>4231</v>
      </c>
    </row>
    <row r="4686" spans="1:4" x14ac:dyDescent="0.4">
      <c r="A4686">
        <v>3691804</v>
      </c>
      <c r="B4686" t="s">
        <v>1636</v>
      </c>
      <c r="C4686" t="s">
        <v>4230</v>
      </c>
      <c r="D4686" t="s">
        <v>4232</v>
      </c>
    </row>
    <row r="4687" spans="1:4" x14ac:dyDescent="0.4">
      <c r="A4687">
        <v>3691802</v>
      </c>
      <c r="B4687" t="s">
        <v>1636</v>
      </c>
      <c r="C4687" t="s">
        <v>4230</v>
      </c>
      <c r="D4687" t="s">
        <v>4233</v>
      </c>
    </row>
    <row r="4688" spans="1:4" x14ac:dyDescent="0.4">
      <c r="A4688">
        <v>3691801</v>
      </c>
      <c r="B4688" t="s">
        <v>1636</v>
      </c>
      <c r="C4688" t="s">
        <v>4230</v>
      </c>
      <c r="D4688" t="s">
        <v>4234</v>
      </c>
    </row>
    <row r="4689" spans="1:4" x14ac:dyDescent="0.4">
      <c r="A4689">
        <v>3691912</v>
      </c>
      <c r="B4689" t="s">
        <v>1636</v>
      </c>
      <c r="C4689" t="s">
        <v>4230</v>
      </c>
      <c r="D4689" t="s">
        <v>4235</v>
      </c>
    </row>
    <row r="4690" spans="1:4" x14ac:dyDescent="0.4">
      <c r="A4690">
        <v>3691911</v>
      </c>
      <c r="B4690" t="s">
        <v>1636</v>
      </c>
      <c r="C4690" t="s">
        <v>4230</v>
      </c>
      <c r="D4690" t="s">
        <v>4236</v>
      </c>
    </row>
    <row r="4691" spans="1:4" x14ac:dyDescent="0.4">
      <c r="A4691">
        <v>3691803</v>
      </c>
      <c r="B4691" t="s">
        <v>1636</v>
      </c>
      <c r="C4691" t="s">
        <v>4230</v>
      </c>
      <c r="D4691" t="s">
        <v>4237</v>
      </c>
    </row>
    <row r="4692" spans="1:4" x14ac:dyDescent="0.4">
      <c r="A4692">
        <v>3680063</v>
      </c>
      <c r="B4692" t="s">
        <v>1636</v>
      </c>
      <c r="C4692" t="s">
        <v>4230</v>
      </c>
      <c r="D4692" t="s">
        <v>4238</v>
      </c>
    </row>
    <row r="4693" spans="1:4" x14ac:dyDescent="0.4">
      <c r="A4693">
        <v>3691874</v>
      </c>
      <c r="B4693" t="s">
        <v>1636</v>
      </c>
      <c r="C4693" t="s">
        <v>4230</v>
      </c>
      <c r="D4693" t="s">
        <v>2587</v>
      </c>
    </row>
    <row r="4694" spans="1:4" x14ac:dyDescent="0.4">
      <c r="A4694">
        <v>3680031</v>
      </c>
      <c r="B4694" t="s">
        <v>1636</v>
      </c>
      <c r="C4694" t="s">
        <v>4230</v>
      </c>
      <c r="D4694" t="s">
        <v>131</v>
      </c>
    </row>
    <row r="4695" spans="1:4" x14ac:dyDescent="0.4">
      <c r="A4695">
        <v>3691873</v>
      </c>
      <c r="B4695" t="s">
        <v>1636</v>
      </c>
      <c r="C4695" t="s">
        <v>4230</v>
      </c>
      <c r="D4695" t="s">
        <v>4239</v>
      </c>
    </row>
    <row r="4696" spans="1:4" x14ac:dyDescent="0.4">
      <c r="A4696">
        <v>3680065</v>
      </c>
      <c r="B4696" t="s">
        <v>1636</v>
      </c>
      <c r="C4696" t="s">
        <v>4230</v>
      </c>
      <c r="D4696" t="s">
        <v>140</v>
      </c>
    </row>
    <row r="4697" spans="1:4" x14ac:dyDescent="0.4">
      <c r="A4697">
        <v>3691901</v>
      </c>
      <c r="B4697" t="s">
        <v>1636</v>
      </c>
      <c r="C4697" t="s">
        <v>4230</v>
      </c>
      <c r="D4697" t="s">
        <v>4240</v>
      </c>
    </row>
    <row r="4698" spans="1:4" x14ac:dyDescent="0.4">
      <c r="A4698">
        <v>3680005</v>
      </c>
      <c r="B4698" t="s">
        <v>1636</v>
      </c>
      <c r="C4698" t="s">
        <v>4230</v>
      </c>
      <c r="D4698" t="s">
        <v>4241</v>
      </c>
    </row>
    <row r="4699" spans="1:4" x14ac:dyDescent="0.4">
      <c r="A4699">
        <v>3680011</v>
      </c>
      <c r="B4699" t="s">
        <v>1636</v>
      </c>
      <c r="C4699" t="s">
        <v>4230</v>
      </c>
      <c r="D4699" t="s">
        <v>4242</v>
      </c>
    </row>
    <row r="4700" spans="1:4" x14ac:dyDescent="0.4">
      <c r="A4700">
        <v>3680023</v>
      </c>
      <c r="B4700" t="s">
        <v>1636</v>
      </c>
      <c r="C4700" t="s">
        <v>4230</v>
      </c>
      <c r="D4700" t="s">
        <v>4243</v>
      </c>
    </row>
    <row r="4701" spans="1:4" x14ac:dyDescent="0.4">
      <c r="A4701">
        <v>3680061</v>
      </c>
      <c r="B4701" t="s">
        <v>1636</v>
      </c>
      <c r="C4701" t="s">
        <v>4230</v>
      </c>
      <c r="D4701" t="s">
        <v>4244</v>
      </c>
    </row>
    <row r="4702" spans="1:4" x14ac:dyDescent="0.4">
      <c r="A4702">
        <v>3680014</v>
      </c>
      <c r="B4702" t="s">
        <v>1636</v>
      </c>
      <c r="C4702" t="s">
        <v>4230</v>
      </c>
      <c r="D4702" t="s">
        <v>4245</v>
      </c>
    </row>
    <row r="4703" spans="1:4" x14ac:dyDescent="0.4">
      <c r="A4703">
        <v>3691872</v>
      </c>
      <c r="B4703" t="s">
        <v>1636</v>
      </c>
      <c r="C4703" t="s">
        <v>4230</v>
      </c>
      <c r="D4703" t="s">
        <v>4246</v>
      </c>
    </row>
    <row r="4704" spans="1:4" x14ac:dyDescent="0.4">
      <c r="A4704">
        <v>3680035</v>
      </c>
      <c r="B4704" t="s">
        <v>1636</v>
      </c>
      <c r="C4704" t="s">
        <v>4230</v>
      </c>
      <c r="D4704" t="s">
        <v>2287</v>
      </c>
    </row>
    <row r="4705" spans="1:4" x14ac:dyDescent="0.4">
      <c r="A4705">
        <v>3680024</v>
      </c>
      <c r="B4705" t="s">
        <v>1636</v>
      </c>
      <c r="C4705" t="s">
        <v>4230</v>
      </c>
      <c r="D4705" t="s">
        <v>4247</v>
      </c>
    </row>
    <row r="4706" spans="1:4" x14ac:dyDescent="0.4">
      <c r="A4706">
        <v>3691505</v>
      </c>
      <c r="B4706" t="s">
        <v>1636</v>
      </c>
      <c r="C4706" t="s">
        <v>4230</v>
      </c>
      <c r="D4706" t="s">
        <v>4248</v>
      </c>
    </row>
    <row r="4707" spans="1:4" x14ac:dyDescent="0.4">
      <c r="A4707">
        <v>3680053</v>
      </c>
      <c r="B4707" t="s">
        <v>1636</v>
      </c>
      <c r="C4707" t="s">
        <v>4230</v>
      </c>
      <c r="D4707" t="s">
        <v>4249</v>
      </c>
    </row>
    <row r="4708" spans="1:4" x14ac:dyDescent="0.4">
      <c r="A4708">
        <v>3680032</v>
      </c>
      <c r="B4708" t="s">
        <v>1636</v>
      </c>
      <c r="C4708" t="s">
        <v>4230</v>
      </c>
      <c r="D4708" t="s">
        <v>4250</v>
      </c>
    </row>
    <row r="4709" spans="1:4" x14ac:dyDescent="0.4">
      <c r="A4709">
        <v>3680001</v>
      </c>
      <c r="B4709" t="s">
        <v>1636</v>
      </c>
      <c r="C4709" t="s">
        <v>4230</v>
      </c>
      <c r="D4709" t="s">
        <v>4251</v>
      </c>
    </row>
    <row r="4710" spans="1:4" x14ac:dyDescent="0.4">
      <c r="A4710">
        <v>3680025</v>
      </c>
      <c r="B4710" t="s">
        <v>1636</v>
      </c>
      <c r="C4710" t="s">
        <v>4230</v>
      </c>
      <c r="D4710" t="s">
        <v>4252</v>
      </c>
    </row>
    <row r="4711" spans="1:4" x14ac:dyDescent="0.4">
      <c r="A4711">
        <v>3680003</v>
      </c>
      <c r="B4711" t="s">
        <v>1636</v>
      </c>
      <c r="C4711" t="s">
        <v>4230</v>
      </c>
      <c r="D4711" t="s">
        <v>4253</v>
      </c>
    </row>
    <row r="4712" spans="1:4" x14ac:dyDescent="0.4">
      <c r="A4712">
        <v>3680064</v>
      </c>
      <c r="B4712" t="s">
        <v>1636</v>
      </c>
      <c r="C4712" t="s">
        <v>4230</v>
      </c>
      <c r="D4712" t="s">
        <v>4254</v>
      </c>
    </row>
    <row r="4713" spans="1:4" x14ac:dyDescent="0.4">
      <c r="A4713">
        <v>3691871</v>
      </c>
      <c r="B4713" t="s">
        <v>1636</v>
      </c>
      <c r="C4713" t="s">
        <v>4230</v>
      </c>
      <c r="D4713" t="s">
        <v>4255</v>
      </c>
    </row>
    <row r="4714" spans="1:4" x14ac:dyDescent="0.4">
      <c r="A4714">
        <v>3680021</v>
      </c>
      <c r="B4714" t="s">
        <v>1636</v>
      </c>
      <c r="C4714" t="s">
        <v>4230</v>
      </c>
      <c r="D4714" t="s">
        <v>4256</v>
      </c>
    </row>
    <row r="4715" spans="1:4" x14ac:dyDescent="0.4">
      <c r="A4715">
        <v>3691503</v>
      </c>
      <c r="B4715" t="s">
        <v>1636</v>
      </c>
      <c r="C4715" t="s">
        <v>4230</v>
      </c>
      <c r="D4715" t="s">
        <v>4257</v>
      </c>
    </row>
    <row r="4716" spans="1:4" x14ac:dyDescent="0.4">
      <c r="A4716">
        <v>3680012</v>
      </c>
      <c r="B4716" t="s">
        <v>1636</v>
      </c>
      <c r="C4716" t="s">
        <v>4230</v>
      </c>
      <c r="D4716" t="s">
        <v>4258</v>
      </c>
    </row>
    <row r="4717" spans="1:4" x14ac:dyDescent="0.4">
      <c r="A4717">
        <v>3680055</v>
      </c>
      <c r="B4717" t="s">
        <v>1636</v>
      </c>
      <c r="C4717" t="s">
        <v>4230</v>
      </c>
      <c r="D4717" t="s">
        <v>3124</v>
      </c>
    </row>
    <row r="4718" spans="1:4" x14ac:dyDescent="0.4">
      <c r="A4718">
        <v>3680052</v>
      </c>
      <c r="B4718" t="s">
        <v>1636</v>
      </c>
      <c r="C4718" t="s">
        <v>4230</v>
      </c>
      <c r="D4718" t="s">
        <v>4259</v>
      </c>
    </row>
    <row r="4719" spans="1:4" x14ac:dyDescent="0.4">
      <c r="A4719">
        <v>3680056</v>
      </c>
      <c r="B4719" t="s">
        <v>1636</v>
      </c>
      <c r="C4719" t="s">
        <v>4230</v>
      </c>
      <c r="D4719" t="s">
        <v>2110</v>
      </c>
    </row>
    <row r="4720" spans="1:4" x14ac:dyDescent="0.4">
      <c r="A4720">
        <v>3680045</v>
      </c>
      <c r="B4720" t="s">
        <v>1636</v>
      </c>
      <c r="C4720" t="s">
        <v>4230</v>
      </c>
      <c r="D4720" t="s">
        <v>4260</v>
      </c>
    </row>
    <row r="4721" spans="1:4" x14ac:dyDescent="0.4">
      <c r="A4721">
        <v>3680002</v>
      </c>
      <c r="B4721" t="s">
        <v>1636</v>
      </c>
      <c r="C4721" t="s">
        <v>4230</v>
      </c>
      <c r="D4721" t="s">
        <v>4261</v>
      </c>
    </row>
    <row r="4722" spans="1:4" x14ac:dyDescent="0.4">
      <c r="A4722">
        <v>3691903</v>
      </c>
      <c r="B4722" t="s">
        <v>1636</v>
      </c>
      <c r="C4722" t="s">
        <v>4230</v>
      </c>
      <c r="D4722" t="s">
        <v>4262</v>
      </c>
    </row>
    <row r="4723" spans="1:4" x14ac:dyDescent="0.4">
      <c r="A4723">
        <v>3680043</v>
      </c>
      <c r="B4723" t="s">
        <v>1636</v>
      </c>
      <c r="C4723" t="s">
        <v>4230</v>
      </c>
      <c r="D4723" t="s">
        <v>1585</v>
      </c>
    </row>
    <row r="4724" spans="1:4" x14ac:dyDescent="0.4">
      <c r="A4724">
        <v>3680022</v>
      </c>
      <c r="B4724" t="s">
        <v>1636</v>
      </c>
      <c r="C4724" t="s">
        <v>4230</v>
      </c>
      <c r="D4724" t="s">
        <v>4263</v>
      </c>
    </row>
    <row r="4725" spans="1:4" x14ac:dyDescent="0.4">
      <c r="A4725">
        <v>3680051</v>
      </c>
      <c r="B4725" t="s">
        <v>1636</v>
      </c>
      <c r="C4725" t="s">
        <v>4230</v>
      </c>
      <c r="D4725" t="s">
        <v>4264</v>
      </c>
    </row>
    <row r="4726" spans="1:4" x14ac:dyDescent="0.4">
      <c r="A4726">
        <v>3680013</v>
      </c>
      <c r="B4726" t="s">
        <v>1636</v>
      </c>
      <c r="C4726" t="s">
        <v>4230</v>
      </c>
      <c r="D4726" t="s">
        <v>4265</v>
      </c>
    </row>
    <row r="4727" spans="1:4" x14ac:dyDescent="0.4">
      <c r="A4727">
        <v>3680033</v>
      </c>
      <c r="B4727" t="s">
        <v>1636</v>
      </c>
      <c r="C4727" t="s">
        <v>4230</v>
      </c>
      <c r="D4727" t="s">
        <v>4266</v>
      </c>
    </row>
    <row r="4728" spans="1:4" x14ac:dyDescent="0.4">
      <c r="A4728">
        <v>3680041</v>
      </c>
      <c r="B4728" t="s">
        <v>1636</v>
      </c>
      <c r="C4728" t="s">
        <v>4230</v>
      </c>
      <c r="D4728" t="s">
        <v>4267</v>
      </c>
    </row>
    <row r="4729" spans="1:4" x14ac:dyDescent="0.4">
      <c r="A4729">
        <v>3680042</v>
      </c>
      <c r="B4729" t="s">
        <v>1636</v>
      </c>
      <c r="C4729" t="s">
        <v>4230</v>
      </c>
      <c r="D4729" t="s">
        <v>1526</v>
      </c>
    </row>
    <row r="4730" spans="1:4" x14ac:dyDescent="0.4">
      <c r="A4730">
        <v>3680034</v>
      </c>
      <c r="B4730" t="s">
        <v>1636</v>
      </c>
      <c r="C4730" t="s">
        <v>4230</v>
      </c>
      <c r="D4730" t="s">
        <v>4268</v>
      </c>
    </row>
    <row r="4731" spans="1:4" x14ac:dyDescent="0.4">
      <c r="A4731">
        <v>3680054</v>
      </c>
      <c r="B4731" t="s">
        <v>1636</v>
      </c>
      <c r="C4731" t="s">
        <v>4230</v>
      </c>
      <c r="D4731" t="s">
        <v>1606</v>
      </c>
    </row>
    <row r="4732" spans="1:4" x14ac:dyDescent="0.4">
      <c r="A4732">
        <v>3680066</v>
      </c>
      <c r="B4732" t="s">
        <v>1636</v>
      </c>
      <c r="C4732" t="s">
        <v>4230</v>
      </c>
      <c r="D4732" t="s">
        <v>1467</v>
      </c>
    </row>
    <row r="4733" spans="1:4" x14ac:dyDescent="0.4">
      <c r="A4733">
        <v>3680062</v>
      </c>
      <c r="B4733" t="s">
        <v>1636</v>
      </c>
      <c r="C4733" t="s">
        <v>4230</v>
      </c>
      <c r="D4733" t="s">
        <v>4269</v>
      </c>
    </row>
    <row r="4734" spans="1:4" x14ac:dyDescent="0.4">
      <c r="A4734">
        <v>3691902</v>
      </c>
      <c r="B4734" t="s">
        <v>1636</v>
      </c>
      <c r="C4734" t="s">
        <v>4230</v>
      </c>
      <c r="D4734" t="s">
        <v>4270</v>
      </c>
    </row>
    <row r="4735" spans="1:4" x14ac:dyDescent="0.4">
      <c r="A4735">
        <v>3680067</v>
      </c>
      <c r="B4735" t="s">
        <v>1636</v>
      </c>
      <c r="C4735" t="s">
        <v>4230</v>
      </c>
      <c r="D4735" t="s">
        <v>4271</v>
      </c>
    </row>
    <row r="4736" spans="1:4" x14ac:dyDescent="0.4">
      <c r="A4736">
        <v>3680046</v>
      </c>
      <c r="B4736" t="s">
        <v>1636</v>
      </c>
      <c r="C4736" t="s">
        <v>4230</v>
      </c>
      <c r="D4736" t="s">
        <v>4272</v>
      </c>
    </row>
    <row r="4737" spans="1:4" x14ac:dyDescent="0.4">
      <c r="A4737">
        <v>3680044</v>
      </c>
      <c r="B4737" t="s">
        <v>1636</v>
      </c>
      <c r="C4737" t="s">
        <v>4230</v>
      </c>
      <c r="D4737" t="s">
        <v>403</v>
      </c>
    </row>
    <row r="4738" spans="1:4" x14ac:dyDescent="0.4">
      <c r="A4738">
        <v>3680015</v>
      </c>
      <c r="B4738" t="s">
        <v>1636</v>
      </c>
      <c r="C4738" t="s">
        <v>4230</v>
      </c>
      <c r="D4738" t="s">
        <v>4273</v>
      </c>
    </row>
    <row r="4739" spans="1:4" x14ac:dyDescent="0.4">
      <c r="A4739">
        <v>3680004</v>
      </c>
      <c r="B4739" t="s">
        <v>1636</v>
      </c>
      <c r="C4739" t="s">
        <v>4230</v>
      </c>
      <c r="D4739" t="s">
        <v>3729</v>
      </c>
    </row>
    <row r="4740" spans="1:4" x14ac:dyDescent="0.4">
      <c r="A4740">
        <v>3691502</v>
      </c>
      <c r="B4740" t="s">
        <v>1636</v>
      </c>
      <c r="C4740" t="s">
        <v>4230</v>
      </c>
      <c r="D4740" t="s">
        <v>4274</v>
      </c>
    </row>
    <row r="4741" spans="1:4" x14ac:dyDescent="0.4">
      <c r="A4741">
        <v>3691504</v>
      </c>
      <c r="B4741" t="s">
        <v>1636</v>
      </c>
      <c r="C4741" t="s">
        <v>4230</v>
      </c>
      <c r="D4741" t="s">
        <v>4275</v>
      </c>
    </row>
    <row r="4742" spans="1:4" x14ac:dyDescent="0.4">
      <c r="A4742">
        <v>3691506</v>
      </c>
      <c r="B4742" t="s">
        <v>1636</v>
      </c>
      <c r="C4742" t="s">
        <v>4230</v>
      </c>
      <c r="D4742" t="s">
        <v>4276</v>
      </c>
    </row>
    <row r="4743" spans="1:4" x14ac:dyDescent="0.4">
      <c r="A4743">
        <v>3691501</v>
      </c>
      <c r="B4743" t="s">
        <v>1636</v>
      </c>
      <c r="C4743" t="s">
        <v>4230</v>
      </c>
      <c r="D4743" t="s">
        <v>4277</v>
      </c>
    </row>
    <row r="4744" spans="1:4" x14ac:dyDescent="0.4">
      <c r="A4744">
        <v>3590000</v>
      </c>
      <c r="B4744" t="s">
        <v>1636</v>
      </c>
      <c r="C4744" t="s">
        <v>4278</v>
      </c>
    </row>
    <row r="4745" spans="1:4" x14ac:dyDescent="0.4">
      <c r="A4745">
        <v>3591105</v>
      </c>
      <c r="B4745" t="s">
        <v>1636</v>
      </c>
      <c r="C4745" t="s">
        <v>4278</v>
      </c>
      <c r="D4745" t="s">
        <v>577</v>
      </c>
    </row>
    <row r="4746" spans="1:4" x14ac:dyDescent="0.4">
      <c r="A4746">
        <v>3590036</v>
      </c>
      <c r="B4746" t="s">
        <v>1636</v>
      </c>
      <c r="C4746" t="s">
        <v>4278</v>
      </c>
      <c r="D4746" t="s">
        <v>222</v>
      </c>
    </row>
    <row r="4747" spans="1:4" x14ac:dyDescent="0.4">
      <c r="A4747">
        <v>3591133</v>
      </c>
      <c r="B4747" t="s">
        <v>1636</v>
      </c>
      <c r="C4747" t="s">
        <v>4278</v>
      </c>
      <c r="D4747" t="s">
        <v>4279</v>
      </c>
    </row>
    <row r="4748" spans="1:4" x14ac:dyDescent="0.4">
      <c r="A4748">
        <v>3591112</v>
      </c>
      <c r="B4748" t="s">
        <v>1636</v>
      </c>
      <c r="C4748" t="s">
        <v>4278</v>
      </c>
      <c r="D4748" t="s">
        <v>1528</v>
      </c>
    </row>
    <row r="4749" spans="1:4" x14ac:dyDescent="0.4">
      <c r="A4749">
        <v>3591102</v>
      </c>
      <c r="B4749" t="s">
        <v>1636</v>
      </c>
      <c r="C4749" t="s">
        <v>4278</v>
      </c>
      <c r="D4749" t="s">
        <v>4280</v>
      </c>
    </row>
    <row r="4750" spans="1:4" x14ac:dyDescent="0.4">
      <c r="A4750">
        <v>3590026</v>
      </c>
      <c r="B4750" t="s">
        <v>1636</v>
      </c>
      <c r="C4750" t="s">
        <v>4278</v>
      </c>
      <c r="D4750" t="s">
        <v>4281</v>
      </c>
    </row>
    <row r="4751" spans="1:4" x14ac:dyDescent="0.4">
      <c r="A4751">
        <v>3591104</v>
      </c>
      <c r="B4751" t="s">
        <v>1636</v>
      </c>
      <c r="C4751" t="s">
        <v>4278</v>
      </c>
      <c r="D4751" t="s">
        <v>2696</v>
      </c>
    </row>
    <row r="4752" spans="1:4" x14ac:dyDescent="0.4">
      <c r="A4752">
        <v>3591128</v>
      </c>
      <c r="B4752" t="s">
        <v>1636</v>
      </c>
      <c r="C4752" t="s">
        <v>4278</v>
      </c>
      <c r="D4752" t="s">
        <v>4282</v>
      </c>
    </row>
    <row r="4753" spans="1:4" x14ac:dyDescent="0.4">
      <c r="A4753">
        <v>3591142</v>
      </c>
      <c r="B4753" t="s">
        <v>1636</v>
      </c>
      <c r="C4753" t="s">
        <v>4278</v>
      </c>
      <c r="D4753" t="s">
        <v>4283</v>
      </c>
    </row>
    <row r="4754" spans="1:4" x14ac:dyDescent="0.4">
      <c r="A4754">
        <v>3590025</v>
      </c>
      <c r="B4754" t="s">
        <v>1636</v>
      </c>
      <c r="C4754" t="s">
        <v>4278</v>
      </c>
      <c r="D4754" t="s">
        <v>4284</v>
      </c>
    </row>
    <row r="4755" spans="1:4" x14ac:dyDescent="0.4">
      <c r="A4755">
        <v>3591153</v>
      </c>
      <c r="B4755" t="s">
        <v>1636</v>
      </c>
      <c r="C4755" t="s">
        <v>4278</v>
      </c>
      <c r="D4755" t="s">
        <v>4285</v>
      </c>
    </row>
    <row r="4756" spans="1:4" x14ac:dyDescent="0.4">
      <c r="A4756">
        <v>3590005</v>
      </c>
      <c r="B4756" t="s">
        <v>1636</v>
      </c>
      <c r="C4756" t="s">
        <v>4278</v>
      </c>
      <c r="D4756" t="s">
        <v>4286</v>
      </c>
    </row>
    <row r="4757" spans="1:4" x14ac:dyDescent="0.4">
      <c r="A4757">
        <v>3590014</v>
      </c>
      <c r="B4757" t="s">
        <v>1636</v>
      </c>
      <c r="C4757" t="s">
        <v>4278</v>
      </c>
      <c r="D4757" t="s">
        <v>4287</v>
      </c>
    </row>
    <row r="4758" spans="1:4" x14ac:dyDescent="0.4">
      <c r="A4758">
        <v>3590038</v>
      </c>
      <c r="B4758" t="s">
        <v>1636</v>
      </c>
      <c r="C4758" t="s">
        <v>4278</v>
      </c>
      <c r="D4758" t="s">
        <v>4288</v>
      </c>
    </row>
    <row r="4759" spans="1:4" x14ac:dyDescent="0.4">
      <c r="A4759">
        <v>3590007</v>
      </c>
      <c r="B4759" t="s">
        <v>1636</v>
      </c>
      <c r="C4759" t="s">
        <v>4278</v>
      </c>
      <c r="D4759" t="s">
        <v>4289</v>
      </c>
    </row>
    <row r="4760" spans="1:4" x14ac:dyDescent="0.4">
      <c r="A4760">
        <v>3590046</v>
      </c>
      <c r="B4760" t="s">
        <v>1636</v>
      </c>
      <c r="C4760" t="s">
        <v>4278</v>
      </c>
      <c r="D4760" t="s">
        <v>4290</v>
      </c>
    </row>
    <row r="4761" spans="1:4" x14ac:dyDescent="0.4">
      <c r="A4761">
        <v>3591101</v>
      </c>
      <c r="B4761" t="s">
        <v>1636</v>
      </c>
      <c r="C4761" t="s">
        <v>4278</v>
      </c>
      <c r="D4761" t="s">
        <v>4291</v>
      </c>
    </row>
    <row r="4762" spans="1:4" x14ac:dyDescent="0.4">
      <c r="A4762">
        <v>3591152</v>
      </c>
      <c r="B4762" t="s">
        <v>1636</v>
      </c>
      <c r="C4762" t="s">
        <v>4278</v>
      </c>
      <c r="D4762" t="s">
        <v>3345</v>
      </c>
    </row>
    <row r="4763" spans="1:4" x14ac:dyDescent="0.4">
      <c r="A4763">
        <v>3591155</v>
      </c>
      <c r="B4763" t="s">
        <v>1636</v>
      </c>
      <c r="C4763" t="s">
        <v>4278</v>
      </c>
      <c r="D4763" t="s">
        <v>4292</v>
      </c>
    </row>
    <row r="4764" spans="1:4" x14ac:dyDescent="0.4">
      <c r="A4764">
        <v>3591156</v>
      </c>
      <c r="B4764" t="s">
        <v>1636</v>
      </c>
      <c r="C4764" t="s">
        <v>4278</v>
      </c>
      <c r="D4764" t="s">
        <v>4293</v>
      </c>
    </row>
    <row r="4765" spans="1:4" x14ac:dyDescent="0.4">
      <c r="A4765">
        <v>3590004</v>
      </c>
      <c r="B4765" t="s">
        <v>1636</v>
      </c>
      <c r="C4765" t="s">
        <v>4278</v>
      </c>
      <c r="D4765" t="s">
        <v>4294</v>
      </c>
    </row>
    <row r="4766" spans="1:4" x14ac:dyDescent="0.4">
      <c r="A4766">
        <v>3591113</v>
      </c>
      <c r="B4766" t="s">
        <v>1636</v>
      </c>
      <c r="C4766" t="s">
        <v>4278</v>
      </c>
      <c r="D4766" t="s">
        <v>4295</v>
      </c>
    </row>
    <row r="4767" spans="1:4" x14ac:dyDescent="0.4">
      <c r="A4767">
        <v>3591114</v>
      </c>
      <c r="B4767" t="s">
        <v>1636</v>
      </c>
      <c r="C4767" t="s">
        <v>4278</v>
      </c>
      <c r="D4767" t="s">
        <v>4296</v>
      </c>
    </row>
    <row r="4768" spans="1:4" x14ac:dyDescent="0.4">
      <c r="A4768">
        <v>3590037</v>
      </c>
      <c r="B4768" t="s">
        <v>1636</v>
      </c>
      <c r="C4768" t="s">
        <v>4278</v>
      </c>
      <c r="D4768" t="s">
        <v>4297</v>
      </c>
    </row>
    <row r="4769" spans="1:4" x14ac:dyDescent="0.4">
      <c r="A4769">
        <v>3591131</v>
      </c>
      <c r="B4769" t="s">
        <v>1636</v>
      </c>
      <c r="C4769" t="s">
        <v>4278</v>
      </c>
      <c r="D4769" t="s">
        <v>4298</v>
      </c>
    </row>
    <row r="4770" spans="1:4" x14ac:dyDescent="0.4">
      <c r="A4770">
        <v>3591118</v>
      </c>
      <c r="B4770" t="s">
        <v>1636</v>
      </c>
      <c r="C4770" t="s">
        <v>4278</v>
      </c>
      <c r="D4770" t="s">
        <v>2015</v>
      </c>
    </row>
    <row r="4771" spans="1:4" x14ac:dyDescent="0.4">
      <c r="A4771">
        <v>3591166</v>
      </c>
      <c r="B4771" t="s">
        <v>1636</v>
      </c>
      <c r="C4771" t="s">
        <v>4278</v>
      </c>
      <c r="D4771" t="s">
        <v>4299</v>
      </c>
    </row>
    <row r="4772" spans="1:4" x14ac:dyDescent="0.4">
      <c r="A4772">
        <v>3591103</v>
      </c>
      <c r="B4772" t="s">
        <v>1636</v>
      </c>
      <c r="C4772" t="s">
        <v>4278</v>
      </c>
      <c r="D4772" t="s">
        <v>4300</v>
      </c>
    </row>
    <row r="4773" spans="1:4" x14ac:dyDescent="0.4">
      <c r="A4773">
        <v>3591141</v>
      </c>
      <c r="B4773" t="s">
        <v>1636</v>
      </c>
      <c r="C4773" t="s">
        <v>4278</v>
      </c>
      <c r="D4773" t="s">
        <v>4301</v>
      </c>
    </row>
    <row r="4774" spans="1:4" x14ac:dyDescent="0.4">
      <c r="A4774">
        <v>3591146</v>
      </c>
      <c r="B4774" t="s">
        <v>1636</v>
      </c>
      <c r="C4774" t="s">
        <v>4278</v>
      </c>
      <c r="D4774" t="s">
        <v>4302</v>
      </c>
    </row>
    <row r="4775" spans="1:4" x14ac:dyDescent="0.4">
      <c r="A4775">
        <v>3591147</v>
      </c>
      <c r="B4775" t="s">
        <v>1636</v>
      </c>
      <c r="C4775" t="s">
        <v>4278</v>
      </c>
      <c r="D4775" t="s">
        <v>4303</v>
      </c>
    </row>
    <row r="4776" spans="1:4" x14ac:dyDescent="0.4">
      <c r="A4776">
        <v>3591122</v>
      </c>
      <c r="B4776" t="s">
        <v>1636</v>
      </c>
      <c r="C4776" t="s">
        <v>4278</v>
      </c>
      <c r="D4776" t="s">
        <v>1740</v>
      </c>
    </row>
    <row r="4777" spans="1:4" x14ac:dyDescent="0.4">
      <c r="A4777">
        <v>3590033</v>
      </c>
      <c r="B4777" t="s">
        <v>1636</v>
      </c>
      <c r="C4777" t="s">
        <v>4278</v>
      </c>
      <c r="D4777" t="s">
        <v>4304</v>
      </c>
    </row>
    <row r="4778" spans="1:4" x14ac:dyDescent="0.4">
      <c r="A4778">
        <v>3590012</v>
      </c>
      <c r="B4778" t="s">
        <v>1636</v>
      </c>
      <c r="C4778" t="s">
        <v>4278</v>
      </c>
      <c r="D4778" t="s">
        <v>4305</v>
      </c>
    </row>
    <row r="4779" spans="1:4" x14ac:dyDescent="0.4">
      <c r="A4779">
        <v>3591161</v>
      </c>
      <c r="B4779" t="s">
        <v>1636</v>
      </c>
      <c r="C4779" t="s">
        <v>4278</v>
      </c>
      <c r="D4779" t="s">
        <v>4306</v>
      </c>
    </row>
    <row r="4780" spans="1:4" x14ac:dyDescent="0.4">
      <c r="A4780">
        <v>3590031</v>
      </c>
      <c r="B4780" t="s">
        <v>1636</v>
      </c>
      <c r="C4780" t="s">
        <v>4278</v>
      </c>
      <c r="D4780" t="s">
        <v>4307</v>
      </c>
    </row>
    <row r="4781" spans="1:4" x14ac:dyDescent="0.4">
      <c r="A4781">
        <v>3590001</v>
      </c>
      <c r="B4781" t="s">
        <v>1636</v>
      </c>
      <c r="C4781" t="s">
        <v>4278</v>
      </c>
      <c r="D4781" t="s">
        <v>4308</v>
      </c>
    </row>
    <row r="4782" spans="1:4" x14ac:dyDescent="0.4">
      <c r="A4782">
        <v>3590024</v>
      </c>
      <c r="B4782" t="s">
        <v>1636</v>
      </c>
      <c r="C4782" t="s">
        <v>4278</v>
      </c>
      <c r="D4782" t="s">
        <v>4309</v>
      </c>
    </row>
    <row r="4783" spans="1:4" x14ac:dyDescent="0.4">
      <c r="A4783">
        <v>3591154</v>
      </c>
      <c r="B4783" t="s">
        <v>1636</v>
      </c>
      <c r="C4783" t="s">
        <v>4278</v>
      </c>
      <c r="D4783" t="s">
        <v>4310</v>
      </c>
    </row>
    <row r="4784" spans="1:4" x14ac:dyDescent="0.4">
      <c r="A4784">
        <v>3590013</v>
      </c>
      <c r="B4784" t="s">
        <v>1636</v>
      </c>
      <c r="C4784" t="s">
        <v>4278</v>
      </c>
      <c r="D4784" t="s">
        <v>362</v>
      </c>
    </row>
    <row r="4785" spans="1:4" x14ac:dyDescent="0.4">
      <c r="A4785">
        <v>3590016</v>
      </c>
      <c r="B4785" t="s">
        <v>1636</v>
      </c>
      <c r="C4785" t="s">
        <v>4278</v>
      </c>
      <c r="D4785" t="s">
        <v>4311</v>
      </c>
    </row>
    <row r="4786" spans="1:4" x14ac:dyDescent="0.4">
      <c r="A4786">
        <v>3590006</v>
      </c>
      <c r="B4786" t="s">
        <v>1636</v>
      </c>
      <c r="C4786" t="s">
        <v>4278</v>
      </c>
      <c r="D4786" t="s">
        <v>4312</v>
      </c>
    </row>
    <row r="4787" spans="1:4" x14ac:dyDescent="0.4">
      <c r="A4787">
        <v>3590041</v>
      </c>
      <c r="B4787" t="s">
        <v>1636</v>
      </c>
      <c r="C4787" t="s">
        <v>4278</v>
      </c>
      <c r="D4787" t="s">
        <v>4313</v>
      </c>
    </row>
    <row r="4788" spans="1:4" x14ac:dyDescent="0.4">
      <c r="A4788">
        <v>3590002</v>
      </c>
      <c r="B4788" t="s">
        <v>1636</v>
      </c>
      <c r="C4788" t="s">
        <v>4278</v>
      </c>
      <c r="D4788" t="s">
        <v>4153</v>
      </c>
    </row>
    <row r="4789" spans="1:4" x14ac:dyDescent="0.4">
      <c r="A4789">
        <v>3430803</v>
      </c>
      <c r="B4789" t="s">
        <v>1636</v>
      </c>
      <c r="C4789" t="s">
        <v>4314</v>
      </c>
      <c r="D4789" t="s">
        <v>4315</v>
      </c>
    </row>
    <row r="4790" spans="1:4" x14ac:dyDescent="0.4">
      <c r="A4790">
        <v>3580041</v>
      </c>
      <c r="B4790" t="s">
        <v>1636</v>
      </c>
      <c r="C4790" t="s">
        <v>4316</v>
      </c>
      <c r="D4790" t="s">
        <v>4317</v>
      </c>
    </row>
    <row r="4791" spans="1:4" x14ac:dyDescent="0.4">
      <c r="A4791">
        <v>3510103</v>
      </c>
      <c r="B4791" t="s">
        <v>1636</v>
      </c>
      <c r="C4791" t="s">
        <v>4318</v>
      </c>
      <c r="D4791" t="s">
        <v>4319</v>
      </c>
    </row>
    <row r="4792" spans="1:4" x14ac:dyDescent="0.4">
      <c r="A4792">
        <v>3500138</v>
      </c>
      <c r="B4792" t="s">
        <v>1636</v>
      </c>
      <c r="C4792" t="s">
        <v>4320</v>
      </c>
      <c r="D4792" t="s">
        <v>4321</v>
      </c>
    </row>
    <row r="4793" spans="1:4" x14ac:dyDescent="0.4">
      <c r="A4793">
        <v>3550100</v>
      </c>
      <c r="B4793" t="s">
        <v>1636</v>
      </c>
      <c r="C4793" t="s">
        <v>4322</v>
      </c>
    </row>
    <row r="4794" spans="1:4" x14ac:dyDescent="0.4">
      <c r="A4794">
        <v>3550131</v>
      </c>
      <c r="B4794" t="s">
        <v>1636</v>
      </c>
      <c r="C4794" t="s">
        <v>4322</v>
      </c>
      <c r="D4794" t="s">
        <v>4323</v>
      </c>
    </row>
    <row r="4795" spans="1:4" x14ac:dyDescent="0.4">
      <c r="A4795">
        <v>3550132</v>
      </c>
      <c r="B4795" t="s">
        <v>1636</v>
      </c>
      <c r="C4795" t="s">
        <v>4322</v>
      </c>
      <c r="D4795" t="s">
        <v>4324</v>
      </c>
    </row>
    <row r="4796" spans="1:4" x14ac:dyDescent="0.4">
      <c r="A4796">
        <v>3550103</v>
      </c>
      <c r="B4796" t="s">
        <v>1636</v>
      </c>
      <c r="C4796" t="s">
        <v>4322</v>
      </c>
      <c r="D4796" t="s">
        <v>1713</v>
      </c>
    </row>
    <row r="4797" spans="1:4" x14ac:dyDescent="0.4">
      <c r="A4797">
        <v>3550136</v>
      </c>
      <c r="B4797" t="s">
        <v>1636</v>
      </c>
      <c r="C4797" t="s">
        <v>4322</v>
      </c>
      <c r="D4797" t="s">
        <v>4325</v>
      </c>
    </row>
    <row r="4798" spans="1:4" x14ac:dyDescent="0.4">
      <c r="A4798">
        <v>3550133</v>
      </c>
      <c r="B4798" t="s">
        <v>1636</v>
      </c>
      <c r="C4798" t="s">
        <v>4322</v>
      </c>
      <c r="D4798" t="s">
        <v>4326</v>
      </c>
    </row>
    <row r="4799" spans="1:4" x14ac:dyDescent="0.4">
      <c r="A4799">
        <v>3550134</v>
      </c>
      <c r="B4799" t="s">
        <v>1636</v>
      </c>
      <c r="C4799" t="s">
        <v>4322</v>
      </c>
      <c r="D4799" t="s">
        <v>4327</v>
      </c>
    </row>
    <row r="4800" spans="1:4" x14ac:dyDescent="0.4">
      <c r="A4800">
        <v>3550127</v>
      </c>
      <c r="B4800" t="s">
        <v>1636</v>
      </c>
      <c r="C4800" t="s">
        <v>4322</v>
      </c>
      <c r="D4800" t="s">
        <v>621</v>
      </c>
    </row>
    <row r="4801" spans="1:4" x14ac:dyDescent="0.4">
      <c r="A4801">
        <v>3550125</v>
      </c>
      <c r="B4801" t="s">
        <v>1636</v>
      </c>
      <c r="C4801" t="s">
        <v>4322</v>
      </c>
      <c r="D4801" t="s">
        <v>4328</v>
      </c>
    </row>
    <row r="4802" spans="1:4" x14ac:dyDescent="0.4">
      <c r="A4802">
        <v>3550115</v>
      </c>
      <c r="B4802" t="s">
        <v>1636</v>
      </c>
      <c r="C4802" t="s">
        <v>4322</v>
      </c>
      <c r="D4802" t="s">
        <v>4329</v>
      </c>
    </row>
    <row r="4803" spans="1:4" x14ac:dyDescent="0.4">
      <c r="A4803">
        <v>3550105</v>
      </c>
      <c r="B4803" t="s">
        <v>1636</v>
      </c>
      <c r="C4803" t="s">
        <v>4322</v>
      </c>
      <c r="D4803" t="s">
        <v>1945</v>
      </c>
    </row>
    <row r="4804" spans="1:4" x14ac:dyDescent="0.4">
      <c r="A4804">
        <v>3550165</v>
      </c>
      <c r="B4804" t="s">
        <v>1636</v>
      </c>
      <c r="C4804" t="s">
        <v>4322</v>
      </c>
      <c r="D4804" t="s">
        <v>4330</v>
      </c>
    </row>
    <row r="4805" spans="1:4" x14ac:dyDescent="0.4">
      <c r="A4805">
        <v>3550111</v>
      </c>
      <c r="B4805" t="s">
        <v>1636</v>
      </c>
      <c r="C4805" t="s">
        <v>4322</v>
      </c>
      <c r="D4805" t="s">
        <v>4331</v>
      </c>
    </row>
    <row r="4806" spans="1:4" x14ac:dyDescent="0.4">
      <c r="A4806">
        <v>3550155</v>
      </c>
      <c r="B4806" t="s">
        <v>1636</v>
      </c>
      <c r="C4806" t="s">
        <v>4322</v>
      </c>
      <c r="D4806" t="s">
        <v>4332</v>
      </c>
    </row>
    <row r="4807" spans="1:4" x14ac:dyDescent="0.4">
      <c r="A4807">
        <v>3550137</v>
      </c>
      <c r="B4807" t="s">
        <v>1636</v>
      </c>
      <c r="C4807" t="s">
        <v>4322</v>
      </c>
      <c r="D4807" t="s">
        <v>2192</v>
      </c>
    </row>
    <row r="4808" spans="1:4" x14ac:dyDescent="0.4">
      <c r="A4808">
        <v>3550124</v>
      </c>
      <c r="B4808" t="s">
        <v>1636</v>
      </c>
      <c r="C4808" t="s">
        <v>4322</v>
      </c>
      <c r="D4808" t="s">
        <v>4333</v>
      </c>
    </row>
    <row r="4809" spans="1:4" x14ac:dyDescent="0.4">
      <c r="A4809">
        <v>3550153</v>
      </c>
      <c r="B4809" t="s">
        <v>1636</v>
      </c>
      <c r="C4809" t="s">
        <v>4322</v>
      </c>
      <c r="D4809" t="s">
        <v>4334</v>
      </c>
    </row>
    <row r="4810" spans="1:4" x14ac:dyDescent="0.4">
      <c r="A4810">
        <v>3550166</v>
      </c>
      <c r="B4810" t="s">
        <v>1636</v>
      </c>
      <c r="C4810" t="s">
        <v>4322</v>
      </c>
      <c r="D4810" t="s">
        <v>4335</v>
      </c>
    </row>
    <row r="4811" spans="1:4" x14ac:dyDescent="0.4">
      <c r="A4811">
        <v>3550164</v>
      </c>
      <c r="B4811" t="s">
        <v>1636</v>
      </c>
      <c r="C4811" t="s">
        <v>4322</v>
      </c>
      <c r="D4811" t="s">
        <v>4336</v>
      </c>
    </row>
    <row r="4812" spans="1:4" x14ac:dyDescent="0.4">
      <c r="A4812">
        <v>3550151</v>
      </c>
      <c r="B4812" t="s">
        <v>1636</v>
      </c>
      <c r="C4812" t="s">
        <v>4322</v>
      </c>
      <c r="D4812" t="s">
        <v>4337</v>
      </c>
    </row>
    <row r="4813" spans="1:4" x14ac:dyDescent="0.4">
      <c r="A4813">
        <v>3550114</v>
      </c>
      <c r="B4813" t="s">
        <v>1636</v>
      </c>
      <c r="C4813" t="s">
        <v>4322</v>
      </c>
      <c r="D4813" t="s">
        <v>4338</v>
      </c>
    </row>
    <row r="4814" spans="1:4" x14ac:dyDescent="0.4">
      <c r="A4814">
        <v>3550113</v>
      </c>
      <c r="B4814" t="s">
        <v>1636</v>
      </c>
      <c r="C4814" t="s">
        <v>4322</v>
      </c>
      <c r="D4814" t="s">
        <v>4339</v>
      </c>
    </row>
    <row r="4815" spans="1:4" x14ac:dyDescent="0.4">
      <c r="A4815">
        <v>3550104</v>
      </c>
      <c r="B4815" t="s">
        <v>1636</v>
      </c>
      <c r="C4815" t="s">
        <v>4322</v>
      </c>
      <c r="D4815" t="s">
        <v>4340</v>
      </c>
    </row>
    <row r="4816" spans="1:4" x14ac:dyDescent="0.4">
      <c r="A4816">
        <v>3550116</v>
      </c>
      <c r="B4816" t="s">
        <v>1636</v>
      </c>
      <c r="C4816" t="s">
        <v>4322</v>
      </c>
      <c r="D4816" t="s">
        <v>4341</v>
      </c>
    </row>
    <row r="4817" spans="1:4" x14ac:dyDescent="0.4">
      <c r="A4817">
        <v>3550118</v>
      </c>
      <c r="B4817" t="s">
        <v>1636</v>
      </c>
      <c r="C4817" t="s">
        <v>4322</v>
      </c>
      <c r="D4817" t="s">
        <v>4342</v>
      </c>
    </row>
    <row r="4818" spans="1:4" x14ac:dyDescent="0.4">
      <c r="A4818">
        <v>3550123</v>
      </c>
      <c r="B4818" t="s">
        <v>1636</v>
      </c>
      <c r="C4818" t="s">
        <v>4322</v>
      </c>
      <c r="D4818" t="s">
        <v>4343</v>
      </c>
    </row>
    <row r="4819" spans="1:4" x14ac:dyDescent="0.4">
      <c r="A4819">
        <v>3550122</v>
      </c>
      <c r="B4819" t="s">
        <v>1636</v>
      </c>
      <c r="C4819" t="s">
        <v>4322</v>
      </c>
      <c r="D4819" t="s">
        <v>4344</v>
      </c>
    </row>
    <row r="4820" spans="1:4" x14ac:dyDescent="0.4">
      <c r="A4820">
        <v>3550167</v>
      </c>
      <c r="B4820" t="s">
        <v>1636</v>
      </c>
      <c r="C4820" t="s">
        <v>4322</v>
      </c>
      <c r="D4820" t="s">
        <v>4345</v>
      </c>
    </row>
    <row r="4821" spans="1:4" x14ac:dyDescent="0.4">
      <c r="A4821">
        <v>3550119</v>
      </c>
      <c r="B4821" t="s">
        <v>1636</v>
      </c>
      <c r="C4821" t="s">
        <v>4322</v>
      </c>
      <c r="D4821" t="s">
        <v>4313</v>
      </c>
    </row>
    <row r="4822" spans="1:4" x14ac:dyDescent="0.4">
      <c r="A4822">
        <v>3550106</v>
      </c>
      <c r="B4822" t="s">
        <v>1636</v>
      </c>
      <c r="C4822" t="s">
        <v>4322</v>
      </c>
      <c r="D4822" t="s">
        <v>4346</v>
      </c>
    </row>
    <row r="4823" spans="1:4" x14ac:dyDescent="0.4">
      <c r="A4823">
        <v>3550156</v>
      </c>
      <c r="B4823" t="s">
        <v>1636</v>
      </c>
      <c r="C4823" t="s">
        <v>4322</v>
      </c>
      <c r="D4823" t="s">
        <v>3209</v>
      </c>
    </row>
    <row r="4824" spans="1:4" x14ac:dyDescent="0.4">
      <c r="A4824">
        <v>3550157</v>
      </c>
      <c r="B4824" t="s">
        <v>1636</v>
      </c>
      <c r="C4824" t="s">
        <v>4322</v>
      </c>
      <c r="D4824" t="s">
        <v>4347</v>
      </c>
    </row>
    <row r="4825" spans="1:4" x14ac:dyDescent="0.4">
      <c r="A4825">
        <v>3550121</v>
      </c>
      <c r="B4825" t="s">
        <v>1636</v>
      </c>
      <c r="C4825" t="s">
        <v>4322</v>
      </c>
      <c r="D4825" t="s">
        <v>4348</v>
      </c>
    </row>
    <row r="4826" spans="1:4" x14ac:dyDescent="0.4">
      <c r="A4826">
        <v>3550110</v>
      </c>
      <c r="B4826" t="s">
        <v>1636</v>
      </c>
      <c r="C4826" t="s">
        <v>4322</v>
      </c>
      <c r="D4826" t="s">
        <v>2142</v>
      </c>
    </row>
    <row r="4827" spans="1:4" x14ac:dyDescent="0.4">
      <c r="A4827">
        <v>3550101</v>
      </c>
      <c r="B4827" t="s">
        <v>1636</v>
      </c>
      <c r="C4827" t="s">
        <v>4322</v>
      </c>
      <c r="D4827" t="s">
        <v>4349</v>
      </c>
    </row>
    <row r="4828" spans="1:4" x14ac:dyDescent="0.4">
      <c r="A4828">
        <v>3550163</v>
      </c>
      <c r="B4828" t="s">
        <v>1636</v>
      </c>
      <c r="C4828" t="s">
        <v>4322</v>
      </c>
      <c r="D4828" t="s">
        <v>4350</v>
      </c>
    </row>
    <row r="4829" spans="1:4" x14ac:dyDescent="0.4">
      <c r="A4829">
        <v>3550135</v>
      </c>
      <c r="B4829" t="s">
        <v>1636</v>
      </c>
      <c r="C4829" t="s">
        <v>4322</v>
      </c>
      <c r="D4829" t="s">
        <v>4351</v>
      </c>
    </row>
    <row r="4830" spans="1:4" x14ac:dyDescent="0.4">
      <c r="A4830">
        <v>3550162</v>
      </c>
      <c r="B4830" t="s">
        <v>1636</v>
      </c>
      <c r="C4830" t="s">
        <v>4322</v>
      </c>
      <c r="D4830" t="s">
        <v>2003</v>
      </c>
    </row>
    <row r="4831" spans="1:4" x14ac:dyDescent="0.4">
      <c r="A4831">
        <v>3550112</v>
      </c>
      <c r="B4831" t="s">
        <v>1636</v>
      </c>
      <c r="C4831" t="s">
        <v>4322</v>
      </c>
      <c r="D4831" t="s">
        <v>4352</v>
      </c>
    </row>
    <row r="4832" spans="1:4" x14ac:dyDescent="0.4">
      <c r="A4832">
        <v>3550126</v>
      </c>
      <c r="B4832" t="s">
        <v>1636</v>
      </c>
      <c r="C4832" t="s">
        <v>4322</v>
      </c>
      <c r="D4832" t="s">
        <v>4353</v>
      </c>
    </row>
    <row r="4833" spans="1:4" x14ac:dyDescent="0.4">
      <c r="A4833">
        <v>3550154</v>
      </c>
      <c r="B4833" t="s">
        <v>1636</v>
      </c>
      <c r="C4833" t="s">
        <v>4322</v>
      </c>
      <c r="D4833" t="s">
        <v>4354</v>
      </c>
    </row>
    <row r="4834" spans="1:4" x14ac:dyDescent="0.4">
      <c r="A4834">
        <v>3550102</v>
      </c>
      <c r="B4834" t="s">
        <v>1636</v>
      </c>
      <c r="C4834" t="s">
        <v>4322</v>
      </c>
      <c r="D4834" t="s">
        <v>4355</v>
      </c>
    </row>
    <row r="4835" spans="1:4" x14ac:dyDescent="0.4">
      <c r="A4835">
        <v>3550117</v>
      </c>
      <c r="B4835" t="s">
        <v>1636</v>
      </c>
      <c r="C4835" t="s">
        <v>4322</v>
      </c>
      <c r="D4835" t="s">
        <v>4356</v>
      </c>
    </row>
    <row r="4836" spans="1:4" x14ac:dyDescent="0.4">
      <c r="A4836">
        <v>3550161</v>
      </c>
      <c r="B4836" t="s">
        <v>1636</v>
      </c>
      <c r="C4836" t="s">
        <v>4322</v>
      </c>
      <c r="D4836" t="s">
        <v>4357</v>
      </c>
    </row>
    <row r="4837" spans="1:4" x14ac:dyDescent="0.4">
      <c r="A4837">
        <v>3550152</v>
      </c>
      <c r="B4837" t="s">
        <v>1636</v>
      </c>
      <c r="C4837" t="s">
        <v>4322</v>
      </c>
      <c r="D4837" t="s">
        <v>4358</v>
      </c>
    </row>
    <row r="4838" spans="1:4" x14ac:dyDescent="0.4">
      <c r="A4838">
        <v>3500300</v>
      </c>
      <c r="B4838" t="s">
        <v>1636</v>
      </c>
      <c r="C4838" t="s">
        <v>4359</v>
      </c>
    </row>
    <row r="4839" spans="1:4" x14ac:dyDescent="0.4">
      <c r="A4839">
        <v>3500321</v>
      </c>
      <c r="B4839" t="s">
        <v>1636</v>
      </c>
      <c r="C4839" t="s">
        <v>4359</v>
      </c>
      <c r="D4839" t="s">
        <v>4360</v>
      </c>
    </row>
    <row r="4840" spans="1:4" x14ac:dyDescent="0.4">
      <c r="A4840">
        <v>3500311</v>
      </c>
      <c r="B4840" t="s">
        <v>1636</v>
      </c>
      <c r="C4840" t="s">
        <v>4359</v>
      </c>
      <c r="D4840" t="s">
        <v>4361</v>
      </c>
    </row>
    <row r="4841" spans="1:4" x14ac:dyDescent="0.4">
      <c r="A4841">
        <v>3500305</v>
      </c>
      <c r="B4841" t="s">
        <v>1636</v>
      </c>
      <c r="C4841" t="s">
        <v>4359</v>
      </c>
      <c r="D4841" t="s">
        <v>4362</v>
      </c>
    </row>
    <row r="4842" spans="1:4" x14ac:dyDescent="0.4">
      <c r="A4842">
        <v>3500322</v>
      </c>
      <c r="B4842" t="s">
        <v>1636</v>
      </c>
      <c r="C4842" t="s">
        <v>4359</v>
      </c>
      <c r="D4842" t="s">
        <v>4363</v>
      </c>
    </row>
    <row r="4843" spans="1:4" x14ac:dyDescent="0.4">
      <c r="A4843">
        <v>3500302</v>
      </c>
      <c r="B4843" t="s">
        <v>1636</v>
      </c>
      <c r="C4843" t="s">
        <v>4359</v>
      </c>
      <c r="D4843" t="s">
        <v>225</v>
      </c>
    </row>
    <row r="4844" spans="1:4" x14ac:dyDescent="0.4">
      <c r="A4844">
        <v>3500301</v>
      </c>
      <c r="B4844" t="s">
        <v>1636</v>
      </c>
      <c r="C4844" t="s">
        <v>4359</v>
      </c>
      <c r="D4844" t="s">
        <v>4364</v>
      </c>
    </row>
    <row r="4845" spans="1:4" x14ac:dyDescent="0.4">
      <c r="A4845">
        <v>3500314</v>
      </c>
      <c r="B4845" t="s">
        <v>1636</v>
      </c>
      <c r="C4845" t="s">
        <v>4359</v>
      </c>
      <c r="D4845" t="s">
        <v>4365</v>
      </c>
    </row>
    <row r="4846" spans="1:4" x14ac:dyDescent="0.4">
      <c r="A4846">
        <v>3500303</v>
      </c>
      <c r="B4846" t="s">
        <v>1636</v>
      </c>
      <c r="C4846" t="s">
        <v>4359</v>
      </c>
      <c r="D4846" t="s">
        <v>4366</v>
      </c>
    </row>
    <row r="4847" spans="1:4" x14ac:dyDescent="0.4">
      <c r="A4847">
        <v>3500323</v>
      </c>
      <c r="B4847" t="s">
        <v>1636</v>
      </c>
      <c r="C4847" t="s">
        <v>4359</v>
      </c>
      <c r="D4847" t="s">
        <v>4367</v>
      </c>
    </row>
    <row r="4848" spans="1:4" x14ac:dyDescent="0.4">
      <c r="A4848">
        <v>3500307</v>
      </c>
      <c r="B4848" t="s">
        <v>1636</v>
      </c>
      <c r="C4848" t="s">
        <v>4359</v>
      </c>
      <c r="D4848" t="s">
        <v>4368</v>
      </c>
    </row>
    <row r="4849" spans="1:4" x14ac:dyDescent="0.4">
      <c r="A4849">
        <v>3500304</v>
      </c>
      <c r="B4849" t="s">
        <v>1636</v>
      </c>
      <c r="C4849" t="s">
        <v>4359</v>
      </c>
      <c r="D4849" t="s">
        <v>4369</v>
      </c>
    </row>
    <row r="4850" spans="1:4" x14ac:dyDescent="0.4">
      <c r="A4850">
        <v>3500306</v>
      </c>
      <c r="B4850" t="s">
        <v>1636</v>
      </c>
      <c r="C4850" t="s">
        <v>4359</v>
      </c>
      <c r="D4850" t="s">
        <v>4370</v>
      </c>
    </row>
    <row r="4851" spans="1:4" x14ac:dyDescent="0.4">
      <c r="A4851">
        <v>3500312</v>
      </c>
      <c r="B4851" t="s">
        <v>1636</v>
      </c>
      <c r="C4851" t="s">
        <v>4359</v>
      </c>
      <c r="D4851" t="s">
        <v>4371</v>
      </c>
    </row>
    <row r="4852" spans="1:4" x14ac:dyDescent="0.4">
      <c r="A4852">
        <v>3500313</v>
      </c>
      <c r="B4852" t="s">
        <v>1636</v>
      </c>
      <c r="C4852" t="s">
        <v>4359</v>
      </c>
      <c r="D4852" t="s">
        <v>657</v>
      </c>
    </row>
    <row r="4853" spans="1:4" x14ac:dyDescent="0.4">
      <c r="A4853">
        <v>3500324</v>
      </c>
      <c r="B4853" t="s">
        <v>1636</v>
      </c>
      <c r="C4853" t="s">
        <v>4359</v>
      </c>
      <c r="D4853" t="s">
        <v>4372</v>
      </c>
    </row>
    <row r="4854" spans="1:4" x14ac:dyDescent="0.4">
      <c r="A4854">
        <v>3550300</v>
      </c>
      <c r="B4854" t="s">
        <v>1636</v>
      </c>
      <c r="C4854" t="s">
        <v>4373</v>
      </c>
    </row>
    <row r="4855" spans="1:4" x14ac:dyDescent="0.4">
      <c r="A4855">
        <v>3550363</v>
      </c>
      <c r="B4855" t="s">
        <v>1636</v>
      </c>
      <c r="C4855" t="s">
        <v>4373</v>
      </c>
      <c r="D4855" t="s">
        <v>4374</v>
      </c>
    </row>
    <row r="4856" spans="1:4" x14ac:dyDescent="0.4">
      <c r="A4856">
        <v>3550366</v>
      </c>
      <c r="B4856" t="s">
        <v>1636</v>
      </c>
      <c r="C4856" t="s">
        <v>4373</v>
      </c>
      <c r="D4856" t="s">
        <v>4375</v>
      </c>
    </row>
    <row r="4857" spans="1:4" x14ac:dyDescent="0.4">
      <c r="A4857">
        <v>3550365</v>
      </c>
      <c r="B4857" t="s">
        <v>1636</v>
      </c>
      <c r="C4857" t="s">
        <v>4373</v>
      </c>
      <c r="D4857" t="s">
        <v>4376</v>
      </c>
    </row>
    <row r="4858" spans="1:4" x14ac:dyDescent="0.4">
      <c r="A4858">
        <v>3550351</v>
      </c>
      <c r="B4858" t="s">
        <v>1636</v>
      </c>
      <c r="C4858" t="s">
        <v>4373</v>
      </c>
      <c r="D4858" t="s">
        <v>4377</v>
      </c>
    </row>
    <row r="4859" spans="1:4" x14ac:dyDescent="0.4">
      <c r="A4859">
        <v>3550343</v>
      </c>
      <c r="B4859" t="s">
        <v>1636</v>
      </c>
      <c r="C4859" t="s">
        <v>4373</v>
      </c>
      <c r="D4859" t="s">
        <v>4378</v>
      </c>
    </row>
    <row r="4860" spans="1:4" x14ac:dyDescent="0.4">
      <c r="A4860">
        <v>3550356</v>
      </c>
      <c r="B4860" t="s">
        <v>1636</v>
      </c>
      <c r="C4860" t="s">
        <v>4373</v>
      </c>
      <c r="D4860" t="s">
        <v>4379</v>
      </c>
    </row>
    <row r="4861" spans="1:4" x14ac:dyDescent="0.4">
      <c r="A4861">
        <v>3550358</v>
      </c>
      <c r="B4861" t="s">
        <v>1636</v>
      </c>
      <c r="C4861" t="s">
        <v>4373</v>
      </c>
      <c r="D4861" t="s">
        <v>4380</v>
      </c>
    </row>
    <row r="4862" spans="1:4" x14ac:dyDescent="0.4">
      <c r="A4862">
        <v>3550359</v>
      </c>
      <c r="B4862" t="s">
        <v>1636</v>
      </c>
      <c r="C4862" t="s">
        <v>4373</v>
      </c>
      <c r="D4862" t="s">
        <v>4381</v>
      </c>
    </row>
    <row r="4863" spans="1:4" x14ac:dyDescent="0.4">
      <c r="A4863">
        <v>3550341</v>
      </c>
      <c r="B4863" t="s">
        <v>1636</v>
      </c>
      <c r="C4863" t="s">
        <v>4373</v>
      </c>
      <c r="D4863" t="s">
        <v>4382</v>
      </c>
    </row>
    <row r="4864" spans="1:4" x14ac:dyDescent="0.4">
      <c r="A4864">
        <v>3550357</v>
      </c>
      <c r="B4864" t="s">
        <v>1636</v>
      </c>
      <c r="C4864" t="s">
        <v>4373</v>
      </c>
      <c r="D4864" t="s">
        <v>443</v>
      </c>
    </row>
    <row r="4865" spans="1:4" x14ac:dyDescent="0.4">
      <c r="A4865">
        <v>3550342</v>
      </c>
      <c r="B4865" t="s">
        <v>1636</v>
      </c>
      <c r="C4865" t="s">
        <v>4373</v>
      </c>
      <c r="D4865" t="s">
        <v>4383</v>
      </c>
    </row>
    <row r="4866" spans="1:4" x14ac:dyDescent="0.4">
      <c r="A4866">
        <v>3550364</v>
      </c>
      <c r="B4866" t="s">
        <v>1636</v>
      </c>
      <c r="C4866" t="s">
        <v>4373</v>
      </c>
      <c r="D4866" t="s">
        <v>4384</v>
      </c>
    </row>
    <row r="4867" spans="1:4" x14ac:dyDescent="0.4">
      <c r="A4867">
        <v>3550354</v>
      </c>
      <c r="B4867" t="s">
        <v>1636</v>
      </c>
      <c r="C4867" t="s">
        <v>4373</v>
      </c>
      <c r="D4867" t="s">
        <v>4385</v>
      </c>
    </row>
    <row r="4868" spans="1:4" x14ac:dyDescent="0.4">
      <c r="A4868">
        <v>3550355</v>
      </c>
      <c r="B4868" t="s">
        <v>1636</v>
      </c>
      <c r="C4868" t="s">
        <v>4373</v>
      </c>
      <c r="D4868" t="s">
        <v>1881</v>
      </c>
    </row>
    <row r="4869" spans="1:4" x14ac:dyDescent="0.4">
      <c r="A4869">
        <v>3550344</v>
      </c>
      <c r="B4869" t="s">
        <v>1636</v>
      </c>
      <c r="C4869" t="s">
        <v>4373</v>
      </c>
      <c r="D4869" t="s">
        <v>4386</v>
      </c>
    </row>
    <row r="4870" spans="1:4" x14ac:dyDescent="0.4">
      <c r="A4870">
        <v>3550352</v>
      </c>
      <c r="B4870" t="s">
        <v>1636</v>
      </c>
      <c r="C4870" t="s">
        <v>4373</v>
      </c>
      <c r="D4870" t="s">
        <v>1606</v>
      </c>
    </row>
    <row r="4871" spans="1:4" x14ac:dyDescent="0.4">
      <c r="A4871">
        <v>3550353</v>
      </c>
      <c r="B4871" t="s">
        <v>1636</v>
      </c>
      <c r="C4871" t="s">
        <v>4373</v>
      </c>
      <c r="D4871" t="s">
        <v>210</v>
      </c>
    </row>
    <row r="4872" spans="1:4" x14ac:dyDescent="0.4">
      <c r="A4872">
        <v>3550361</v>
      </c>
      <c r="B4872" t="s">
        <v>1636</v>
      </c>
      <c r="C4872" t="s">
        <v>4373</v>
      </c>
      <c r="D4872" t="s">
        <v>4387</v>
      </c>
    </row>
    <row r="4873" spans="1:4" x14ac:dyDescent="0.4">
      <c r="A4873">
        <v>3680000</v>
      </c>
      <c r="B4873" t="s">
        <v>1636</v>
      </c>
      <c r="C4873" t="s">
        <v>4388</v>
      </c>
    </row>
    <row r="4874" spans="1:4" x14ac:dyDescent="0.4">
      <c r="A4874">
        <v>3680071</v>
      </c>
      <c r="B4874" t="s">
        <v>1636</v>
      </c>
      <c r="C4874" t="s">
        <v>4388</v>
      </c>
      <c r="D4874" t="s">
        <v>4389</v>
      </c>
    </row>
    <row r="4875" spans="1:4" x14ac:dyDescent="0.4">
      <c r="A4875">
        <v>3680072</v>
      </c>
      <c r="B4875" t="s">
        <v>1636</v>
      </c>
      <c r="C4875" t="s">
        <v>4388</v>
      </c>
      <c r="D4875" t="s">
        <v>4390</v>
      </c>
    </row>
    <row r="4876" spans="1:4" x14ac:dyDescent="0.4">
      <c r="A4876">
        <v>3691400</v>
      </c>
      <c r="B4876" t="s">
        <v>1636</v>
      </c>
      <c r="C4876" t="s">
        <v>4391</v>
      </c>
    </row>
    <row r="4877" spans="1:4" x14ac:dyDescent="0.4">
      <c r="A4877">
        <v>3691623</v>
      </c>
      <c r="B4877" t="s">
        <v>1636</v>
      </c>
      <c r="C4877" t="s">
        <v>4391</v>
      </c>
      <c r="D4877" t="s">
        <v>4392</v>
      </c>
    </row>
    <row r="4878" spans="1:4" x14ac:dyDescent="0.4">
      <c r="A4878">
        <v>3691621</v>
      </c>
      <c r="B4878" t="s">
        <v>1636</v>
      </c>
      <c r="C4878" t="s">
        <v>4391</v>
      </c>
      <c r="D4878" t="s">
        <v>4393</v>
      </c>
    </row>
    <row r="4879" spans="1:4" x14ac:dyDescent="0.4">
      <c r="A4879">
        <v>3691601</v>
      </c>
      <c r="B4879" t="s">
        <v>1636</v>
      </c>
      <c r="C4879" t="s">
        <v>4391</v>
      </c>
      <c r="D4879" t="s">
        <v>634</v>
      </c>
    </row>
    <row r="4880" spans="1:4" x14ac:dyDescent="0.4">
      <c r="A4880">
        <v>3691626</v>
      </c>
      <c r="B4880" t="s">
        <v>1636</v>
      </c>
      <c r="C4880" t="s">
        <v>4391</v>
      </c>
      <c r="D4880" t="s">
        <v>4394</v>
      </c>
    </row>
    <row r="4881" spans="1:4" x14ac:dyDescent="0.4">
      <c r="A4881">
        <v>3691622</v>
      </c>
      <c r="B4881" t="s">
        <v>1636</v>
      </c>
      <c r="C4881" t="s">
        <v>4391</v>
      </c>
      <c r="D4881" t="s">
        <v>4395</v>
      </c>
    </row>
    <row r="4882" spans="1:4" x14ac:dyDescent="0.4">
      <c r="A4882">
        <v>3691413</v>
      </c>
      <c r="B4882" t="s">
        <v>1636</v>
      </c>
      <c r="C4882" t="s">
        <v>4391</v>
      </c>
      <c r="D4882" t="s">
        <v>4396</v>
      </c>
    </row>
    <row r="4883" spans="1:4" x14ac:dyDescent="0.4">
      <c r="A4883">
        <v>3691625</v>
      </c>
      <c r="B4883" t="s">
        <v>1636</v>
      </c>
      <c r="C4883" t="s">
        <v>4391</v>
      </c>
      <c r="D4883" t="s">
        <v>4397</v>
      </c>
    </row>
    <row r="4884" spans="1:4" x14ac:dyDescent="0.4">
      <c r="A4884">
        <v>3691624</v>
      </c>
      <c r="B4884" t="s">
        <v>1636</v>
      </c>
      <c r="C4884" t="s">
        <v>4391</v>
      </c>
      <c r="D4884" t="s">
        <v>4398</v>
      </c>
    </row>
    <row r="4885" spans="1:4" x14ac:dyDescent="0.4">
      <c r="A4885">
        <v>3691411</v>
      </c>
      <c r="B4885" t="s">
        <v>1636</v>
      </c>
      <c r="C4885" t="s">
        <v>4391</v>
      </c>
      <c r="D4885" t="s">
        <v>3534</v>
      </c>
    </row>
    <row r="4886" spans="1:4" x14ac:dyDescent="0.4">
      <c r="A4886">
        <v>3691412</v>
      </c>
      <c r="B4886" t="s">
        <v>1636</v>
      </c>
      <c r="C4886" t="s">
        <v>4391</v>
      </c>
      <c r="D4886" t="s">
        <v>4399</v>
      </c>
    </row>
    <row r="4887" spans="1:4" x14ac:dyDescent="0.4">
      <c r="A4887">
        <v>3691300</v>
      </c>
      <c r="B4887" t="s">
        <v>1636</v>
      </c>
      <c r="C4887" t="s">
        <v>4400</v>
      </c>
    </row>
    <row r="4888" spans="1:4" x14ac:dyDescent="0.4">
      <c r="A4888">
        <v>3691312</v>
      </c>
      <c r="B4888" t="s">
        <v>1636</v>
      </c>
      <c r="C4888" t="s">
        <v>4400</v>
      </c>
      <c r="D4888" t="s">
        <v>4401</v>
      </c>
    </row>
    <row r="4889" spans="1:4" x14ac:dyDescent="0.4">
      <c r="A4889">
        <v>3691311</v>
      </c>
      <c r="B4889" t="s">
        <v>1636</v>
      </c>
      <c r="C4889" t="s">
        <v>4400</v>
      </c>
      <c r="D4889" t="s">
        <v>4402</v>
      </c>
    </row>
    <row r="4890" spans="1:4" x14ac:dyDescent="0.4">
      <c r="A4890">
        <v>3691303</v>
      </c>
      <c r="B4890" t="s">
        <v>1636</v>
      </c>
      <c r="C4890" t="s">
        <v>4400</v>
      </c>
      <c r="D4890" t="s">
        <v>4403</v>
      </c>
    </row>
    <row r="4891" spans="1:4" x14ac:dyDescent="0.4">
      <c r="A4891">
        <v>3691305</v>
      </c>
      <c r="B4891" t="s">
        <v>1636</v>
      </c>
      <c r="C4891" t="s">
        <v>4400</v>
      </c>
      <c r="D4891" t="s">
        <v>3139</v>
      </c>
    </row>
    <row r="4892" spans="1:4" x14ac:dyDescent="0.4">
      <c r="A4892">
        <v>3691302</v>
      </c>
      <c r="B4892" t="s">
        <v>1636</v>
      </c>
      <c r="C4892" t="s">
        <v>4400</v>
      </c>
      <c r="D4892" t="s">
        <v>4404</v>
      </c>
    </row>
    <row r="4893" spans="1:4" x14ac:dyDescent="0.4">
      <c r="A4893">
        <v>3691313</v>
      </c>
      <c r="B4893" t="s">
        <v>1636</v>
      </c>
      <c r="C4893" t="s">
        <v>4400</v>
      </c>
      <c r="D4893" t="s">
        <v>4405</v>
      </c>
    </row>
    <row r="4894" spans="1:4" x14ac:dyDescent="0.4">
      <c r="A4894">
        <v>3691304</v>
      </c>
      <c r="B4894" t="s">
        <v>1636</v>
      </c>
      <c r="C4894" t="s">
        <v>4400</v>
      </c>
      <c r="D4894" t="s">
        <v>4406</v>
      </c>
    </row>
    <row r="4895" spans="1:4" x14ac:dyDescent="0.4">
      <c r="A4895">
        <v>3691301</v>
      </c>
      <c r="B4895" t="s">
        <v>1636</v>
      </c>
      <c r="C4895" t="s">
        <v>4400</v>
      </c>
      <c r="D4895" t="s">
        <v>4407</v>
      </c>
    </row>
    <row r="4896" spans="1:4" x14ac:dyDescent="0.4">
      <c r="A4896">
        <v>3680100</v>
      </c>
      <c r="B4896" t="s">
        <v>1636</v>
      </c>
      <c r="C4896" t="s">
        <v>4408</v>
      </c>
    </row>
    <row r="4897" spans="1:4" x14ac:dyDescent="0.4">
      <c r="A4897">
        <v>3680111</v>
      </c>
      <c r="B4897" t="s">
        <v>1636</v>
      </c>
      <c r="C4897" t="s">
        <v>4408</v>
      </c>
      <c r="D4897" t="s">
        <v>308</v>
      </c>
    </row>
    <row r="4898" spans="1:4" x14ac:dyDescent="0.4">
      <c r="A4898">
        <v>3680104</v>
      </c>
      <c r="B4898" t="s">
        <v>1636</v>
      </c>
      <c r="C4898" t="s">
        <v>4408</v>
      </c>
      <c r="D4898" t="s">
        <v>4409</v>
      </c>
    </row>
    <row r="4899" spans="1:4" x14ac:dyDescent="0.4">
      <c r="A4899">
        <v>3680105</v>
      </c>
      <c r="B4899" t="s">
        <v>1636</v>
      </c>
      <c r="C4899" t="s">
        <v>4408</v>
      </c>
      <c r="D4899" t="s">
        <v>4410</v>
      </c>
    </row>
    <row r="4900" spans="1:4" x14ac:dyDescent="0.4">
      <c r="A4900">
        <v>3680113</v>
      </c>
      <c r="B4900" t="s">
        <v>1636</v>
      </c>
      <c r="C4900" t="s">
        <v>4408</v>
      </c>
      <c r="D4900" t="s">
        <v>4411</v>
      </c>
    </row>
    <row r="4901" spans="1:4" x14ac:dyDescent="0.4">
      <c r="A4901">
        <v>3680112</v>
      </c>
      <c r="B4901" t="s">
        <v>1636</v>
      </c>
      <c r="C4901" t="s">
        <v>4408</v>
      </c>
      <c r="D4901" t="s">
        <v>4412</v>
      </c>
    </row>
    <row r="4902" spans="1:4" x14ac:dyDescent="0.4">
      <c r="A4902">
        <v>3680101</v>
      </c>
      <c r="B4902" t="s">
        <v>1636</v>
      </c>
      <c r="C4902" t="s">
        <v>4408</v>
      </c>
      <c r="D4902" t="s">
        <v>4413</v>
      </c>
    </row>
    <row r="4903" spans="1:4" x14ac:dyDescent="0.4">
      <c r="A4903">
        <v>3680102</v>
      </c>
      <c r="B4903" t="s">
        <v>1636</v>
      </c>
      <c r="C4903" t="s">
        <v>4408</v>
      </c>
      <c r="D4903" t="s">
        <v>4414</v>
      </c>
    </row>
    <row r="4904" spans="1:4" x14ac:dyDescent="0.4">
      <c r="A4904">
        <v>3680103</v>
      </c>
      <c r="B4904" t="s">
        <v>1636</v>
      </c>
      <c r="C4904" t="s">
        <v>4408</v>
      </c>
      <c r="D4904" t="s">
        <v>4415</v>
      </c>
    </row>
    <row r="4905" spans="1:4" x14ac:dyDescent="0.4">
      <c r="A4905">
        <v>3680115</v>
      </c>
      <c r="B4905" t="s">
        <v>1636</v>
      </c>
      <c r="C4905" t="s">
        <v>4408</v>
      </c>
      <c r="D4905" t="s">
        <v>4416</v>
      </c>
    </row>
    <row r="4906" spans="1:4" x14ac:dyDescent="0.4">
      <c r="A4906">
        <v>3680114</v>
      </c>
      <c r="B4906" t="s">
        <v>1636</v>
      </c>
      <c r="C4906" t="s">
        <v>4408</v>
      </c>
      <c r="D4906" t="s">
        <v>4417</v>
      </c>
    </row>
    <row r="4907" spans="1:4" x14ac:dyDescent="0.4">
      <c r="A4907">
        <v>3680202</v>
      </c>
      <c r="B4907" t="s">
        <v>1636</v>
      </c>
      <c r="C4907" t="s">
        <v>4408</v>
      </c>
      <c r="D4907" t="s">
        <v>4418</v>
      </c>
    </row>
    <row r="4908" spans="1:4" x14ac:dyDescent="0.4">
      <c r="A4908">
        <v>3680201</v>
      </c>
      <c r="B4908" t="s">
        <v>1636</v>
      </c>
      <c r="C4908" t="s">
        <v>4408</v>
      </c>
      <c r="D4908" t="s">
        <v>4419</v>
      </c>
    </row>
    <row r="4909" spans="1:4" x14ac:dyDescent="0.4">
      <c r="A4909">
        <v>3550300</v>
      </c>
      <c r="B4909" t="s">
        <v>1636</v>
      </c>
      <c r="C4909" t="s">
        <v>4420</v>
      </c>
    </row>
    <row r="4910" spans="1:4" x14ac:dyDescent="0.4">
      <c r="A4910">
        <v>3550371</v>
      </c>
      <c r="B4910" t="s">
        <v>1636</v>
      </c>
      <c r="C4910" t="s">
        <v>4420</v>
      </c>
      <c r="D4910" t="s">
        <v>4421</v>
      </c>
    </row>
    <row r="4911" spans="1:4" x14ac:dyDescent="0.4">
      <c r="A4911">
        <v>3550373</v>
      </c>
      <c r="B4911" t="s">
        <v>1636</v>
      </c>
      <c r="C4911" t="s">
        <v>4420</v>
      </c>
      <c r="D4911" t="s">
        <v>4422</v>
      </c>
    </row>
    <row r="4912" spans="1:4" x14ac:dyDescent="0.4">
      <c r="A4912">
        <v>3550376</v>
      </c>
      <c r="B4912" t="s">
        <v>1636</v>
      </c>
      <c r="C4912" t="s">
        <v>4420</v>
      </c>
      <c r="D4912" t="s">
        <v>4423</v>
      </c>
    </row>
    <row r="4913" spans="1:4" x14ac:dyDescent="0.4">
      <c r="A4913">
        <v>3550372</v>
      </c>
      <c r="B4913" t="s">
        <v>1636</v>
      </c>
      <c r="C4913" t="s">
        <v>4420</v>
      </c>
      <c r="D4913" t="s">
        <v>4424</v>
      </c>
    </row>
    <row r="4914" spans="1:4" x14ac:dyDescent="0.4">
      <c r="A4914">
        <v>3550377</v>
      </c>
      <c r="B4914" t="s">
        <v>1636</v>
      </c>
      <c r="C4914" t="s">
        <v>4420</v>
      </c>
      <c r="D4914" t="s">
        <v>4425</v>
      </c>
    </row>
    <row r="4915" spans="1:4" x14ac:dyDescent="0.4">
      <c r="A4915">
        <v>3550375</v>
      </c>
      <c r="B4915" t="s">
        <v>1636</v>
      </c>
      <c r="C4915" t="s">
        <v>4420</v>
      </c>
      <c r="D4915" t="s">
        <v>4426</v>
      </c>
    </row>
    <row r="4916" spans="1:4" x14ac:dyDescent="0.4">
      <c r="A4916">
        <v>3550374</v>
      </c>
      <c r="B4916" t="s">
        <v>1636</v>
      </c>
      <c r="C4916" t="s">
        <v>4420</v>
      </c>
      <c r="D4916" t="s">
        <v>4427</v>
      </c>
    </row>
    <row r="4917" spans="1:4" x14ac:dyDescent="0.4">
      <c r="A4917">
        <v>3670100</v>
      </c>
      <c r="B4917" t="s">
        <v>1636</v>
      </c>
      <c r="C4917" t="s">
        <v>4428</v>
      </c>
    </row>
    <row r="4918" spans="1:4" x14ac:dyDescent="0.4">
      <c r="A4918">
        <v>3670103</v>
      </c>
      <c r="B4918" t="s">
        <v>1636</v>
      </c>
      <c r="C4918" t="s">
        <v>4428</v>
      </c>
      <c r="D4918" t="s">
        <v>4429</v>
      </c>
    </row>
    <row r="4919" spans="1:4" x14ac:dyDescent="0.4">
      <c r="A4919">
        <v>3670113</v>
      </c>
      <c r="B4919" t="s">
        <v>1636</v>
      </c>
      <c r="C4919" t="s">
        <v>4428</v>
      </c>
      <c r="D4919" t="s">
        <v>4430</v>
      </c>
    </row>
    <row r="4920" spans="1:4" x14ac:dyDescent="0.4">
      <c r="A4920">
        <v>3670115</v>
      </c>
      <c r="B4920" t="s">
        <v>1636</v>
      </c>
      <c r="C4920" t="s">
        <v>4428</v>
      </c>
      <c r="D4920" t="s">
        <v>4431</v>
      </c>
    </row>
    <row r="4921" spans="1:4" x14ac:dyDescent="0.4">
      <c r="A4921">
        <v>3670107</v>
      </c>
      <c r="B4921" t="s">
        <v>1636</v>
      </c>
      <c r="C4921" t="s">
        <v>4428</v>
      </c>
      <c r="D4921" t="s">
        <v>4432</v>
      </c>
    </row>
    <row r="4922" spans="1:4" x14ac:dyDescent="0.4">
      <c r="A4922">
        <v>3670112</v>
      </c>
      <c r="B4922" t="s">
        <v>1636</v>
      </c>
      <c r="C4922" t="s">
        <v>4428</v>
      </c>
      <c r="D4922" t="s">
        <v>4433</v>
      </c>
    </row>
    <row r="4923" spans="1:4" x14ac:dyDescent="0.4">
      <c r="A4923">
        <v>3670119</v>
      </c>
      <c r="B4923" t="s">
        <v>1636</v>
      </c>
      <c r="C4923" t="s">
        <v>4428</v>
      </c>
      <c r="D4923" t="s">
        <v>4434</v>
      </c>
    </row>
    <row r="4924" spans="1:4" x14ac:dyDescent="0.4">
      <c r="A4924">
        <v>3670101</v>
      </c>
      <c r="B4924" t="s">
        <v>1636</v>
      </c>
      <c r="C4924" t="s">
        <v>4428</v>
      </c>
      <c r="D4924" t="s">
        <v>4435</v>
      </c>
    </row>
    <row r="4925" spans="1:4" x14ac:dyDescent="0.4">
      <c r="A4925">
        <v>3670108</v>
      </c>
      <c r="B4925" t="s">
        <v>1636</v>
      </c>
      <c r="C4925" t="s">
        <v>4428</v>
      </c>
      <c r="D4925" t="s">
        <v>4436</v>
      </c>
    </row>
    <row r="4926" spans="1:4" x14ac:dyDescent="0.4">
      <c r="A4926">
        <v>3670117</v>
      </c>
      <c r="B4926" t="s">
        <v>1636</v>
      </c>
      <c r="C4926" t="s">
        <v>4428</v>
      </c>
      <c r="D4926" t="s">
        <v>4425</v>
      </c>
    </row>
    <row r="4927" spans="1:4" x14ac:dyDescent="0.4">
      <c r="A4927">
        <v>3670102</v>
      </c>
      <c r="B4927" t="s">
        <v>1636</v>
      </c>
      <c r="C4927" t="s">
        <v>4428</v>
      </c>
      <c r="D4927" t="s">
        <v>1850</v>
      </c>
    </row>
    <row r="4928" spans="1:4" x14ac:dyDescent="0.4">
      <c r="A4928">
        <v>3670116</v>
      </c>
      <c r="B4928" t="s">
        <v>1636</v>
      </c>
      <c r="C4928" t="s">
        <v>4428</v>
      </c>
      <c r="D4928" t="s">
        <v>4437</v>
      </c>
    </row>
    <row r="4929" spans="1:4" x14ac:dyDescent="0.4">
      <c r="A4929">
        <v>3670114</v>
      </c>
      <c r="B4929" t="s">
        <v>1636</v>
      </c>
      <c r="C4929" t="s">
        <v>4428</v>
      </c>
      <c r="D4929" t="s">
        <v>191</v>
      </c>
    </row>
    <row r="4930" spans="1:4" x14ac:dyDescent="0.4">
      <c r="A4930">
        <v>3670105</v>
      </c>
      <c r="B4930" t="s">
        <v>1636</v>
      </c>
      <c r="C4930" t="s">
        <v>4428</v>
      </c>
      <c r="D4930" t="s">
        <v>4438</v>
      </c>
    </row>
    <row r="4931" spans="1:4" x14ac:dyDescent="0.4">
      <c r="A4931">
        <v>3670104</v>
      </c>
      <c r="B4931" t="s">
        <v>1636</v>
      </c>
      <c r="C4931" t="s">
        <v>4428</v>
      </c>
      <c r="D4931" t="s">
        <v>4439</v>
      </c>
    </row>
    <row r="4932" spans="1:4" x14ac:dyDescent="0.4">
      <c r="A4932">
        <v>3670118</v>
      </c>
      <c r="B4932" t="s">
        <v>1636</v>
      </c>
      <c r="C4932" t="s">
        <v>4428</v>
      </c>
      <c r="D4932" t="s">
        <v>4440</v>
      </c>
    </row>
    <row r="4933" spans="1:4" x14ac:dyDescent="0.4">
      <c r="A4933">
        <v>3670111</v>
      </c>
      <c r="B4933" t="s">
        <v>1636</v>
      </c>
      <c r="C4933" t="s">
        <v>4428</v>
      </c>
      <c r="D4933" t="s">
        <v>4441</v>
      </c>
    </row>
    <row r="4934" spans="1:4" x14ac:dyDescent="0.4">
      <c r="A4934">
        <v>3670106</v>
      </c>
      <c r="B4934" t="s">
        <v>1636</v>
      </c>
      <c r="C4934" t="s">
        <v>4428</v>
      </c>
      <c r="D4934" t="s">
        <v>4442</v>
      </c>
    </row>
    <row r="4935" spans="1:4" x14ac:dyDescent="0.4">
      <c r="A4935">
        <v>3670200</v>
      </c>
      <c r="B4935" t="s">
        <v>1636</v>
      </c>
      <c r="C4935" t="s">
        <v>4443</v>
      </c>
    </row>
    <row r="4936" spans="1:4" x14ac:dyDescent="0.4">
      <c r="A4936">
        <v>3670234</v>
      </c>
      <c r="B4936" t="s">
        <v>1636</v>
      </c>
      <c r="C4936" t="s">
        <v>4443</v>
      </c>
      <c r="D4936" t="s">
        <v>766</v>
      </c>
    </row>
    <row r="4937" spans="1:4" x14ac:dyDescent="0.4">
      <c r="A4937">
        <v>3670245</v>
      </c>
      <c r="B4937" t="s">
        <v>1636</v>
      </c>
      <c r="C4937" t="s">
        <v>4443</v>
      </c>
      <c r="D4937" t="s">
        <v>4444</v>
      </c>
    </row>
    <row r="4938" spans="1:4" x14ac:dyDescent="0.4">
      <c r="A4938">
        <v>3670312</v>
      </c>
      <c r="B4938" t="s">
        <v>1636</v>
      </c>
      <c r="C4938" t="s">
        <v>4443</v>
      </c>
      <c r="D4938" t="s">
        <v>4445</v>
      </c>
    </row>
    <row r="4939" spans="1:4" x14ac:dyDescent="0.4">
      <c r="A4939">
        <v>3670243</v>
      </c>
      <c r="B4939" t="s">
        <v>1636</v>
      </c>
      <c r="C4939" t="s">
        <v>4443</v>
      </c>
      <c r="D4939" t="s">
        <v>4446</v>
      </c>
    </row>
    <row r="4940" spans="1:4" x14ac:dyDescent="0.4">
      <c r="A4940">
        <v>3670236</v>
      </c>
      <c r="B4940" t="s">
        <v>1636</v>
      </c>
      <c r="C4940" t="s">
        <v>4443</v>
      </c>
      <c r="D4940" t="s">
        <v>161</v>
      </c>
    </row>
    <row r="4941" spans="1:4" x14ac:dyDescent="0.4">
      <c r="A4941">
        <v>3670248</v>
      </c>
      <c r="B4941" t="s">
        <v>1636</v>
      </c>
      <c r="C4941" t="s">
        <v>4443</v>
      </c>
      <c r="D4941" t="s">
        <v>4447</v>
      </c>
    </row>
    <row r="4942" spans="1:4" x14ac:dyDescent="0.4">
      <c r="A4942">
        <v>3670311</v>
      </c>
      <c r="B4942" t="s">
        <v>1636</v>
      </c>
      <c r="C4942" t="s">
        <v>4443</v>
      </c>
      <c r="D4942" t="s">
        <v>4448</v>
      </c>
    </row>
    <row r="4943" spans="1:4" x14ac:dyDescent="0.4">
      <c r="A4943">
        <v>3670235</v>
      </c>
      <c r="B4943" t="s">
        <v>1636</v>
      </c>
      <c r="C4943" t="s">
        <v>4443</v>
      </c>
      <c r="D4943" t="s">
        <v>177</v>
      </c>
    </row>
    <row r="4944" spans="1:4" x14ac:dyDescent="0.4">
      <c r="A4944">
        <v>3670246</v>
      </c>
      <c r="B4944" t="s">
        <v>1636</v>
      </c>
      <c r="C4944" t="s">
        <v>4443</v>
      </c>
      <c r="D4944" t="s">
        <v>4449</v>
      </c>
    </row>
    <row r="4945" spans="1:4" x14ac:dyDescent="0.4">
      <c r="A4945" s="1" t="s">
        <v>4450</v>
      </c>
      <c r="B4945" t="s">
        <v>4451</v>
      </c>
      <c r="C4945" t="s">
        <v>4452</v>
      </c>
    </row>
    <row r="4946" spans="1:4" x14ac:dyDescent="0.4">
      <c r="A4946" s="1" t="s">
        <v>4453</v>
      </c>
      <c r="B4946" t="s">
        <v>4451</v>
      </c>
      <c r="C4946" t="s">
        <v>4452</v>
      </c>
      <c r="D4946" t="s">
        <v>4454</v>
      </c>
    </row>
    <row r="4947" spans="1:4" x14ac:dyDescent="0.4">
      <c r="A4947" s="1" t="s">
        <v>4455</v>
      </c>
      <c r="B4947" t="s">
        <v>4451</v>
      </c>
      <c r="C4947" t="s">
        <v>4452</v>
      </c>
      <c r="D4947" t="s">
        <v>578</v>
      </c>
    </row>
    <row r="4948" spans="1:4" x14ac:dyDescent="0.4">
      <c r="A4948" s="1" t="s">
        <v>4456</v>
      </c>
      <c r="B4948" t="s">
        <v>4451</v>
      </c>
      <c r="C4948" t="s">
        <v>4452</v>
      </c>
      <c r="D4948" t="s">
        <v>222</v>
      </c>
    </row>
    <row r="4949" spans="1:4" x14ac:dyDescent="0.4">
      <c r="A4949" s="1" t="s">
        <v>4457</v>
      </c>
      <c r="B4949" t="s">
        <v>4451</v>
      </c>
      <c r="C4949" t="s">
        <v>4452</v>
      </c>
      <c r="D4949" t="s">
        <v>4458</v>
      </c>
    </row>
    <row r="4950" spans="1:4" x14ac:dyDescent="0.4">
      <c r="A4950" s="1" t="s">
        <v>4459</v>
      </c>
      <c r="B4950" t="s">
        <v>4451</v>
      </c>
      <c r="C4950" t="s">
        <v>4452</v>
      </c>
      <c r="D4950" t="s">
        <v>4460</v>
      </c>
    </row>
    <row r="4951" spans="1:4" x14ac:dyDescent="0.4">
      <c r="A4951" s="1" t="s">
        <v>4461</v>
      </c>
      <c r="B4951" t="s">
        <v>4451</v>
      </c>
      <c r="C4951" t="s">
        <v>4452</v>
      </c>
      <c r="D4951" t="s">
        <v>4462</v>
      </c>
    </row>
    <row r="4952" spans="1:4" x14ac:dyDescent="0.4">
      <c r="A4952" s="1" t="s">
        <v>4463</v>
      </c>
      <c r="B4952" t="s">
        <v>4451</v>
      </c>
      <c r="C4952" t="s">
        <v>4452</v>
      </c>
      <c r="D4952" t="s">
        <v>529</v>
      </c>
    </row>
    <row r="4953" spans="1:4" x14ac:dyDescent="0.4">
      <c r="A4953" s="1" t="s">
        <v>4464</v>
      </c>
      <c r="B4953" t="s">
        <v>4451</v>
      </c>
      <c r="C4953" t="s">
        <v>4452</v>
      </c>
      <c r="D4953" t="s">
        <v>4465</v>
      </c>
    </row>
    <row r="4954" spans="1:4" x14ac:dyDescent="0.4">
      <c r="A4954" s="1" t="s">
        <v>4466</v>
      </c>
      <c r="B4954" t="s">
        <v>4451</v>
      </c>
      <c r="C4954" t="s">
        <v>4452</v>
      </c>
      <c r="D4954" t="s">
        <v>4467</v>
      </c>
    </row>
    <row r="4955" spans="1:4" x14ac:dyDescent="0.4">
      <c r="A4955" s="1" t="s">
        <v>4468</v>
      </c>
      <c r="B4955" t="s">
        <v>4451</v>
      </c>
      <c r="C4955" t="s">
        <v>4452</v>
      </c>
      <c r="D4955" t="s">
        <v>4469</v>
      </c>
    </row>
    <row r="4956" spans="1:4" x14ac:dyDescent="0.4">
      <c r="A4956" s="1" t="s">
        <v>4470</v>
      </c>
      <c r="B4956" t="s">
        <v>4451</v>
      </c>
      <c r="C4956" t="s">
        <v>4452</v>
      </c>
      <c r="D4956" t="s">
        <v>4471</v>
      </c>
    </row>
    <row r="4957" spans="1:4" x14ac:dyDescent="0.4">
      <c r="A4957" s="1" t="s">
        <v>4472</v>
      </c>
      <c r="B4957" t="s">
        <v>4451</v>
      </c>
      <c r="C4957" t="s">
        <v>4452</v>
      </c>
      <c r="D4957" t="s">
        <v>4473</v>
      </c>
    </row>
    <row r="4958" spans="1:4" x14ac:dyDescent="0.4">
      <c r="A4958" s="1" t="s">
        <v>4474</v>
      </c>
      <c r="B4958" t="s">
        <v>4451</v>
      </c>
      <c r="C4958" t="s">
        <v>4452</v>
      </c>
      <c r="D4958" t="s">
        <v>4475</v>
      </c>
    </row>
    <row r="4959" spans="1:4" x14ac:dyDescent="0.4">
      <c r="A4959" s="1" t="s">
        <v>4476</v>
      </c>
      <c r="B4959" t="s">
        <v>4451</v>
      </c>
      <c r="C4959" t="s">
        <v>4452</v>
      </c>
      <c r="D4959" t="s">
        <v>4477</v>
      </c>
    </row>
    <row r="4960" spans="1:4" x14ac:dyDescent="0.4">
      <c r="A4960" s="1" t="s">
        <v>4478</v>
      </c>
      <c r="B4960" t="s">
        <v>4451</v>
      </c>
      <c r="C4960" t="s">
        <v>4452</v>
      </c>
      <c r="D4960" t="s">
        <v>4479</v>
      </c>
    </row>
    <row r="4961" spans="1:4" x14ac:dyDescent="0.4">
      <c r="A4961" s="1" t="s">
        <v>4480</v>
      </c>
      <c r="B4961" t="s">
        <v>4451</v>
      </c>
      <c r="C4961" t="s">
        <v>4452</v>
      </c>
      <c r="D4961" t="s">
        <v>533</v>
      </c>
    </row>
    <row r="4962" spans="1:4" x14ac:dyDescent="0.4">
      <c r="A4962" s="1" t="s">
        <v>4481</v>
      </c>
      <c r="B4962" t="s">
        <v>4451</v>
      </c>
      <c r="C4962" t="s">
        <v>4452</v>
      </c>
      <c r="D4962" t="s">
        <v>1718</v>
      </c>
    </row>
    <row r="4963" spans="1:4" x14ac:dyDescent="0.4">
      <c r="A4963" s="1" t="s">
        <v>4482</v>
      </c>
      <c r="B4963" t="s">
        <v>4451</v>
      </c>
      <c r="C4963" t="s">
        <v>4452</v>
      </c>
      <c r="D4963" t="s">
        <v>4375</v>
      </c>
    </row>
    <row r="4964" spans="1:4" x14ac:dyDescent="0.4">
      <c r="A4964" s="1" t="s">
        <v>4483</v>
      </c>
      <c r="B4964" t="s">
        <v>4451</v>
      </c>
      <c r="C4964" t="s">
        <v>4452</v>
      </c>
      <c r="D4964" t="s">
        <v>4484</v>
      </c>
    </row>
    <row r="4965" spans="1:4" x14ac:dyDescent="0.4">
      <c r="A4965" s="1" t="s">
        <v>4485</v>
      </c>
      <c r="B4965" t="s">
        <v>4451</v>
      </c>
      <c r="C4965" t="s">
        <v>4452</v>
      </c>
      <c r="D4965" t="s">
        <v>4486</v>
      </c>
    </row>
    <row r="4966" spans="1:4" x14ac:dyDescent="0.4">
      <c r="A4966" s="1" t="s">
        <v>4487</v>
      </c>
      <c r="B4966" t="s">
        <v>4451</v>
      </c>
      <c r="C4966" t="s">
        <v>4452</v>
      </c>
      <c r="D4966" t="s">
        <v>4488</v>
      </c>
    </row>
    <row r="4967" spans="1:4" x14ac:dyDescent="0.4">
      <c r="A4967" s="1" t="s">
        <v>4489</v>
      </c>
      <c r="B4967" t="s">
        <v>4451</v>
      </c>
      <c r="C4967" t="s">
        <v>4452</v>
      </c>
      <c r="D4967" t="s">
        <v>4490</v>
      </c>
    </row>
    <row r="4968" spans="1:4" x14ac:dyDescent="0.4">
      <c r="A4968" s="1" t="s">
        <v>4491</v>
      </c>
      <c r="B4968" t="s">
        <v>4451</v>
      </c>
      <c r="C4968" t="s">
        <v>4452</v>
      </c>
      <c r="D4968" t="s">
        <v>4492</v>
      </c>
    </row>
    <row r="4969" spans="1:4" x14ac:dyDescent="0.4">
      <c r="A4969" s="1" t="s">
        <v>4493</v>
      </c>
      <c r="B4969" t="s">
        <v>4451</v>
      </c>
      <c r="C4969" t="s">
        <v>4452</v>
      </c>
      <c r="D4969" t="s">
        <v>4494</v>
      </c>
    </row>
    <row r="4970" spans="1:4" x14ac:dyDescent="0.4">
      <c r="A4970" s="1" t="s">
        <v>4495</v>
      </c>
      <c r="B4970" t="s">
        <v>4451</v>
      </c>
      <c r="C4970" t="s">
        <v>4452</v>
      </c>
      <c r="D4970" t="s">
        <v>623</v>
      </c>
    </row>
    <row r="4971" spans="1:4" x14ac:dyDescent="0.4">
      <c r="A4971" s="1" t="s">
        <v>4496</v>
      </c>
      <c r="B4971" t="s">
        <v>4451</v>
      </c>
      <c r="C4971" t="s">
        <v>4452</v>
      </c>
      <c r="D4971" t="s">
        <v>4497</v>
      </c>
    </row>
    <row r="4972" spans="1:4" x14ac:dyDescent="0.4">
      <c r="A4972" s="1" t="s">
        <v>4498</v>
      </c>
      <c r="B4972" t="s">
        <v>4451</v>
      </c>
      <c r="C4972" t="s">
        <v>4452</v>
      </c>
      <c r="D4972" t="s">
        <v>4499</v>
      </c>
    </row>
    <row r="4973" spans="1:4" x14ac:dyDescent="0.4">
      <c r="A4973" s="1" t="s">
        <v>4500</v>
      </c>
      <c r="B4973" t="s">
        <v>4451</v>
      </c>
      <c r="C4973" t="s">
        <v>4452</v>
      </c>
      <c r="D4973" t="s">
        <v>670</v>
      </c>
    </row>
    <row r="4974" spans="1:4" x14ac:dyDescent="0.4">
      <c r="A4974" s="1" t="s">
        <v>4501</v>
      </c>
      <c r="B4974" t="s">
        <v>4451</v>
      </c>
      <c r="C4974" t="s">
        <v>4452</v>
      </c>
      <c r="D4974" t="s">
        <v>4502</v>
      </c>
    </row>
    <row r="4975" spans="1:4" x14ac:dyDescent="0.4">
      <c r="A4975" s="1" t="s">
        <v>4503</v>
      </c>
      <c r="B4975" t="s">
        <v>4451</v>
      </c>
      <c r="C4975" t="s">
        <v>4452</v>
      </c>
      <c r="D4975" t="s">
        <v>4504</v>
      </c>
    </row>
    <row r="4976" spans="1:4" x14ac:dyDescent="0.4">
      <c r="A4976" s="1" t="s">
        <v>4505</v>
      </c>
      <c r="B4976" t="s">
        <v>4451</v>
      </c>
      <c r="C4976" t="s">
        <v>4452</v>
      </c>
      <c r="D4976" t="s">
        <v>634</v>
      </c>
    </row>
    <row r="4977" spans="1:4" x14ac:dyDescent="0.4">
      <c r="A4977" s="1" t="s">
        <v>4506</v>
      </c>
      <c r="B4977" t="s">
        <v>4451</v>
      </c>
      <c r="C4977" t="s">
        <v>4452</v>
      </c>
      <c r="D4977" t="s">
        <v>4507</v>
      </c>
    </row>
    <row r="4978" spans="1:4" x14ac:dyDescent="0.4">
      <c r="A4978" s="1" t="s">
        <v>4508</v>
      </c>
      <c r="B4978" t="s">
        <v>4451</v>
      </c>
      <c r="C4978" t="s">
        <v>4452</v>
      </c>
      <c r="D4978" t="s">
        <v>4509</v>
      </c>
    </row>
    <row r="4979" spans="1:4" x14ac:dyDescent="0.4">
      <c r="A4979" s="1" t="s">
        <v>4510</v>
      </c>
      <c r="B4979" t="s">
        <v>4451</v>
      </c>
      <c r="C4979" t="s">
        <v>4452</v>
      </c>
      <c r="D4979" t="s">
        <v>4511</v>
      </c>
    </row>
    <row r="4980" spans="1:4" x14ac:dyDescent="0.4">
      <c r="A4980" s="1" t="s">
        <v>4512</v>
      </c>
      <c r="B4980" t="s">
        <v>4451</v>
      </c>
      <c r="C4980" t="s">
        <v>4452</v>
      </c>
      <c r="D4980" t="s">
        <v>4513</v>
      </c>
    </row>
    <row r="4981" spans="1:4" x14ac:dyDescent="0.4">
      <c r="A4981" s="1" t="s">
        <v>4514</v>
      </c>
      <c r="B4981" t="s">
        <v>4451</v>
      </c>
      <c r="C4981" t="s">
        <v>4452</v>
      </c>
      <c r="D4981" t="s">
        <v>4515</v>
      </c>
    </row>
    <row r="4982" spans="1:4" x14ac:dyDescent="0.4">
      <c r="A4982" s="1" t="s">
        <v>4516</v>
      </c>
      <c r="B4982" t="s">
        <v>4451</v>
      </c>
      <c r="C4982" t="s">
        <v>4452</v>
      </c>
      <c r="D4982" t="s">
        <v>4517</v>
      </c>
    </row>
    <row r="4983" spans="1:4" x14ac:dyDescent="0.4">
      <c r="A4983" s="1" t="s">
        <v>4518</v>
      </c>
      <c r="B4983" t="s">
        <v>4451</v>
      </c>
      <c r="C4983" t="s">
        <v>4452</v>
      </c>
      <c r="D4983" t="s">
        <v>4519</v>
      </c>
    </row>
    <row r="4984" spans="1:4" x14ac:dyDescent="0.4">
      <c r="A4984" s="1" t="s">
        <v>4520</v>
      </c>
      <c r="B4984" t="s">
        <v>4451</v>
      </c>
      <c r="C4984" t="s">
        <v>4452</v>
      </c>
      <c r="D4984" t="s">
        <v>4521</v>
      </c>
    </row>
    <row r="4985" spans="1:4" x14ac:dyDescent="0.4">
      <c r="A4985" s="1" t="s">
        <v>4522</v>
      </c>
      <c r="B4985" t="s">
        <v>4451</v>
      </c>
      <c r="C4985" t="s">
        <v>4452</v>
      </c>
      <c r="D4985" t="s">
        <v>4523</v>
      </c>
    </row>
    <row r="4986" spans="1:4" x14ac:dyDescent="0.4">
      <c r="A4986" s="1" t="s">
        <v>4524</v>
      </c>
      <c r="B4986" t="s">
        <v>4451</v>
      </c>
      <c r="C4986" t="s">
        <v>4452</v>
      </c>
      <c r="D4986" t="s">
        <v>4525</v>
      </c>
    </row>
    <row r="4987" spans="1:4" x14ac:dyDescent="0.4">
      <c r="A4987" s="1" t="s">
        <v>4526</v>
      </c>
      <c r="B4987" t="s">
        <v>4451</v>
      </c>
      <c r="C4987" t="s">
        <v>4452</v>
      </c>
      <c r="D4987" t="s">
        <v>4527</v>
      </c>
    </row>
    <row r="4988" spans="1:4" x14ac:dyDescent="0.4">
      <c r="A4988" s="1" t="s">
        <v>4528</v>
      </c>
      <c r="B4988" t="s">
        <v>4451</v>
      </c>
      <c r="C4988" t="s">
        <v>4452</v>
      </c>
      <c r="D4988" t="s">
        <v>4529</v>
      </c>
    </row>
    <row r="4989" spans="1:4" x14ac:dyDescent="0.4">
      <c r="A4989" s="1" t="s">
        <v>4530</v>
      </c>
      <c r="B4989" t="s">
        <v>4451</v>
      </c>
      <c r="C4989" t="s">
        <v>4452</v>
      </c>
      <c r="D4989" t="s">
        <v>4531</v>
      </c>
    </row>
    <row r="4990" spans="1:4" x14ac:dyDescent="0.4">
      <c r="A4990" s="1" t="s">
        <v>4532</v>
      </c>
      <c r="B4990" t="s">
        <v>4451</v>
      </c>
      <c r="C4990" t="s">
        <v>4452</v>
      </c>
      <c r="D4990" t="s">
        <v>4533</v>
      </c>
    </row>
    <row r="4991" spans="1:4" x14ac:dyDescent="0.4">
      <c r="A4991" s="1" t="s">
        <v>4534</v>
      </c>
      <c r="B4991" t="s">
        <v>4451</v>
      </c>
      <c r="C4991" t="s">
        <v>4452</v>
      </c>
      <c r="D4991" t="s">
        <v>255</v>
      </c>
    </row>
    <row r="4992" spans="1:4" x14ac:dyDescent="0.4">
      <c r="A4992" s="1" t="s">
        <v>4535</v>
      </c>
      <c r="B4992" t="s">
        <v>4451</v>
      </c>
      <c r="C4992" t="s">
        <v>4452</v>
      </c>
      <c r="D4992" t="s">
        <v>4536</v>
      </c>
    </row>
    <row r="4993" spans="1:4" x14ac:dyDescent="0.4">
      <c r="A4993" s="1" t="s">
        <v>4537</v>
      </c>
      <c r="B4993" t="s">
        <v>4451</v>
      </c>
      <c r="C4993" t="s">
        <v>4452</v>
      </c>
      <c r="D4993" t="s">
        <v>4538</v>
      </c>
    </row>
    <row r="4994" spans="1:4" x14ac:dyDescent="0.4">
      <c r="A4994" s="1" t="s">
        <v>4539</v>
      </c>
      <c r="B4994" t="s">
        <v>4451</v>
      </c>
      <c r="C4994" t="s">
        <v>4452</v>
      </c>
      <c r="D4994" t="s">
        <v>4540</v>
      </c>
    </row>
    <row r="4995" spans="1:4" x14ac:dyDescent="0.4">
      <c r="A4995" s="1" t="s">
        <v>4541</v>
      </c>
      <c r="B4995" t="s">
        <v>4451</v>
      </c>
      <c r="C4995" t="s">
        <v>4452</v>
      </c>
      <c r="D4995" t="s">
        <v>4542</v>
      </c>
    </row>
    <row r="4996" spans="1:4" x14ac:dyDescent="0.4">
      <c r="A4996" s="1" t="s">
        <v>4543</v>
      </c>
      <c r="B4996" t="s">
        <v>4451</v>
      </c>
      <c r="C4996" t="s">
        <v>4452</v>
      </c>
      <c r="D4996" t="s">
        <v>4544</v>
      </c>
    </row>
    <row r="4997" spans="1:4" x14ac:dyDescent="0.4">
      <c r="A4997" s="1" t="s">
        <v>4545</v>
      </c>
      <c r="B4997" t="s">
        <v>4451</v>
      </c>
      <c r="C4997" t="s">
        <v>4452</v>
      </c>
      <c r="D4997" t="s">
        <v>4546</v>
      </c>
    </row>
    <row r="4998" spans="1:4" x14ac:dyDescent="0.4">
      <c r="A4998" s="1" t="s">
        <v>4547</v>
      </c>
      <c r="B4998" t="s">
        <v>4451</v>
      </c>
      <c r="C4998" t="s">
        <v>4452</v>
      </c>
      <c r="D4998" t="s">
        <v>4548</v>
      </c>
    </row>
    <row r="4999" spans="1:4" x14ac:dyDescent="0.4">
      <c r="A4999" s="1" t="s">
        <v>4549</v>
      </c>
      <c r="B4999" t="s">
        <v>4451</v>
      </c>
      <c r="C4999" t="s">
        <v>4452</v>
      </c>
      <c r="D4999" t="s">
        <v>3619</v>
      </c>
    </row>
    <row r="5000" spans="1:4" x14ac:dyDescent="0.4">
      <c r="A5000" s="1" t="s">
        <v>4550</v>
      </c>
      <c r="B5000" t="s">
        <v>4451</v>
      </c>
      <c r="C5000" t="s">
        <v>4452</v>
      </c>
      <c r="D5000" t="s">
        <v>4551</v>
      </c>
    </row>
    <row r="5001" spans="1:4" x14ac:dyDescent="0.4">
      <c r="A5001" s="1" t="s">
        <v>4552</v>
      </c>
      <c r="B5001" t="s">
        <v>4451</v>
      </c>
      <c r="C5001" t="s">
        <v>4452</v>
      </c>
      <c r="D5001" t="s">
        <v>4553</v>
      </c>
    </row>
    <row r="5002" spans="1:4" x14ac:dyDescent="0.4">
      <c r="A5002" s="1" t="s">
        <v>4554</v>
      </c>
      <c r="B5002" t="s">
        <v>4451</v>
      </c>
      <c r="C5002" t="s">
        <v>4452</v>
      </c>
      <c r="D5002" t="s">
        <v>367</v>
      </c>
    </row>
    <row r="5003" spans="1:4" x14ac:dyDescent="0.4">
      <c r="A5003" s="1" t="s">
        <v>4555</v>
      </c>
      <c r="B5003" t="s">
        <v>4451</v>
      </c>
      <c r="C5003" t="s">
        <v>4452</v>
      </c>
      <c r="D5003" t="s">
        <v>4556</v>
      </c>
    </row>
    <row r="5004" spans="1:4" x14ac:dyDescent="0.4">
      <c r="A5004" s="1" t="s">
        <v>4557</v>
      </c>
      <c r="B5004" t="s">
        <v>4451</v>
      </c>
      <c r="C5004" t="s">
        <v>4452</v>
      </c>
      <c r="D5004" t="s">
        <v>4558</v>
      </c>
    </row>
    <row r="5005" spans="1:4" x14ac:dyDescent="0.4">
      <c r="A5005" s="1" t="s">
        <v>4559</v>
      </c>
      <c r="B5005" t="s">
        <v>4451</v>
      </c>
      <c r="C5005" t="s">
        <v>4452</v>
      </c>
      <c r="D5005" t="s">
        <v>4560</v>
      </c>
    </row>
    <row r="5006" spans="1:4" x14ac:dyDescent="0.4">
      <c r="A5006" s="1" t="s">
        <v>4561</v>
      </c>
      <c r="B5006" t="s">
        <v>4451</v>
      </c>
      <c r="C5006" t="s">
        <v>4452</v>
      </c>
      <c r="D5006" t="s">
        <v>4562</v>
      </c>
    </row>
    <row r="5007" spans="1:4" x14ac:dyDescent="0.4">
      <c r="A5007" s="1" t="s">
        <v>4563</v>
      </c>
      <c r="B5007" t="s">
        <v>4451</v>
      </c>
      <c r="C5007" t="s">
        <v>4452</v>
      </c>
      <c r="D5007" t="s">
        <v>4564</v>
      </c>
    </row>
    <row r="5008" spans="1:4" x14ac:dyDescent="0.4">
      <c r="A5008" s="1" t="s">
        <v>4565</v>
      </c>
      <c r="B5008" t="s">
        <v>4451</v>
      </c>
      <c r="C5008" t="s">
        <v>4452</v>
      </c>
      <c r="D5008" t="s">
        <v>4566</v>
      </c>
    </row>
    <row r="5009" spans="1:4" x14ac:dyDescent="0.4">
      <c r="A5009" s="1" t="s">
        <v>4567</v>
      </c>
      <c r="B5009" t="s">
        <v>4451</v>
      </c>
      <c r="C5009" t="s">
        <v>4452</v>
      </c>
      <c r="D5009" t="s">
        <v>4568</v>
      </c>
    </row>
    <row r="5010" spans="1:4" x14ac:dyDescent="0.4">
      <c r="A5010" s="1" t="s">
        <v>4569</v>
      </c>
      <c r="B5010" t="s">
        <v>4451</v>
      </c>
      <c r="C5010" t="s">
        <v>4452</v>
      </c>
      <c r="D5010" t="s">
        <v>3693</v>
      </c>
    </row>
    <row r="5011" spans="1:4" x14ac:dyDescent="0.4">
      <c r="A5011" s="1" t="s">
        <v>4570</v>
      </c>
      <c r="B5011" t="s">
        <v>4451</v>
      </c>
      <c r="C5011" t="s">
        <v>4452</v>
      </c>
      <c r="D5011" t="s">
        <v>4571</v>
      </c>
    </row>
    <row r="5012" spans="1:4" x14ac:dyDescent="0.4">
      <c r="A5012" s="1" t="s">
        <v>4572</v>
      </c>
      <c r="B5012" t="s">
        <v>4451</v>
      </c>
      <c r="C5012" t="s">
        <v>4452</v>
      </c>
      <c r="D5012" t="s">
        <v>4573</v>
      </c>
    </row>
    <row r="5013" spans="1:4" x14ac:dyDescent="0.4">
      <c r="A5013" s="1" t="s">
        <v>4574</v>
      </c>
      <c r="B5013" t="s">
        <v>4451</v>
      </c>
      <c r="C5013" t="s">
        <v>4452</v>
      </c>
      <c r="D5013" t="s">
        <v>4575</v>
      </c>
    </row>
    <row r="5014" spans="1:4" x14ac:dyDescent="0.4">
      <c r="A5014" s="1" t="s">
        <v>4576</v>
      </c>
      <c r="B5014" t="s">
        <v>4451</v>
      </c>
      <c r="C5014" t="s">
        <v>4452</v>
      </c>
      <c r="D5014" t="s">
        <v>4577</v>
      </c>
    </row>
    <row r="5015" spans="1:4" x14ac:dyDescent="0.4">
      <c r="A5015" s="1" t="s">
        <v>4578</v>
      </c>
      <c r="B5015" t="s">
        <v>4451</v>
      </c>
      <c r="C5015" t="s">
        <v>4452</v>
      </c>
      <c r="D5015" t="s">
        <v>4579</v>
      </c>
    </row>
    <row r="5016" spans="1:4" x14ac:dyDescent="0.4">
      <c r="A5016" s="1" t="s">
        <v>4580</v>
      </c>
      <c r="B5016" t="s">
        <v>4451</v>
      </c>
      <c r="C5016" t="s">
        <v>4452</v>
      </c>
      <c r="D5016" t="s">
        <v>184</v>
      </c>
    </row>
    <row r="5017" spans="1:4" x14ac:dyDescent="0.4">
      <c r="A5017" s="1" t="s">
        <v>4581</v>
      </c>
      <c r="B5017" t="s">
        <v>4451</v>
      </c>
      <c r="C5017" t="s">
        <v>4452</v>
      </c>
      <c r="D5017" t="s">
        <v>4582</v>
      </c>
    </row>
    <row r="5018" spans="1:4" x14ac:dyDescent="0.4">
      <c r="A5018" s="1" t="s">
        <v>4583</v>
      </c>
      <c r="B5018" t="s">
        <v>4451</v>
      </c>
      <c r="C5018" t="s">
        <v>4452</v>
      </c>
      <c r="D5018" t="s">
        <v>1104</v>
      </c>
    </row>
    <row r="5019" spans="1:4" x14ac:dyDescent="0.4">
      <c r="A5019" s="1" t="s">
        <v>4584</v>
      </c>
      <c r="B5019" t="s">
        <v>4451</v>
      </c>
      <c r="C5019" t="s">
        <v>4452</v>
      </c>
      <c r="D5019" t="s">
        <v>4585</v>
      </c>
    </row>
    <row r="5020" spans="1:4" x14ac:dyDescent="0.4">
      <c r="A5020" s="1" t="s">
        <v>4586</v>
      </c>
      <c r="B5020" t="s">
        <v>4451</v>
      </c>
      <c r="C5020" t="s">
        <v>4452</v>
      </c>
      <c r="D5020" t="s">
        <v>4587</v>
      </c>
    </row>
    <row r="5021" spans="1:4" x14ac:dyDescent="0.4">
      <c r="A5021" s="1" t="s">
        <v>4588</v>
      </c>
      <c r="B5021" t="s">
        <v>4451</v>
      </c>
      <c r="C5021" t="s">
        <v>4452</v>
      </c>
      <c r="D5021" t="s">
        <v>1681</v>
      </c>
    </row>
    <row r="5022" spans="1:4" x14ac:dyDescent="0.4">
      <c r="A5022" s="1" t="s">
        <v>4589</v>
      </c>
      <c r="B5022" t="s">
        <v>4451</v>
      </c>
      <c r="C5022" t="s">
        <v>4452</v>
      </c>
      <c r="D5022" t="s">
        <v>4590</v>
      </c>
    </row>
    <row r="5023" spans="1:4" x14ac:dyDescent="0.4">
      <c r="A5023" s="1" t="s">
        <v>4591</v>
      </c>
      <c r="B5023" t="s">
        <v>4451</v>
      </c>
      <c r="C5023" t="s">
        <v>4452</v>
      </c>
      <c r="D5023" t="s">
        <v>4592</v>
      </c>
    </row>
    <row r="5024" spans="1:4" x14ac:dyDescent="0.4">
      <c r="A5024" s="1" t="s">
        <v>4593</v>
      </c>
      <c r="B5024" t="s">
        <v>4451</v>
      </c>
      <c r="C5024" t="s">
        <v>4452</v>
      </c>
      <c r="D5024" t="s">
        <v>4148</v>
      </c>
    </row>
    <row r="5025" spans="1:4" x14ac:dyDescent="0.4">
      <c r="A5025" s="1" t="s">
        <v>4594</v>
      </c>
      <c r="B5025" t="s">
        <v>4451</v>
      </c>
      <c r="C5025" t="s">
        <v>4452</v>
      </c>
      <c r="D5025" t="s">
        <v>4150</v>
      </c>
    </row>
    <row r="5026" spans="1:4" x14ac:dyDescent="0.4">
      <c r="A5026" s="1" t="s">
        <v>4595</v>
      </c>
      <c r="B5026" t="s">
        <v>4451</v>
      </c>
      <c r="C5026" t="s">
        <v>4452</v>
      </c>
      <c r="D5026" t="s">
        <v>4596</v>
      </c>
    </row>
    <row r="5027" spans="1:4" x14ac:dyDescent="0.4">
      <c r="A5027" s="1" t="s">
        <v>4597</v>
      </c>
      <c r="B5027" t="s">
        <v>4451</v>
      </c>
      <c r="C5027" t="s">
        <v>4452</v>
      </c>
      <c r="D5027" t="s">
        <v>4598</v>
      </c>
    </row>
    <row r="5028" spans="1:4" x14ac:dyDescent="0.4">
      <c r="A5028" s="1" t="s">
        <v>4599</v>
      </c>
      <c r="B5028" t="s">
        <v>4451</v>
      </c>
      <c r="C5028" t="s">
        <v>4452</v>
      </c>
      <c r="D5028" t="s">
        <v>4600</v>
      </c>
    </row>
    <row r="5029" spans="1:4" x14ac:dyDescent="0.4">
      <c r="A5029" s="1" t="s">
        <v>4601</v>
      </c>
      <c r="B5029" t="s">
        <v>4451</v>
      </c>
      <c r="C5029" t="s">
        <v>4452</v>
      </c>
      <c r="D5029" t="s">
        <v>4602</v>
      </c>
    </row>
    <row r="5030" spans="1:4" x14ac:dyDescent="0.4">
      <c r="A5030" s="1" t="s">
        <v>4603</v>
      </c>
      <c r="B5030" t="s">
        <v>4451</v>
      </c>
      <c r="C5030" t="s">
        <v>4452</v>
      </c>
      <c r="D5030" t="s">
        <v>4604</v>
      </c>
    </row>
    <row r="5031" spans="1:4" x14ac:dyDescent="0.4">
      <c r="A5031" s="1" t="s">
        <v>4605</v>
      </c>
      <c r="B5031" t="s">
        <v>4451</v>
      </c>
      <c r="C5031" t="s">
        <v>4452</v>
      </c>
      <c r="D5031" t="s">
        <v>4606</v>
      </c>
    </row>
    <row r="5032" spans="1:4" x14ac:dyDescent="0.4">
      <c r="A5032" s="1" t="s">
        <v>4607</v>
      </c>
      <c r="B5032" t="s">
        <v>4451</v>
      </c>
      <c r="C5032" t="s">
        <v>4452</v>
      </c>
      <c r="D5032" t="s">
        <v>4608</v>
      </c>
    </row>
    <row r="5033" spans="1:4" x14ac:dyDescent="0.4">
      <c r="A5033" s="1" t="s">
        <v>4609</v>
      </c>
      <c r="B5033" t="s">
        <v>4451</v>
      </c>
      <c r="C5033" t="s">
        <v>4452</v>
      </c>
      <c r="D5033" t="s">
        <v>4610</v>
      </c>
    </row>
    <row r="5034" spans="1:4" x14ac:dyDescent="0.4">
      <c r="A5034" s="1" t="s">
        <v>4611</v>
      </c>
      <c r="B5034" t="s">
        <v>4451</v>
      </c>
      <c r="C5034" t="s">
        <v>4452</v>
      </c>
      <c r="D5034" t="s">
        <v>4612</v>
      </c>
    </row>
    <row r="5035" spans="1:4" x14ac:dyDescent="0.4">
      <c r="A5035" s="1" t="s">
        <v>4613</v>
      </c>
      <c r="B5035" t="s">
        <v>4451</v>
      </c>
      <c r="C5035" t="s">
        <v>4452</v>
      </c>
      <c r="D5035" t="s">
        <v>4614</v>
      </c>
    </row>
    <row r="5036" spans="1:4" x14ac:dyDescent="0.4">
      <c r="A5036" s="1" t="s">
        <v>4615</v>
      </c>
      <c r="B5036" t="s">
        <v>4451</v>
      </c>
      <c r="C5036" t="s">
        <v>4452</v>
      </c>
      <c r="D5036" t="s">
        <v>4616</v>
      </c>
    </row>
    <row r="5037" spans="1:4" x14ac:dyDescent="0.4">
      <c r="A5037" s="1" t="s">
        <v>4617</v>
      </c>
      <c r="B5037" t="s">
        <v>4451</v>
      </c>
      <c r="C5037" t="s">
        <v>4452</v>
      </c>
      <c r="D5037" t="s">
        <v>4618</v>
      </c>
    </row>
    <row r="5038" spans="1:4" x14ac:dyDescent="0.4">
      <c r="A5038" s="1" t="s">
        <v>4619</v>
      </c>
      <c r="B5038" t="s">
        <v>4451</v>
      </c>
      <c r="C5038" t="s">
        <v>4452</v>
      </c>
      <c r="D5038" t="s">
        <v>4620</v>
      </c>
    </row>
    <row r="5039" spans="1:4" x14ac:dyDescent="0.4">
      <c r="A5039" s="1" t="s">
        <v>4621</v>
      </c>
      <c r="B5039" t="s">
        <v>4451</v>
      </c>
      <c r="C5039" t="s">
        <v>4452</v>
      </c>
      <c r="D5039" t="s">
        <v>4622</v>
      </c>
    </row>
    <row r="5040" spans="1:4" x14ac:dyDescent="0.4">
      <c r="A5040" s="1" t="s">
        <v>4623</v>
      </c>
      <c r="B5040" t="s">
        <v>4451</v>
      </c>
      <c r="C5040" t="s">
        <v>4452</v>
      </c>
      <c r="D5040" t="s">
        <v>4624</v>
      </c>
    </row>
    <row r="5041" spans="1:4" x14ac:dyDescent="0.4">
      <c r="A5041" s="1" t="s">
        <v>4625</v>
      </c>
      <c r="B5041" t="s">
        <v>4451</v>
      </c>
      <c r="C5041" t="s">
        <v>4452</v>
      </c>
      <c r="D5041" t="s">
        <v>4626</v>
      </c>
    </row>
    <row r="5042" spans="1:4" x14ac:dyDescent="0.4">
      <c r="A5042" s="1" t="s">
        <v>4627</v>
      </c>
      <c r="B5042" t="s">
        <v>4451</v>
      </c>
      <c r="C5042" t="s">
        <v>4452</v>
      </c>
      <c r="D5042" t="s">
        <v>4628</v>
      </c>
    </row>
    <row r="5043" spans="1:4" x14ac:dyDescent="0.4">
      <c r="A5043" s="1" t="s">
        <v>4629</v>
      </c>
      <c r="B5043" t="s">
        <v>4451</v>
      </c>
      <c r="C5043" t="s">
        <v>4452</v>
      </c>
      <c r="D5043" t="s">
        <v>4630</v>
      </c>
    </row>
    <row r="5044" spans="1:4" x14ac:dyDescent="0.4">
      <c r="A5044" s="1" t="s">
        <v>4631</v>
      </c>
      <c r="B5044" t="s">
        <v>4451</v>
      </c>
      <c r="C5044" t="s">
        <v>4452</v>
      </c>
      <c r="D5044" t="s">
        <v>4632</v>
      </c>
    </row>
    <row r="5045" spans="1:4" x14ac:dyDescent="0.4">
      <c r="A5045" s="1" t="s">
        <v>4633</v>
      </c>
      <c r="B5045" t="s">
        <v>4451</v>
      </c>
      <c r="C5045" t="s">
        <v>4452</v>
      </c>
      <c r="D5045" t="s">
        <v>4634</v>
      </c>
    </row>
    <row r="5046" spans="1:4" x14ac:dyDescent="0.4">
      <c r="A5046" s="1" t="s">
        <v>4635</v>
      </c>
      <c r="B5046" t="s">
        <v>4451</v>
      </c>
      <c r="C5046" t="s">
        <v>4452</v>
      </c>
      <c r="D5046" t="s">
        <v>4636</v>
      </c>
    </row>
    <row r="5047" spans="1:4" x14ac:dyDescent="0.4">
      <c r="A5047" s="1" t="s">
        <v>4637</v>
      </c>
      <c r="B5047" t="s">
        <v>4451</v>
      </c>
      <c r="C5047" t="s">
        <v>4452</v>
      </c>
      <c r="D5047" t="s">
        <v>4638</v>
      </c>
    </row>
    <row r="5048" spans="1:4" x14ac:dyDescent="0.4">
      <c r="A5048" s="1" t="s">
        <v>4639</v>
      </c>
      <c r="B5048" t="s">
        <v>4451</v>
      </c>
      <c r="C5048" t="s">
        <v>4452</v>
      </c>
      <c r="D5048" t="s">
        <v>4640</v>
      </c>
    </row>
    <row r="5049" spans="1:4" x14ac:dyDescent="0.4">
      <c r="A5049" s="1" t="s">
        <v>4641</v>
      </c>
      <c r="B5049" t="s">
        <v>4451</v>
      </c>
      <c r="C5049" t="s">
        <v>4452</v>
      </c>
      <c r="D5049" t="s">
        <v>4642</v>
      </c>
    </row>
    <row r="5050" spans="1:4" x14ac:dyDescent="0.4">
      <c r="A5050" s="1" t="s">
        <v>4643</v>
      </c>
      <c r="B5050" t="s">
        <v>4451</v>
      </c>
      <c r="C5050" t="s">
        <v>4452</v>
      </c>
      <c r="D5050" t="s">
        <v>4644</v>
      </c>
    </row>
    <row r="5051" spans="1:4" x14ac:dyDescent="0.4">
      <c r="A5051" s="1" t="s">
        <v>4645</v>
      </c>
      <c r="B5051" t="s">
        <v>4451</v>
      </c>
      <c r="C5051" t="s">
        <v>4452</v>
      </c>
      <c r="D5051" t="s">
        <v>4646</v>
      </c>
    </row>
    <row r="5052" spans="1:4" x14ac:dyDescent="0.4">
      <c r="A5052" s="1" t="s">
        <v>4647</v>
      </c>
      <c r="B5052" t="s">
        <v>4451</v>
      </c>
      <c r="C5052" t="s">
        <v>4452</v>
      </c>
      <c r="D5052" t="s">
        <v>4648</v>
      </c>
    </row>
    <row r="5053" spans="1:4" x14ac:dyDescent="0.4">
      <c r="A5053" s="1" t="s">
        <v>4649</v>
      </c>
      <c r="B5053" t="s">
        <v>4451</v>
      </c>
      <c r="C5053" t="s">
        <v>4452</v>
      </c>
      <c r="D5053" t="s">
        <v>4650</v>
      </c>
    </row>
    <row r="5054" spans="1:4" x14ac:dyDescent="0.4">
      <c r="A5054" s="1" t="s">
        <v>4651</v>
      </c>
      <c r="B5054" t="s">
        <v>4451</v>
      </c>
      <c r="C5054" t="s">
        <v>4452</v>
      </c>
      <c r="D5054" t="s">
        <v>4652</v>
      </c>
    </row>
    <row r="5055" spans="1:4" x14ac:dyDescent="0.4">
      <c r="A5055" s="1" t="s">
        <v>4653</v>
      </c>
      <c r="B5055" t="s">
        <v>4451</v>
      </c>
      <c r="C5055" t="s">
        <v>4452</v>
      </c>
      <c r="D5055" t="s">
        <v>4654</v>
      </c>
    </row>
    <row r="5056" spans="1:4" x14ac:dyDescent="0.4">
      <c r="A5056" s="1" t="s">
        <v>4655</v>
      </c>
      <c r="B5056" t="s">
        <v>4451</v>
      </c>
      <c r="C5056" t="s">
        <v>4452</v>
      </c>
      <c r="D5056" t="s">
        <v>2260</v>
      </c>
    </row>
    <row r="5057" spans="1:4" x14ac:dyDescent="0.4">
      <c r="A5057" s="1" t="s">
        <v>4656</v>
      </c>
      <c r="B5057" t="s">
        <v>4451</v>
      </c>
      <c r="C5057" t="s">
        <v>4452</v>
      </c>
      <c r="D5057" t="s">
        <v>4657</v>
      </c>
    </row>
    <row r="5058" spans="1:4" x14ac:dyDescent="0.4">
      <c r="A5058" s="1" t="s">
        <v>4658</v>
      </c>
      <c r="B5058" t="s">
        <v>4451</v>
      </c>
      <c r="C5058" t="s">
        <v>4452</v>
      </c>
      <c r="D5058" t="s">
        <v>4659</v>
      </c>
    </row>
    <row r="5059" spans="1:4" x14ac:dyDescent="0.4">
      <c r="A5059" s="1" t="s">
        <v>4660</v>
      </c>
      <c r="B5059" t="s">
        <v>4451</v>
      </c>
      <c r="C5059" t="s">
        <v>4452</v>
      </c>
      <c r="D5059" t="s">
        <v>178</v>
      </c>
    </row>
    <row r="5060" spans="1:4" x14ac:dyDescent="0.4">
      <c r="A5060" s="1" t="s">
        <v>4661</v>
      </c>
      <c r="B5060" t="s">
        <v>4451</v>
      </c>
      <c r="C5060" t="s">
        <v>4452</v>
      </c>
      <c r="D5060" t="s">
        <v>4662</v>
      </c>
    </row>
    <row r="5061" spans="1:4" x14ac:dyDescent="0.4">
      <c r="A5061" s="1" t="s">
        <v>4663</v>
      </c>
      <c r="B5061" t="s">
        <v>4451</v>
      </c>
      <c r="C5061" t="s">
        <v>4452</v>
      </c>
      <c r="D5061" t="s">
        <v>4664</v>
      </c>
    </row>
    <row r="5062" spans="1:4" x14ac:dyDescent="0.4">
      <c r="A5062" s="1" t="s">
        <v>4665</v>
      </c>
      <c r="B5062" t="s">
        <v>4451</v>
      </c>
      <c r="C5062" t="s">
        <v>4452</v>
      </c>
      <c r="D5062" t="s">
        <v>4666</v>
      </c>
    </row>
    <row r="5063" spans="1:4" x14ac:dyDescent="0.4">
      <c r="A5063" s="1" t="s">
        <v>4667</v>
      </c>
      <c r="B5063" t="s">
        <v>4451</v>
      </c>
      <c r="C5063" t="s">
        <v>4452</v>
      </c>
      <c r="D5063" t="s">
        <v>4668</v>
      </c>
    </row>
    <row r="5064" spans="1:4" x14ac:dyDescent="0.4">
      <c r="A5064" s="1" t="s">
        <v>4669</v>
      </c>
      <c r="B5064" t="s">
        <v>4451</v>
      </c>
      <c r="C5064" t="s">
        <v>4452</v>
      </c>
      <c r="D5064" t="s">
        <v>4670</v>
      </c>
    </row>
    <row r="5065" spans="1:4" x14ac:dyDescent="0.4">
      <c r="A5065" s="1" t="s">
        <v>4671</v>
      </c>
      <c r="B5065" t="s">
        <v>4451</v>
      </c>
      <c r="C5065" t="s">
        <v>4452</v>
      </c>
      <c r="D5065" t="s">
        <v>4672</v>
      </c>
    </row>
    <row r="5066" spans="1:4" x14ac:dyDescent="0.4">
      <c r="A5066" s="1" t="s">
        <v>4673</v>
      </c>
      <c r="B5066" t="s">
        <v>4451</v>
      </c>
      <c r="C5066" t="s">
        <v>4452</v>
      </c>
      <c r="D5066" t="s">
        <v>4674</v>
      </c>
    </row>
    <row r="5067" spans="1:4" x14ac:dyDescent="0.4">
      <c r="A5067" s="1" t="s">
        <v>4675</v>
      </c>
      <c r="B5067" t="s">
        <v>4451</v>
      </c>
      <c r="C5067" t="s">
        <v>4452</v>
      </c>
      <c r="D5067" t="s">
        <v>4676</v>
      </c>
    </row>
    <row r="5068" spans="1:4" x14ac:dyDescent="0.4">
      <c r="A5068" s="1" t="s">
        <v>4677</v>
      </c>
      <c r="B5068" t="s">
        <v>4451</v>
      </c>
      <c r="C5068" t="s">
        <v>4452</v>
      </c>
      <c r="D5068" t="s">
        <v>114</v>
      </c>
    </row>
    <row r="5069" spans="1:4" x14ac:dyDescent="0.4">
      <c r="A5069" s="1" t="s">
        <v>4678</v>
      </c>
      <c r="B5069" t="s">
        <v>4451</v>
      </c>
      <c r="C5069" t="s">
        <v>4452</v>
      </c>
      <c r="D5069" t="s">
        <v>4679</v>
      </c>
    </row>
    <row r="5070" spans="1:4" x14ac:dyDescent="0.4">
      <c r="A5070" s="1" t="s">
        <v>4680</v>
      </c>
      <c r="B5070" t="s">
        <v>4451</v>
      </c>
      <c r="C5070" t="s">
        <v>4452</v>
      </c>
      <c r="D5070" t="s">
        <v>4681</v>
      </c>
    </row>
    <row r="5071" spans="1:4" x14ac:dyDescent="0.4">
      <c r="A5071" s="1" t="s">
        <v>4682</v>
      </c>
      <c r="B5071" t="s">
        <v>4451</v>
      </c>
      <c r="C5071" t="s">
        <v>4452</v>
      </c>
      <c r="D5071" t="s">
        <v>4683</v>
      </c>
    </row>
    <row r="5072" spans="1:4" x14ac:dyDescent="0.4">
      <c r="A5072" s="1" t="s">
        <v>4684</v>
      </c>
      <c r="B5072" t="s">
        <v>4451</v>
      </c>
      <c r="C5072" t="s">
        <v>4452</v>
      </c>
      <c r="D5072" t="s">
        <v>4685</v>
      </c>
    </row>
    <row r="5073" spans="1:4" x14ac:dyDescent="0.4">
      <c r="A5073" s="1" t="s">
        <v>4686</v>
      </c>
      <c r="B5073" t="s">
        <v>4451</v>
      </c>
      <c r="C5073" t="s">
        <v>4452</v>
      </c>
      <c r="D5073" t="s">
        <v>4687</v>
      </c>
    </row>
    <row r="5074" spans="1:4" x14ac:dyDescent="0.4">
      <c r="A5074" s="1" t="s">
        <v>4688</v>
      </c>
      <c r="B5074" t="s">
        <v>4451</v>
      </c>
      <c r="C5074" t="s">
        <v>4452</v>
      </c>
      <c r="D5074" t="s">
        <v>4689</v>
      </c>
    </row>
    <row r="5075" spans="1:4" x14ac:dyDescent="0.4">
      <c r="A5075" s="1" t="s">
        <v>4690</v>
      </c>
      <c r="B5075" t="s">
        <v>4451</v>
      </c>
      <c r="C5075" t="s">
        <v>4452</v>
      </c>
      <c r="D5075" t="s">
        <v>4691</v>
      </c>
    </row>
    <row r="5076" spans="1:4" x14ac:dyDescent="0.4">
      <c r="A5076" s="1" t="s">
        <v>4692</v>
      </c>
      <c r="B5076" t="s">
        <v>4451</v>
      </c>
      <c r="C5076" t="s">
        <v>4452</v>
      </c>
      <c r="D5076" t="s">
        <v>4693</v>
      </c>
    </row>
    <row r="5077" spans="1:4" x14ac:dyDescent="0.4">
      <c r="A5077" s="1" t="s">
        <v>4694</v>
      </c>
      <c r="B5077" t="s">
        <v>4451</v>
      </c>
      <c r="C5077" t="s">
        <v>4452</v>
      </c>
      <c r="D5077" t="s">
        <v>4695</v>
      </c>
    </row>
    <row r="5078" spans="1:4" x14ac:dyDescent="0.4">
      <c r="A5078" s="1" t="s">
        <v>4696</v>
      </c>
      <c r="B5078" t="s">
        <v>4451</v>
      </c>
      <c r="C5078" t="s">
        <v>4452</v>
      </c>
      <c r="D5078" t="s">
        <v>403</v>
      </c>
    </row>
    <row r="5079" spans="1:4" x14ac:dyDescent="0.4">
      <c r="A5079" s="1" t="s">
        <v>4697</v>
      </c>
      <c r="B5079" t="s">
        <v>4451</v>
      </c>
      <c r="C5079" t="s">
        <v>4452</v>
      </c>
      <c r="D5079" t="s">
        <v>4698</v>
      </c>
    </row>
    <row r="5080" spans="1:4" x14ac:dyDescent="0.4">
      <c r="A5080" s="1" t="s">
        <v>4699</v>
      </c>
      <c r="B5080" t="s">
        <v>4451</v>
      </c>
      <c r="C5080" t="s">
        <v>4452</v>
      </c>
      <c r="D5080" t="s">
        <v>4700</v>
      </c>
    </row>
    <row r="5081" spans="1:4" x14ac:dyDescent="0.4">
      <c r="A5081" s="1" t="s">
        <v>4701</v>
      </c>
      <c r="B5081" t="s">
        <v>4451</v>
      </c>
      <c r="C5081" t="s">
        <v>4452</v>
      </c>
      <c r="D5081" t="s">
        <v>1702</v>
      </c>
    </row>
    <row r="5082" spans="1:4" x14ac:dyDescent="0.4">
      <c r="A5082" s="1" t="s">
        <v>4702</v>
      </c>
      <c r="B5082" t="s">
        <v>4451</v>
      </c>
      <c r="C5082" t="s">
        <v>4452</v>
      </c>
      <c r="D5082" t="s">
        <v>4703</v>
      </c>
    </row>
    <row r="5083" spans="1:4" x14ac:dyDescent="0.4">
      <c r="A5083" s="1" t="s">
        <v>4704</v>
      </c>
      <c r="B5083" t="s">
        <v>4451</v>
      </c>
      <c r="C5083" t="s">
        <v>4452</v>
      </c>
      <c r="D5083" t="s">
        <v>4705</v>
      </c>
    </row>
    <row r="5084" spans="1:4" x14ac:dyDescent="0.4">
      <c r="A5084" s="1" t="s">
        <v>4706</v>
      </c>
      <c r="B5084" t="s">
        <v>4451</v>
      </c>
      <c r="C5084" t="s">
        <v>4452</v>
      </c>
      <c r="D5084" t="s">
        <v>757</v>
      </c>
    </row>
    <row r="5085" spans="1:4" x14ac:dyDescent="0.4">
      <c r="A5085" s="1" t="s">
        <v>4707</v>
      </c>
      <c r="B5085" t="s">
        <v>4451</v>
      </c>
      <c r="C5085" t="s">
        <v>4452</v>
      </c>
      <c r="D5085" t="s">
        <v>4708</v>
      </c>
    </row>
    <row r="5086" spans="1:4" x14ac:dyDescent="0.4">
      <c r="A5086" s="1" t="s">
        <v>4709</v>
      </c>
      <c r="B5086" t="s">
        <v>4451</v>
      </c>
      <c r="C5086" t="s">
        <v>4452</v>
      </c>
      <c r="D5086" t="s">
        <v>4710</v>
      </c>
    </row>
    <row r="5087" spans="1:4" x14ac:dyDescent="0.4">
      <c r="A5087" s="1" t="s">
        <v>4711</v>
      </c>
      <c r="B5087" t="s">
        <v>4451</v>
      </c>
      <c r="C5087" t="s">
        <v>4452</v>
      </c>
      <c r="D5087" t="s">
        <v>4712</v>
      </c>
    </row>
    <row r="5088" spans="1:4" x14ac:dyDescent="0.4">
      <c r="A5088" s="1" t="s">
        <v>4713</v>
      </c>
      <c r="B5088" t="s">
        <v>4451</v>
      </c>
      <c r="C5088" t="s">
        <v>4452</v>
      </c>
      <c r="D5088" t="s">
        <v>4714</v>
      </c>
    </row>
    <row r="5089" spans="1:4" x14ac:dyDescent="0.4">
      <c r="A5089" s="1" t="s">
        <v>4715</v>
      </c>
      <c r="B5089" t="s">
        <v>4451</v>
      </c>
      <c r="C5089" t="s">
        <v>4452</v>
      </c>
      <c r="D5089" t="s">
        <v>959</v>
      </c>
    </row>
    <row r="5090" spans="1:4" x14ac:dyDescent="0.4">
      <c r="A5090" s="1" t="s">
        <v>4716</v>
      </c>
      <c r="B5090" t="s">
        <v>4451</v>
      </c>
      <c r="C5090" t="s">
        <v>4452</v>
      </c>
      <c r="D5090" t="s">
        <v>4717</v>
      </c>
    </row>
    <row r="5091" spans="1:4" x14ac:dyDescent="0.4">
      <c r="A5091" s="1" t="s">
        <v>4718</v>
      </c>
      <c r="B5091" t="s">
        <v>4451</v>
      </c>
      <c r="C5091" t="s">
        <v>4452</v>
      </c>
      <c r="D5091" t="s">
        <v>4719</v>
      </c>
    </row>
    <row r="5092" spans="1:4" x14ac:dyDescent="0.4">
      <c r="A5092" s="1" t="s">
        <v>4720</v>
      </c>
      <c r="B5092" t="s">
        <v>4451</v>
      </c>
      <c r="C5092" t="s">
        <v>4452</v>
      </c>
      <c r="D5092" t="s">
        <v>4721</v>
      </c>
    </row>
    <row r="5093" spans="1:4" x14ac:dyDescent="0.4">
      <c r="A5093" s="1" t="s">
        <v>4722</v>
      </c>
      <c r="B5093" t="s">
        <v>4451</v>
      </c>
      <c r="C5093" t="s">
        <v>4452</v>
      </c>
      <c r="D5093" t="s">
        <v>4723</v>
      </c>
    </row>
    <row r="5094" spans="1:4" x14ac:dyDescent="0.4">
      <c r="A5094" s="1" t="s">
        <v>4724</v>
      </c>
      <c r="B5094" t="s">
        <v>4451</v>
      </c>
      <c r="C5094" t="s">
        <v>4452</v>
      </c>
      <c r="D5094" t="s">
        <v>4725</v>
      </c>
    </row>
    <row r="5095" spans="1:4" x14ac:dyDescent="0.4">
      <c r="A5095" s="1" t="s">
        <v>4726</v>
      </c>
      <c r="B5095" t="s">
        <v>4451</v>
      </c>
      <c r="C5095" t="s">
        <v>4452</v>
      </c>
      <c r="D5095" t="s">
        <v>4727</v>
      </c>
    </row>
    <row r="5096" spans="1:4" x14ac:dyDescent="0.4">
      <c r="A5096" s="1" t="s">
        <v>4728</v>
      </c>
      <c r="B5096" t="s">
        <v>4451</v>
      </c>
      <c r="C5096" t="s">
        <v>4452</v>
      </c>
      <c r="D5096" t="s">
        <v>3974</v>
      </c>
    </row>
    <row r="5097" spans="1:4" x14ac:dyDescent="0.4">
      <c r="A5097" s="1" t="s">
        <v>4729</v>
      </c>
      <c r="B5097" t="s">
        <v>4451</v>
      </c>
      <c r="C5097" t="s">
        <v>4452</v>
      </c>
      <c r="D5097" t="s">
        <v>4730</v>
      </c>
    </row>
    <row r="5098" spans="1:4" x14ac:dyDescent="0.4">
      <c r="A5098" s="1" t="s">
        <v>4731</v>
      </c>
      <c r="B5098" t="s">
        <v>4451</v>
      </c>
      <c r="C5098" t="s">
        <v>4452</v>
      </c>
      <c r="D5098" t="s">
        <v>4732</v>
      </c>
    </row>
    <row r="5099" spans="1:4" x14ac:dyDescent="0.4">
      <c r="A5099" s="1" t="s">
        <v>4733</v>
      </c>
      <c r="B5099" t="s">
        <v>4451</v>
      </c>
      <c r="C5099" t="s">
        <v>4452</v>
      </c>
      <c r="D5099" t="s">
        <v>3975</v>
      </c>
    </row>
    <row r="5100" spans="1:4" x14ac:dyDescent="0.4">
      <c r="A5100" s="1" t="s">
        <v>4734</v>
      </c>
      <c r="B5100" t="s">
        <v>4451</v>
      </c>
      <c r="C5100" t="s">
        <v>4452</v>
      </c>
      <c r="D5100" t="s">
        <v>4735</v>
      </c>
    </row>
    <row r="5101" spans="1:4" x14ac:dyDescent="0.4">
      <c r="A5101" s="1" t="s">
        <v>4736</v>
      </c>
      <c r="B5101" t="s">
        <v>4451</v>
      </c>
      <c r="C5101" t="s">
        <v>4452</v>
      </c>
      <c r="D5101" t="s">
        <v>3174</v>
      </c>
    </row>
    <row r="5102" spans="1:4" x14ac:dyDescent="0.4">
      <c r="A5102" s="1" t="s">
        <v>4737</v>
      </c>
      <c r="B5102" t="s">
        <v>4451</v>
      </c>
      <c r="C5102" t="s">
        <v>4452</v>
      </c>
      <c r="D5102" t="s">
        <v>4738</v>
      </c>
    </row>
    <row r="5103" spans="1:4" x14ac:dyDescent="0.4">
      <c r="A5103" s="1" t="s">
        <v>4739</v>
      </c>
      <c r="B5103" t="s">
        <v>4451</v>
      </c>
      <c r="C5103" t="s">
        <v>4452</v>
      </c>
      <c r="D5103" t="s">
        <v>4740</v>
      </c>
    </row>
    <row r="5104" spans="1:4" x14ac:dyDescent="0.4">
      <c r="A5104" s="1" t="s">
        <v>4741</v>
      </c>
      <c r="B5104" t="s">
        <v>4451</v>
      </c>
      <c r="C5104" t="s">
        <v>4742</v>
      </c>
    </row>
    <row r="5105" spans="1:4" x14ac:dyDescent="0.4">
      <c r="A5105" s="1" t="s">
        <v>4743</v>
      </c>
      <c r="B5105" t="s">
        <v>4451</v>
      </c>
      <c r="C5105" t="s">
        <v>4742</v>
      </c>
      <c r="D5105" t="s">
        <v>4744</v>
      </c>
    </row>
    <row r="5106" spans="1:4" x14ac:dyDescent="0.4">
      <c r="A5106" s="1" t="s">
        <v>4745</v>
      </c>
      <c r="B5106" t="s">
        <v>4451</v>
      </c>
      <c r="C5106" t="s">
        <v>4742</v>
      </c>
      <c r="D5106" t="s">
        <v>4746</v>
      </c>
    </row>
    <row r="5107" spans="1:4" x14ac:dyDescent="0.4">
      <c r="A5107" s="1" t="s">
        <v>4747</v>
      </c>
      <c r="B5107" t="s">
        <v>4451</v>
      </c>
      <c r="C5107" t="s">
        <v>4742</v>
      </c>
      <c r="D5107" t="s">
        <v>4748</v>
      </c>
    </row>
    <row r="5108" spans="1:4" x14ac:dyDescent="0.4">
      <c r="A5108" s="1" t="s">
        <v>4749</v>
      </c>
      <c r="B5108" t="s">
        <v>4451</v>
      </c>
      <c r="C5108" t="s">
        <v>4742</v>
      </c>
      <c r="D5108" t="s">
        <v>708</v>
      </c>
    </row>
    <row r="5109" spans="1:4" x14ac:dyDescent="0.4">
      <c r="A5109" s="1" t="s">
        <v>4750</v>
      </c>
      <c r="B5109" t="s">
        <v>4451</v>
      </c>
      <c r="C5109" t="s">
        <v>4742</v>
      </c>
      <c r="D5109" t="s">
        <v>4751</v>
      </c>
    </row>
    <row r="5110" spans="1:4" x14ac:dyDescent="0.4">
      <c r="A5110" s="1" t="s">
        <v>4752</v>
      </c>
      <c r="B5110" t="s">
        <v>4451</v>
      </c>
      <c r="C5110" t="s">
        <v>4742</v>
      </c>
      <c r="D5110" t="s">
        <v>4753</v>
      </c>
    </row>
    <row r="5111" spans="1:4" x14ac:dyDescent="0.4">
      <c r="A5111" s="1" t="s">
        <v>4754</v>
      </c>
      <c r="B5111" t="s">
        <v>4451</v>
      </c>
      <c r="C5111" t="s">
        <v>4742</v>
      </c>
      <c r="D5111" t="s">
        <v>2148</v>
      </c>
    </row>
    <row r="5112" spans="1:4" x14ac:dyDescent="0.4">
      <c r="A5112" s="1" t="s">
        <v>4755</v>
      </c>
      <c r="B5112" t="s">
        <v>4451</v>
      </c>
      <c r="C5112" t="s">
        <v>4742</v>
      </c>
      <c r="D5112" t="s">
        <v>4075</v>
      </c>
    </row>
    <row r="5113" spans="1:4" x14ac:dyDescent="0.4">
      <c r="A5113" s="1" t="s">
        <v>4756</v>
      </c>
      <c r="B5113" t="s">
        <v>4451</v>
      </c>
      <c r="C5113" t="s">
        <v>4742</v>
      </c>
      <c r="D5113" t="s">
        <v>367</v>
      </c>
    </row>
    <row r="5114" spans="1:4" x14ac:dyDescent="0.4">
      <c r="A5114" s="1" t="s">
        <v>4757</v>
      </c>
      <c r="B5114" t="s">
        <v>4451</v>
      </c>
      <c r="C5114" t="s">
        <v>4742</v>
      </c>
      <c r="D5114" t="s">
        <v>313</v>
      </c>
    </row>
    <row r="5115" spans="1:4" x14ac:dyDescent="0.4">
      <c r="A5115" s="1" t="s">
        <v>4758</v>
      </c>
      <c r="B5115" t="s">
        <v>4451</v>
      </c>
      <c r="C5115" t="s">
        <v>4742</v>
      </c>
      <c r="D5115" t="s">
        <v>4759</v>
      </c>
    </row>
    <row r="5116" spans="1:4" x14ac:dyDescent="0.4">
      <c r="A5116" s="1" t="s">
        <v>4760</v>
      </c>
      <c r="B5116" t="s">
        <v>4451</v>
      </c>
      <c r="C5116" t="s">
        <v>4742</v>
      </c>
      <c r="D5116" t="s">
        <v>4467</v>
      </c>
    </row>
    <row r="5117" spans="1:4" x14ac:dyDescent="0.4">
      <c r="A5117" s="1" t="s">
        <v>4761</v>
      </c>
      <c r="B5117" t="s">
        <v>4451</v>
      </c>
      <c r="C5117" t="s">
        <v>4742</v>
      </c>
      <c r="D5117" t="s">
        <v>4762</v>
      </c>
    </row>
    <row r="5118" spans="1:4" x14ac:dyDescent="0.4">
      <c r="A5118" s="1" t="s">
        <v>4763</v>
      </c>
      <c r="B5118" t="s">
        <v>4451</v>
      </c>
      <c r="C5118" t="s">
        <v>4742</v>
      </c>
      <c r="D5118" t="s">
        <v>3323</v>
      </c>
    </row>
    <row r="5119" spans="1:4" x14ac:dyDescent="0.4">
      <c r="A5119" s="1" t="s">
        <v>4764</v>
      </c>
      <c r="B5119" t="s">
        <v>4451</v>
      </c>
      <c r="C5119" t="s">
        <v>4742</v>
      </c>
      <c r="D5119" t="s">
        <v>4765</v>
      </c>
    </row>
    <row r="5120" spans="1:4" x14ac:dyDescent="0.4">
      <c r="A5120" s="1" t="s">
        <v>4766</v>
      </c>
      <c r="B5120" t="s">
        <v>4451</v>
      </c>
      <c r="C5120" t="s">
        <v>4742</v>
      </c>
      <c r="D5120" t="s">
        <v>4767</v>
      </c>
    </row>
    <row r="5121" spans="1:4" x14ac:dyDescent="0.4">
      <c r="A5121" s="1" t="s">
        <v>4768</v>
      </c>
      <c r="B5121" t="s">
        <v>4451</v>
      </c>
      <c r="C5121" t="s">
        <v>4742</v>
      </c>
      <c r="D5121" t="s">
        <v>4769</v>
      </c>
    </row>
    <row r="5122" spans="1:4" x14ac:dyDescent="0.4">
      <c r="A5122" s="1" t="s">
        <v>4770</v>
      </c>
      <c r="B5122" t="s">
        <v>4451</v>
      </c>
      <c r="C5122" t="s">
        <v>4742</v>
      </c>
      <c r="D5122" t="s">
        <v>4771</v>
      </c>
    </row>
    <row r="5123" spans="1:4" x14ac:dyDescent="0.4">
      <c r="A5123" s="1" t="s">
        <v>4772</v>
      </c>
      <c r="B5123" t="s">
        <v>4451</v>
      </c>
      <c r="C5123" t="s">
        <v>4742</v>
      </c>
      <c r="D5123" t="s">
        <v>4773</v>
      </c>
    </row>
    <row r="5124" spans="1:4" x14ac:dyDescent="0.4">
      <c r="A5124" s="1" t="s">
        <v>4774</v>
      </c>
      <c r="B5124" t="s">
        <v>4451</v>
      </c>
      <c r="C5124" t="s">
        <v>4742</v>
      </c>
      <c r="D5124" t="s">
        <v>4775</v>
      </c>
    </row>
    <row r="5125" spans="1:4" x14ac:dyDescent="0.4">
      <c r="A5125" s="1" t="s">
        <v>4776</v>
      </c>
      <c r="B5125" t="s">
        <v>4451</v>
      </c>
      <c r="C5125" t="s">
        <v>4742</v>
      </c>
      <c r="D5125" t="s">
        <v>2697</v>
      </c>
    </row>
    <row r="5126" spans="1:4" x14ac:dyDescent="0.4">
      <c r="A5126" s="1" t="s">
        <v>4777</v>
      </c>
      <c r="B5126" t="s">
        <v>4451</v>
      </c>
      <c r="C5126" t="s">
        <v>4742</v>
      </c>
      <c r="D5126" t="s">
        <v>4778</v>
      </c>
    </row>
    <row r="5127" spans="1:4" x14ac:dyDescent="0.4">
      <c r="A5127" s="1" t="s">
        <v>4779</v>
      </c>
      <c r="B5127" t="s">
        <v>4451</v>
      </c>
      <c r="C5127" t="s">
        <v>4742</v>
      </c>
      <c r="D5127" t="s">
        <v>2490</v>
      </c>
    </row>
    <row r="5128" spans="1:4" x14ac:dyDescent="0.4">
      <c r="A5128" s="1" t="s">
        <v>4780</v>
      </c>
      <c r="B5128" t="s">
        <v>4451</v>
      </c>
      <c r="C5128" t="s">
        <v>4742</v>
      </c>
      <c r="D5128" t="s">
        <v>139</v>
      </c>
    </row>
    <row r="5129" spans="1:4" x14ac:dyDescent="0.4">
      <c r="A5129" s="1" t="s">
        <v>4781</v>
      </c>
      <c r="B5129" t="s">
        <v>4451</v>
      </c>
      <c r="C5129" t="s">
        <v>4742</v>
      </c>
      <c r="D5129" t="s">
        <v>537</v>
      </c>
    </row>
    <row r="5130" spans="1:4" x14ac:dyDescent="0.4">
      <c r="A5130" s="1" t="s">
        <v>4782</v>
      </c>
      <c r="B5130" t="s">
        <v>4451</v>
      </c>
      <c r="C5130" t="s">
        <v>4742</v>
      </c>
      <c r="D5130" t="s">
        <v>4783</v>
      </c>
    </row>
    <row r="5131" spans="1:4" x14ac:dyDescent="0.4">
      <c r="A5131" s="1" t="s">
        <v>4784</v>
      </c>
      <c r="B5131" t="s">
        <v>4451</v>
      </c>
      <c r="C5131" t="s">
        <v>4742</v>
      </c>
      <c r="D5131" t="s">
        <v>4785</v>
      </c>
    </row>
    <row r="5132" spans="1:4" x14ac:dyDescent="0.4">
      <c r="A5132" s="1" t="s">
        <v>4786</v>
      </c>
      <c r="B5132" t="s">
        <v>4451</v>
      </c>
      <c r="C5132" t="s">
        <v>4742</v>
      </c>
      <c r="D5132" t="s">
        <v>4787</v>
      </c>
    </row>
    <row r="5133" spans="1:4" x14ac:dyDescent="0.4">
      <c r="A5133" s="1" t="s">
        <v>4788</v>
      </c>
      <c r="B5133" t="s">
        <v>4451</v>
      </c>
      <c r="C5133" t="s">
        <v>4742</v>
      </c>
      <c r="D5133" t="s">
        <v>1827</v>
      </c>
    </row>
    <row r="5134" spans="1:4" x14ac:dyDescent="0.4">
      <c r="A5134" s="1" t="s">
        <v>4789</v>
      </c>
      <c r="B5134" t="s">
        <v>4451</v>
      </c>
      <c r="C5134" t="s">
        <v>4742</v>
      </c>
      <c r="D5134" t="s">
        <v>4790</v>
      </c>
    </row>
    <row r="5135" spans="1:4" x14ac:dyDescent="0.4">
      <c r="A5135" s="1" t="s">
        <v>4791</v>
      </c>
      <c r="B5135" t="s">
        <v>4451</v>
      </c>
      <c r="C5135" t="s">
        <v>4742</v>
      </c>
      <c r="D5135" t="s">
        <v>3183</v>
      </c>
    </row>
    <row r="5136" spans="1:4" x14ac:dyDescent="0.4">
      <c r="A5136" s="1" t="s">
        <v>4792</v>
      </c>
      <c r="B5136" t="s">
        <v>4451</v>
      </c>
      <c r="C5136" t="s">
        <v>4742</v>
      </c>
      <c r="D5136" t="s">
        <v>538</v>
      </c>
    </row>
    <row r="5137" spans="1:4" x14ac:dyDescent="0.4">
      <c r="A5137" s="1" t="s">
        <v>4793</v>
      </c>
      <c r="B5137" t="s">
        <v>4451</v>
      </c>
      <c r="C5137" t="s">
        <v>4742</v>
      </c>
      <c r="D5137" t="s">
        <v>4794</v>
      </c>
    </row>
    <row r="5138" spans="1:4" x14ac:dyDescent="0.4">
      <c r="A5138" s="1" t="s">
        <v>4795</v>
      </c>
      <c r="B5138" t="s">
        <v>4451</v>
      </c>
      <c r="C5138" t="s">
        <v>4742</v>
      </c>
      <c r="D5138" t="s">
        <v>4796</v>
      </c>
    </row>
    <row r="5139" spans="1:4" x14ac:dyDescent="0.4">
      <c r="A5139" s="1" t="s">
        <v>4797</v>
      </c>
      <c r="B5139" t="s">
        <v>4451</v>
      </c>
      <c r="C5139" t="s">
        <v>4742</v>
      </c>
      <c r="D5139" t="s">
        <v>4798</v>
      </c>
    </row>
    <row r="5140" spans="1:4" x14ac:dyDescent="0.4">
      <c r="A5140" s="1" t="s">
        <v>4799</v>
      </c>
      <c r="B5140" t="s">
        <v>4451</v>
      </c>
      <c r="C5140" t="s">
        <v>4742</v>
      </c>
      <c r="D5140" t="s">
        <v>4800</v>
      </c>
    </row>
    <row r="5141" spans="1:4" x14ac:dyDescent="0.4">
      <c r="A5141" s="1" t="s">
        <v>4801</v>
      </c>
      <c r="B5141" t="s">
        <v>4451</v>
      </c>
      <c r="C5141" t="s">
        <v>4742</v>
      </c>
      <c r="D5141" t="s">
        <v>4802</v>
      </c>
    </row>
    <row r="5142" spans="1:4" x14ac:dyDescent="0.4">
      <c r="A5142" s="1" t="s">
        <v>4803</v>
      </c>
      <c r="B5142" t="s">
        <v>4451</v>
      </c>
      <c r="C5142" t="s">
        <v>4742</v>
      </c>
      <c r="D5142" t="s">
        <v>4804</v>
      </c>
    </row>
    <row r="5143" spans="1:4" x14ac:dyDescent="0.4">
      <c r="A5143" s="1" t="s">
        <v>4805</v>
      </c>
      <c r="B5143" t="s">
        <v>4451</v>
      </c>
      <c r="C5143" t="s">
        <v>4742</v>
      </c>
      <c r="D5143" t="s">
        <v>338</v>
      </c>
    </row>
    <row r="5144" spans="1:4" x14ac:dyDescent="0.4">
      <c r="A5144" s="1" t="s">
        <v>4806</v>
      </c>
      <c r="B5144" t="s">
        <v>4451</v>
      </c>
      <c r="C5144" t="s">
        <v>4742</v>
      </c>
      <c r="D5144" t="s">
        <v>4807</v>
      </c>
    </row>
    <row r="5145" spans="1:4" x14ac:dyDescent="0.4">
      <c r="A5145" s="1" t="s">
        <v>4808</v>
      </c>
      <c r="B5145" t="s">
        <v>4451</v>
      </c>
      <c r="C5145" t="s">
        <v>4742</v>
      </c>
      <c r="D5145" t="s">
        <v>4809</v>
      </c>
    </row>
    <row r="5146" spans="1:4" x14ac:dyDescent="0.4">
      <c r="A5146" s="1" t="s">
        <v>4810</v>
      </c>
      <c r="B5146" t="s">
        <v>4451</v>
      </c>
      <c r="C5146" t="s">
        <v>4742</v>
      </c>
      <c r="D5146" t="s">
        <v>4811</v>
      </c>
    </row>
    <row r="5147" spans="1:4" x14ac:dyDescent="0.4">
      <c r="A5147" s="1" t="s">
        <v>4812</v>
      </c>
      <c r="B5147" t="s">
        <v>4451</v>
      </c>
      <c r="C5147" t="s">
        <v>4742</v>
      </c>
      <c r="D5147" t="s">
        <v>4813</v>
      </c>
    </row>
    <row r="5148" spans="1:4" x14ac:dyDescent="0.4">
      <c r="A5148" s="1" t="s">
        <v>4814</v>
      </c>
      <c r="B5148" t="s">
        <v>4451</v>
      </c>
      <c r="C5148" t="s">
        <v>4742</v>
      </c>
      <c r="D5148" t="s">
        <v>4815</v>
      </c>
    </row>
    <row r="5149" spans="1:4" x14ac:dyDescent="0.4">
      <c r="A5149" s="1" t="s">
        <v>4816</v>
      </c>
      <c r="B5149" t="s">
        <v>4451</v>
      </c>
      <c r="C5149" t="s">
        <v>4742</v>
      </c>
      <c r="D5149" t="s">
        <v>4817</v>
      </c>
    </row>
    <row r="5150" spans="1:4" x14ac:dyDescent="0.4">
      <c r="A5150" s="1" t="s">
        <v>4818</v>
      </c>
      <c r="B5150" t="s">
        <v>4451</v>
      </c>
      <c r="C5150" t="s">
        <v>4742</v>
      </c>
      <c r="D5150" t="s">
        <v>3605</v>
      </c>
    </row>
    <row r="5151" spans="1:4" x14ac:dyDescent="0.4">
      <c r="A5151" s="1" t="s">
        <v>4819</v>
      </c>
      <c r="B5151" t="s">
        <v>4451</v>
      </c>
      <c r="C5151" t="s">
        <v>4742</v>
      </c>
      <c r="D5151" t="s">
        <v>4820</v>
      </c>
    </row>
    <row r="5152" spans="1:4" x14ac:dyDescent="0.4">
      <c r="A5152" s="1" t="s">
        <v>4821</v>
      </c>
      <c r="B5152" t="s">
        <v>4451</v>
      </c>
      <c r="C5152" t="s">
        <v>4742</v>
      </c>
      <c r="D5152" t="s">
        <v>4822</v>
      </c>
    </row>
    <row r="5153" spans="1:4" x14ac:dyDescent="0.4">
      <c r="A5153" s="1" t="s">
        <v>4823</v>
      </c>
      <c r="B5153" t="s">
        <v>4451</v>
      </c>
      <c r="C5153" t="s">
        <v>4742</v>
      </c>
      <c r="D5153" t="s">
        <v>4824</v>
      </c>
    </row>
    <row r="5154" spans="1:4" x14ac:dyDescent="0.4">
      <c r="A5154" s="1" t="s">
        <v>4825</v>
      </c>
      <c r="B5154" t="s">
        <v>4451</v>
      </c>
      <c r="C5154" t="s">
        <v>4742</v>
      </c>
      <c r="D5154" t="s">
        <v>4826</v>
      </c>
    </row>
    <row r="5155" spans="1:4" x14ac:dyDescent="0.4">
      <c r="A5155" s="1" t="s">
        <v>4827</v>
      </c>
      <c r="B5155" t="s">
        <v>4451</v>
      </c>
      <c r="C5155" t="s">
        <v>4742</v>
      </c>
      <c r="D5155" t="s">
        <v>4828</v>
      </c>
    </row>
    <row r="5156" spans="1:4" x14ac:dyDescent="0.4">
      <c r="A5156" s="1" t="s">
        <v>4829</v>
      </c>
      <c r="B5156" t="s">
        <v>4451</v>
      </c>
      <c r="C5156" t="s">
        <v>4742</v>
      </c>
      <c r="D5156" t="s">
        <v>4830</v>
      </c>
    </row>
    <row r="5157" spans="1:4" x14ac:dyDescent="0.4">
      <c r="A5157" s="1" t="s">
        <v>4831</v>
      </c>
      <c r="B5157" t="s">
        <v>4451</v>
      </c>
      <c r="C5157" t="s">
        <v>4742</v>
      </c>
      <c r="D5157" t="s">
        <v>4832</v>
      </c>
    </row>
    <row r="5158" spans="1:4" x14ac:dyDescent="0.4">
      <c r="A5158" s="1" t="s">
        <v>4833</v>
      </c>
      <c r="B5158" t="s">
        <v>4451</v>
      </c>
      <c r="C5158" t="s">
        <v>4742</v>
      </c>
      <c r="D5158" t="s">
        <v>4834</v>
      </c>
    </row>
    <row r="5159" spans="1:4" x14ac:dyDescent="0.4">
      <c r="A5159" s="1" t="s">
        <v>4835</v>
      </c>
      <c r="B5159" t="s">
        <v>4451</v>
      </c>
      <c r="C5159" t="s">
        <v>4742</v>
      </c>
      <c r="D5159" t="s">
        <v>4836</v>
      </c>
    </row>
    <row r="5160" spans="1:4" x14ac:dyDescent="0.4">
      <c r="A5160" s="1" t="s">
        <v>4837</v>
      </c>
      <c r="B5160" t="s">
        <v>4451</v>
      </c>
      <c r="C5160" t="s">
        <v>4742</v>
      </c>
      <c r="D5160" t="s">
        <v>4838</v>
      </c>
    </row>
    <row r="5161" spans="1:4" x14ac:dyDescent="0.4">
      <c r="A5161" s="1" t="s">
        <v>4839</v>
      </c>
      <c r="B5161" t="s">
        <v>4451</v>
      </c>
      <c r="C5161" t="s">
        <v>4742</v>
      </c>
      <c r="D5161" t="s">
        <v>4840</v>
      </c>
    </row>
    <row r="5162" spans="1:4" x14ac:dyDescent="0.4">
      <c r="A5162" s="1" t="s">
        <v>4841</v>
      </c>
      <c r="B5162" t="s">
        <v>4451</v>
      </c>
      <c r="C5162" t="s">
        <v>4742</v>
      </c>
      <c r="D5162" t="s">
        <v>4842</v>
      </c>
    </row>
    <row r="5163" spans="1:4" x14ac:dyDescent="0.4">
      <c r="A5163" s="1" t="s">
        <v>4843</v>
      </c>
      <c r="B5163" t="s">
        <v>4451</v>
      </c>
      <c r="C5163" t="s">
        <v>4742</v>
      </c>
      <c r="D5163" t="s">
        <v>4844</v>
      </c>
    </row>
    <row r="5164" spans="1:4" x14ac:dyDescent="0.4">
      <c r="A5164" s="1" t="s">
        <v>4845</v>
      </c>
      <c r="B5164" t="s">
        <v>4451</v>
      </c>
      <c r="C5164" t="s">
        <v>4742</v>
      </c>
      <c r="D5164" t="s">
        <v>4846</v>
      </c>
    </row>
    <row r="5165" spans="1:4" x14ac:dyDescent="0.4">
      <c r="A5165" s="1" t="s">
        <v>4847</v>
      </c>
      <c r="B5165" t="s">
        <v>4451</v>
      </c>
      <c r="C5165" t="s">
        <v>4742</v>
      </c>
      <c r="D5165" t="s">
        <v>1818</v>
      </c>
    </row>
    <row r="5166" spans="1:4" x14ac:dyDescent="0.4">
      <c r="A5166" s="1" t="s">
        <v>4848</v>
      </c>
      <c r="B5166" t="s">
        <v>4451</v>
      </c>
      <c r="C5166" t="s">
        <v>4742</v>
      </c>
      <c r="D5166" t="s">
        <v>4849</v>
      </c>
    </row>
    <row r="5167" spans="1:4" x14ac:dyDescent="0.4">
      <c r="A5167" s="1" t="s">
        <v>4850</v>
      </c>
      <c r="B5167" t="s">
        <v>4451</v>
      </c>
      <c r="C5167" t="s">
        <v>4742</v>
      </c>
      <c r="D5167" t="s">
        <v>4851</v>
      </c>
    </row>
    <row r="5168" spans="1:4" x14ac:dyDescent="0.4">
      <c r="A5168" s="1" t="s">
        <v>4852</v>
      </c>
      <c r="B5168" t="s">
        <v>4451</v>
      </c>
      <c r="C5168" t="s">
        <v>4742</v>
      </c>
      <c r="D5168" t="s">
        <v>4853</v>
      </c>
    </row>
    <row r="5169" spans="1:4" x14ac:dyDescent="0.4">
      <c r="A5169" s="1" t="s">
        <v>4854</v>
      </c>
      <c r="B5169" t="s">
        <v>4451</v>
      </c>
      <c r="C5169" t="s">
        <v>4742</v>
      </c>
      <c r="D5169" t="s">
        <v>4855</v>
      </c>
    </row>
    <row r="5170" spans="1:4" x14ac:dyDescent="0.4">
      <c r="A5170" s="1" t="s">
        <v>4856</v>
      </c>
      <c r="B5170" t="s">
        <v>4451</v>
      </c>
      <c r="C5170" t="s">
        <v>4742</v>
      </c>
      <c r="D5170" t="s">
        <v>4857</v>
      </c>
    </row>
    <row r="5171" spans="1:4" x14ac:dyDescent="0.4">
      <c r="A5171" s="1" t="s">
        <v>4858</v>
      </c>
      <c r="B5171" t="s">
        <v>4451</v>
      </c>
      <c r="C5171" t="s">
        <v>4742</v>
      </c>
      <c r="D5171" t="s">
        <v>4859</v>
      </c>
    </row>
    <row r="5172" spans="1:4" x14ac:dyDescent="0.4">
      <c r="A5172" s="1" t="s">
        <v>4860</v>
      </c>
      <c r="B5172" t="s">
        <v>4451</v>
      </c>
      <c r="C5172" t="s">
        <v>4742</v>
      </c>
      <c r="D5172" t="s">
        <v>4861</v>
      </c>
    </row>
    <row r="5173" spans="1:4" x14ac:dyDescent="0.4">
      <c r="A5173" s="1" t="s">
        <v>4862</v>
      </c>
      <c r="B5173" t="s">
        <v>4451</v>
      </c>
      <c r="C5173" t="s">
        <v>4742</v>
      </c>
      <c r="D5173" t="s">
        <v>4863</v>
      </c>
    </row>
    <row r="5174" spans="1:4" x14ac:dyDescent="0.4">
      <c r="A5174" s="1" t="s">
        <v>4864</v>
      </c>
      <c r="B5174" t="s">
        <v>4451</v>
      </c>
      <c r="C5174" t="s">
        <v>4742</v>
      </c>
      <c r="D5174" t="s">
        <v>4865</v>
      </c>
    </row>
    <row r="5175" spans="1:4" x14ac:dyDescent="0.4">
      <c r="A5175" s="1" t="s">
        <v>4866</v>
      </c>
      <c r="B5175" t="s">
        <v>4451</v>
      </c>
      <c r="C5175" t="s">
        <v>4742</v>
      </c>
      <c r="D5175" t="s">
        <v>4867</v>
      </c>
    </row>
    <row r="5176" spans="1:4" x14ac:dyDescent="0.4">
      <c r="A5176" s="1" t="s">
        <v>4868</v>
      </c>
      <c r="B5176" t="s">
        <v>4451</v>
      </c>
      <c r="C5176" t="s">
        <v>4742</v>
      </c>
      <c r="D5176" t="s">
        <v>4869</v>
      </c>
    </row>
    <row r="5177" spans="1:4" x14ac:dyDescent="0.4">
      <c r="A5177" s="1" t="s">
        <v>4870</v>
      </c>
      <c r="B5177" t="s">
        <v>4451</v>
      </c>
      <c r="C5177" t="s">
        <v>4742</v>
      </c>
      <c r="D5177" t="s">
        <v>4871</v>
      </c>
    </row>
    <row r="5178" spans="1:4" x14ac:dyDescent="0.4">
      <c r="A5178" s="1" t="s">
        <v>4872</v>
      </c>
      <c r="B5178" t="s">
        <v>4451</v>
      </c>
      <c r="C5178" t="s">
        <v>4742</v>
      </c>
      <c r="D5178" t="s">
        <v>4873</v>
      </c>
    </row>
    <row r="5179" spans="1:4" x14ac:dyDescent="0.4">
      <c r="A5179" s="1" t="s">
        <v>4874</v>
      </c>
      <c r="B5179" t="s">
        <v>4451</v>
      </c>
      <c r="C5179" t="s">
        <v>4742</v>
      </c>
      <c r="D5179" t="s">
        <v>4875</v>
      </c>
    </row>
    <row r="5180" spans="1:4" x14ac:dyDescent="0.4">
      <c r="A5180" s="1" t="s">
        <v>4876</v>
      </c>
      <c r="B5180" t="s">
        <v>4451</v>
      </c>
      <c r="C5180" t="s">
        <v>4742</v>
      </c>
      <c r="D5180" t="s">
        <v>4877</v>
      </c>
    </row>
    <row r="5181" spans="1:4" x14ac:dyDescent="0.4">
      <c r="A5181" s="1" t="s">
        <v>4878</v>
      </c>
      <c r="B5181" t="s">
        <v>4451</v>
      </c>
      <c r="C5181" t="s">
        <v>4742</v>
      </c>
      <c r="D5181" t="s">
        <v>4879</v>
      </c>
    </row>
    <row r="5182" spans="1:4" x14ac:dyDescent="0.4">
      <c r="A5182" s="1" t="s">
        <v>4880</v>
      </c>
      <c r="B5182" t="s">
        <v>4451</v>
      </c>
      <c r="C5182" t="s">
        <v>4742</v>
      </c>
      <c r="D5182" t="s">
        <v>4881</v>
      </c>
    </row>
    <row r="5183" spans="1:4" x14ac:dyDescent="0.4">
      <c r="A5183" s="1" t="s">
        <v>4882</v>
      </c>
      <c r="B5183" t="s">
        <v>4451</v>
      </c>
      <c r="C5183" t="s">
        <v>4742</v>
      </c>
      <c r="D5183" t="s">
        <v>2038</v>
      </c>
    </row>
    <row r="5184" spans="1:4" x14ac:dyDescent="0.4">
      <c r="A5184" s="1" t="s">
        <v>4883</v>
      </c>
      <c r="B5184" t="s">
        <v>4451</v>
      </c>
      <c r="C5184" t="s">
        <v>4742</v>
      </c>
      <c r="D5184" t="s">
        <v>4884</v>
      </c>
    </row>
    <row r="5185" spans="1:4" x14ac:dyDescent="0.4">
      <c r="A5185" s="1" t="s">
        <v>4885</v>
      </c>
      <c r="B5185" t="s">
        <v>4451</v>
      </c>
      <c r="C5185" t="s">
        <v>4742</v>
      </c>
      <c r="D5185" t="s">
        <v>4886</v>
      </c>
    </row>
    <row r="5186" spans="1:4" x14ac:dyDescent="0.4">
      <c r="A5186" s="1" t="s">
        <v>4887</v>
      </c>
      <c r="B5186" t="s">
        <v>4451</v>
      </c>
      <c r="C5186" t="s">
        <v>4742</v>
      </c>
      <c r="D5186" t="s">
        <v>4888</v>
      </c>
    </row>
    <row r="5187" spans="1:4" x14ac:dyDescent="0.4">
      <c r="A5187" s="1" t="s">
        <v>4889</v>
      </c>
      <c r="B5187" t="s">
        <v>4451</v>
      </c>
      <c r="C5187" t="s">
        <v>4742</v>
      </c>
      <c r="D5187" t="s">
        <v>4890</v>
      </c>
    </row>
    <row r="5188" spans="1:4" x14ac:dyDescent="0.4">
      <c r="A5188" s="1" t="s">
        <v>4891</v>
      </c>
      <c r="B5188" t="s">
        <v>4451</v>
      </c>
      <c r="C5188" t="s">
        <v>4742</v>
      </c>
      <c r="D5188" t="s">
        <v>3891</v>
      </c>
    </row>
    <row r="5189" spans="1:4" x14ac:dyDescent="0.4">
      <c r="A5189" s="1" t="s">
        <v>4892</v>
      </c>
      <c r="B5189" t="s">
        <v>4451</v>
      </c>
      <c r="C5189" t="s">
        <v>4742</v>
      </c>
      <c r="D5189" t="s">
        <v>4893</v>
      </c>
    </row>
    <row r="5190" spans="1:4" x14ac:dyDescent="0.4">
      <c r="A5190" s="1" t="s">
        <v>4894</v>
      </c>
      <c r="B5190" t="s">
        <v>4451</v>
      </c>
      <c r="C5190" t="s">
        <v>4742</v>
      </c>
      <c r="D5190" t="s">
        <v>4895</v>
      </c>
    </row>
    <row r="5191" spans="1:4" x14ac:dyDescent="0.4">
      <c r="A5191" s="1" t="s">
        <v>4896</v>
      </c>
      <c r="B5191" t="s">
        <v>4451</v>
      </c>
      <c r="C5191" t="s">
        <v>4742</v>
      </c>
      <c r="D5191" t="s">
        <v>4897</v>
      </c>
    </row>
    <row r="5192" spans="1:4" x14ac:dyDescent="0.4">
      <c r="A5192" s="1" t="s">
        <v>4898</v>
      </c>
      <c r="B5192" t="s">
        <v>4451</v>
      </c>
      <c r="C5192" t="s">
        <v>4742</v>
      </c>
      <c r="D5192" t="s">
        <v>4899</v>
      </c>
    </row>
    <row r="5193" spans="1:4" x14ac:dyDescent="0.4">
      <c r="A5193" s="1" t="s">
        <v>4900</v>
      </c>
      <c r="B5193" t="s">
        <v>4451</v>
      </c>
      <c r="C5193" t="s">
        <v>4742</v>
      </c>
      <c r="D5193" t="s">
        <v>4901</v>
      </c>
    </row>
    <row r="5194" spans="1:4" x14ac:dyDescent="0.4">
      <c r="A5194" s="1" t="s">
        <v>4902</v>
      </c>
      <c r="B5194" t="s">
        <v>4451</v>
      </c>
      <c r="C5194" t="s">
        <v>4742</v>
      </c>
      <c r="D5194" t="s">
        <v>4903</v>
      </c>
    </row>
    <row r="5195" spans="1:4" x14ac:dyDescent="0.4">
      <c r="A5195" s="1" t="s">
        <v>4904</v>
      </c>
      <c r="B5195" t="s">
        <v>4451</v>
      </c>
      <c r="C5195" t="s">
        <v>4742</v>
      </c>
      <c r="D5195" t="s">
        <v>4905</v>
      </c>
    </row>
    <row r="5196" spans="1:4" x14ac:dyDescent="0.4">
      <c r="A5196" s="1" t="s">
        <v>4906</v>
      </c>
      <c r="B5196" t="s">
        <v>4451</v>
      </c>
      <c r="C5196" t="s">
        <v>4742</v>
      </c>
      <c r="D5196" t="s">
        <v>4907</v>
      </c>
    </row>
    <row r="5197" spans="1:4" x14ac:dyDescent="0.4">
      <c r="A5197" s="1" t="s">
        <v>4908</v>
      </c>
      <c r="B5197" t="s">
        <v>4451</v>
      </c>
      <c r="C5197" t="s">
        <v>4742</v>
      </c>
      <c r="D5197" t="s">
        <v>255</v>
      </c>
    </row>
    <row r="5198" spans="1:4" x14ac:dyDescent="0.4">
      <c r="A5198" s="1" t="s">
        <v>4909</v>
      </c>
      <c r="B5198" t="s">
        <v>4451</v>
      </c>
      <c r="C5198" t="s">
        <v>4742</v>
      </c>
      <c r="D5198" t="s">
        <v>4910</v>
      </c>
    </row>
    <row r="5199" spans="1:4" x14ac:dyDescent="0.4">
      <c r="A5199" s="1" t="s">
        <v>4911</v>
      </c>
      <c r="B5199" t="s">
        <v>4451</v>
      </c>
      <c r="C5199" t="s">
        <v>4742</v>
      </c>
      <c r="D5199" t="s">
        <v>2312</v>
      </c>
    </row>
    <row r="5200" spans="1:4" x14ac:dyDescent="0.4">
      <c r="A5200" s="1" t="s">
        <v>4912</v>
      </c>
      <c r="B5200" t="s">
        <v>4451</v>
      </c>
      <c r="C5200" t="s">
        <v>4742</v>
      </c>
      <c r="D5200" t="s">
        <v>4913</v>
      </c>
    </row>
    <row r="5201" spans="1:4" x14ac:dyDescent="0.4">
      <c r="A5201" s="1" t="s">
        <v>4914</v>
      </c>
      <c r="B5201" t="s">
        <v>4451</v>
      </c>
      <c r="C5201" t="s">
        <v>4742</v>
      </c>
      <c r="D5201" t="s">
        <v>1741</v>
      </c>
    </row>
    <row r="5202" spans="1:4" x14ac:dyDescent="0.4">
      <c r="A5202" s="1" t="s">
        <v>4915</v>
      </c>
      <c r="B5202" t="s">
        <v>4451</v>
      </c>
      <c r="C5202" t="s">
        <v>4742</v>
      </c>
      <c r="D5202" t="s">
        <v>4916</v>
      </c>
    </row>
    <row r="5203" spans="1:4" x14ac:dyDescent="0.4">
      <c r="A5203" s="1" t="s">
        <v>4917</v>
      </c>
      <c r="B5203" t="s">
        <v>4451</v>
      </c>
      <c r="C5203" t="s">
        <v>4742</v>
      </c>
      <c r="D5203" t="s">
        <v>4918</v>
      </c>
    </row>
    <row r="5204" spans="1:4" x14ac:dyDescent="0.4">
      <c r="A5204" s="1" t="s">
        <v>4919</v>
      </c>
      <c r="B5204" t="s">
        <v>4451</v>
      </c>
      <c r="C5204" t="s">
        <v>4742</v>
      </c>
      <c r="D5204" t="s">
        <v>4920</v>
      </c>
    </row>
    <row r="5205" spans="1:4" x14ac:dyDescent="0.4">
      <c r="A5205" s="1" t="s">
        <v>4921</v>
      </c>
      <c r="B5205" t="s">
        <v>4451</v>
      </c>
      <c r="C5205" t="s">
        <v>4742</v>
      </c>
      <c r="D5205" t="s">
        <v>4922</v>
      </c>
    </row>
    <row r="5206" spans="1:4" x14ac:dyDescent="0.4">
      <c r="A5206" s="1" t="s">
        <v>4923</v>
      </c>
      <c r="B5206" t="s">
        <v>4451</v>
      </c>
      <c r="C5206" t="s">
        <v>4742</v>
      </c>
      <c r="D5206" t="s">
        <v>4924</v>
      </c>
    </row>
    <row r="5207" spans="1:4" x14ac:dyDescent="0.4">
      <c r="A5207" s="1" t="s">
        <v>4925</v>
      </c>
      <c r="B5207" t="s">
        <v>4451</v>
      </c>
      <c r="C5207" t="s">
        <v>4742</v>
      </c>
      <c r="D5207" t="s">
        <v>4926</v>
      </c>
    </row>
    <row r="5208" spans="1:4" x14ac:dyDescent="0.4">
      <c r="A5208" s="1" t="s">
        <v>4927</v>
      </c>
      <c r="B5208" t="s">
        <v>4451</v>
      </c>
      <c r="C5208" t="s">
        <v>4742</v>
      </c>
      <c r="D5208" t="s">
        <v>4928</v>
      </c>
    </row>
    <row r="5209" spans="1:4" x14ac:dyDescent="0.4">
      <c r="A5209" s="1" t="s">
        <v>4929</v>
      </c>
      <c r="B5209" t="s">
        <v>4451</v>
      </c>
      <c r="C5209" t="s">
        <v>4742</v>
      </c>
      <c r="D5209" t="s">
        <v>4930</v>
      </c>
    </row>
    <row r="5210" spans="1:4" x14ac:dyDescent="0.4">
      <c r="A5210" s="1" t="s">
        <v>4931</v>
      </c>
      <c r="B5210" t="s">
        <v>4451</v>
      </c>
      <c r="C5210" t="s">
        <v>4742</v>
      </c>
      <c r="D5210" t="s">
        <v>4932</v>
      </c>
    </row>
    <row r="5211" spans="1:4" x14ac:dyDescent="0.4">
      <c r="A5211" s="1" t="s">
        <v>4933</v>
      </c>
      <c r="B5211" t="s">
        <v>4451</v>
      </c>
      <c r="C5211" t="s">
        <v>4742</v>
      </c>
      <c r="D5211" t="s">
        <v>4934</v>
      </c>
    </row>
    <row r="5212" spans="1:4" x14ac:dyDescent="0.4">
      <c r="A5212" s="1" t="s">
        <v>4935</v>
      </c>
      <c r="B5212" t="s">
        <v>4451</v>
      </c>
      <c r="C5212" t="s">
        <v>4742</v>
      </c>
      <c r="D5212" t="s">
        <v>4936</v>
      </c>
    </row>
    <row r="5213" spans="1:4" x14ac:dyDescent="0.4">
      <c r="A5213" s="1" t="s">
        <v>4937</v>
      </c>
      <c r="B5213" t="s">
        <v>4451</v>
      </c>
      <c r="C5213" t="s">
        <v>4742</v>
      </c>
      <c r="D5213" t="s">
        <v>4938</v>
      </c>
    </row>
    <row r="5214" spans="1:4" x14ac:dyDescent="0.4">
      <c r="A5214" s="1" t="s">
        <v>4939</v>
      </c>
      <c r="B5214" t="s">
        <v>4451</v>
      </c>
      <c r="C5214" t="s">
        <v>4742</v>
      </c>
      <c r="D5214" t="s">
        <v>3619</v>
      </c>
    </row>
    <row r="5215" spans="1:4" x14ac:dyDescent="0.4">
      <c r="A5215" s="1" t="s">
        <v>4940</v>
      </c>
      <c r="B5215" t="s">
        <v>4451</v>
      </c>
      <c r="C5215" t="s">
        <v>4742</v>
      </c>
      <c r="D5215" t="s">
        <v>4941</v>
      </c>
    </row>
    <row r="5216" spans="1:4" x14ac:dyDescent="0.4">
      <c r="A5216" s="1" t="s">
        <v>4942</v>
      </c>
      <c r="B5216" t="s">
        <v>4451</v>
      </c>
      <c r="C5216" t="s">
        <v>4742</v>
      </c>
      <c r="D5216" t="s">
        <v>4943</v>
      </c>
    </row>
    <row r="5217" spans="1:4" x14ac:dyDescent="0.4">
      <c r="A5217" s="1" t="s">
        <v>4944</v>
      </c>
      <c r="B5217" t="s">
        <v>4451</v>
      </c>
      <c r="C5217" t="s">
        <v>4742</v>
      </c>
      <c r="D5217" t="s">
        <v>4945</v>
      </c>
    </row>
    <row r="5218" spans="1:4" x14ac:dyDescent="0.4">
      <c r="A5218" s="1" t="s">
        <v>4946</v>
      </c>
      <c r="B5218" t="s">
        <v>4451</v>
      </c>
      <c r="C5218" t="s">
        <v>4742</v>
      </c>
      <c r="D5218" t="s">
        <v>4947</v>
      </c>
    </row>
    <row r="5219" spans="1:4" x14ac:dyDescent="0.4">
      <c r="A5219" s="1" t="s">
        <v>4948</v>
      </c>
      <c r="B5219" t="s">
        <v>4451</v>
      </c>
      <c r="C5219" t="s">
        <v>4742</v>
      </c>
      <c r="D5219" t="s">
        <v>4949</v>
      </c>
    </row>
    <row r="5220" spans="1:4" x14ac:dyDescent="0.4">
      <c r="A5220" s="1" t="s">
        <v>4950</v>
      </c>
      <c r="B5220" t="s">
        <v>4451</v>
      </c>
      <c r="C5220" t="s">
        <v>4742</v>
      </c>
      <c r="D5220" t="s">
        <v>4551</v>
      </c>
    </row>
    <row r="5221" spans="1:4" x14ac:dyDescent="0.4">
      <c r="A5221" s="1" t="s">
        <v>4951</v>
      </c>
      <c r="B5221" t="s">
        <v>4451</v>
      </c>
      <c r="C5221" t="s">
        <v>4742</v>
      </c>
      <c r="D5221" t="s">
        <v>4952</v>
      </c>
    </row>
    <row r="5222" spans="1:4" x14ac:dyDescent="0.4">
      <c r="A5222" s="1" t="s">
        <v>4953</v>
      </c>
      <c r="B5222" t="s">
        <v>4451</v>
      </c>
      <c r="C5222" t="s">
        <v>4742</v>
      </c>
      <c r="D5222" t="s">
        <v>4203</v>
      </c>
    </row>
    <row r="5223" spans="1:4" x14ac:dyDescent="0.4">
      <c r="A5223" s="1" t="s">
        <v>4954</v>
      </c>
      <c r="B5223" t="s">
        <v>4451</v>
      </c>
      <c r="C5223" t="s">
        <v>4742</v>
      </c>
      <c r="D5223" t="s">
        <v>4955</v>
      </c>
    </row>
    <row r="5224" spans="1:4" x14ac:dyDescent="0.4">
      <c r="A5224" s="1" t="s">
        <v>4956</v>
      </c>
      <c r="B5224" t="s">
        <v>4451</v>
      </c>
      <c r="C5224" t="s">
        <v>4742</v>
      </c>
      <c r="D5224" t="s">
        <v>4957</v>
      </c>
    </row>
    <row r="5225" spans="1:4" x14ac:dyDescent="0.4">
      <c r="A5225" s="1" t="s">
        <v>4958</v>
      </c>
      <c r="B5225" t="s">
        <v>4451</v>
      </c>
      <c r="C5225" t="s">
        <v>4742</v>
      </c>
      <c r="D5225" t="s">
        <v>4959</v>
      </c>
    </row>
    <row r="5226" spans="1:4" x14ac:dyDescent="0.4">
      <c r="A5226" s="1" t="s">
        <v>4960</v>
      </c>
      <c r="B5226" t="s">
        <v>4451</v>
      </c>
      <c r="C5226" t="s">
        <v>4742</v>
      </c>
      <c r="D5226" t="s">
        <v>4204</v>
      </c>
    </row>
    <row r="5227" spans="1:4" x14ac:dyDescent="0.4">
      <c r="A5227" s="1" t="s">
        <v>4961</v>
      </c>
      <c r="B5227" t="s">
        <v>4451</v>
      </c>
      <c r="C5227" t="s">
        <v>4742</v>
      </c>
      <c r="D5227" t="s">
        <v>4962</v>
      </c>
    </row>
    <row r="5228" spans="1:4" x14ac:dyDescent="0.4">
      <c r="A5228" s="1" t="s">
        <v>4963</v>
      </c>
      <c r="B5228" t="s">
        <v>4451</v>
      </c>
      <c r="C5228" t="s">
        <v>4742</v>
      </c>
      <c r="D5228" t="s">
        <v>4964</v>
      </c>
    </row>
    <row r="5229" spans="1:4" x14ac:dyDescent="0.4">
      <c r="A5229" s="1" t="s">
        <v>4965</v>
      </c>
      <c r="B5229" t="s">
        <v>4451</v>
      </c>
      <c r="C5229" t="s">
        <v>4742</v>
      </c>
      <c r="D5229" t="s">
        <v>4966</v>
      </c>
    </row>
    <row r="5230" spans="1:4" x14ac:dyDescent="0.4">
      <c r="A5230" s="1" t="s">
        <v>4967</v>
      </c>
      <c r="B5230" t="s">
        <v>4451</v>
      </c>
      <c r="C5230" t="s">
        <v>4742</v>
      </c>
      <c r="D5230" t="s">
        <v>4968</v>
      </c>
    </row>
    <row r="5231" spans="1:4" x14ac:dyDescent="0.4">
      <c r="A5231" s="1" t="s">
        <v>4969</v>
      </c>
      <c r="B5231" t="s">
        <v>4451</v>
      </c>
      <c r="C5231" t="s">
        <v>4742</v>
      </c>
      <c r="D5231" t="s">
        <v>4970</v>
      </c>
    </row>
    <row r="5232" spans="1:4" x14ac:dyDescent="0.4">
      <c r="A5232" s="1" t="s">
        <v>4971</v>
      </c>
      <c r="B5232" t="s">
        <v>4451</v>
      </c>
      <c r="C5232" t="s">
        <v>4742</v>
      </c>
      <c r="D5232" t="s">
        <v>3395</v>
      </c>
    </row>
    <row r="5233" spans="1:4" x14ac:dyDescent="0.4">
      <c r="A5233" s="1" t="s">
        <v>4972</v>
      </c>
      <c r="B5233" t="s">
        <v>4451</v>
      </c>
      <c r="C5233" t="s">
        <v>4742</v>
      </c>
      <c r="D5233" t="s">
        <v>4973</v>
      </c>
    </row>
    <row r="5234" spans="1:4" x14ac:dyDescent="0.4">
      <c r="A5234" s="1" t="s">
        <v>4974</v>
      </c>
      <c r="B5234" t="s">
        <v>4451</v>
      </c>
      <c r="C5234" t="s">
        <v>4742</v>
      </c>
      <c r="D5234" t="s">
        <v>4975</v>
      </c>
    </row>
    <row r="5235" spans="1:4" x14ac:dyDescent="0.4">
      <c r="A5235" s="1" t="s">
        <v>4976</v>
      </c>
      <c r="B5235" t="s">
        <v>4451</v>
      </c>
      <c r="C5235" t="s">
        <v>4742</v>
      </c>
      <c r="D5235" t="s">
        <v>3120</v>
      </c>
    </row>
    <row r="5236" spans="1:4" x14ac:dyDescent="0.4">
      <c r="A5236" s="1" t="s">
        <v>4977</v>
      </c>
      <c r="B5236" t="s">
        <v>4451</v>
      </c>
      <c r="C5236" t="s">
        <v>4742</v>
      </c>
      <c r="D5236" t="s">
        <v>370</v>
      </c>
    </row>
    <row r="5237" spans="1:4" x14ac:dyDescent="0.4">
      <c r="A5237" s="1" t="s">
        <v>4978</v>
      </c>
      <c r="B5237" t="s">
        <v>4451</v>
      </c>
      <c r="C5237" t="s">
        <v>4742</v>
      </c>
      <c r="D5237" t="s">
        <v>371</v>
      </c>
    </row>
    <row r="5238" spans="1:4" x14ac:dyDescent="0.4">
      <c r="A5238" s="1" t="s">
        <v>4979</v>
      </c>
      <c r="B5238" t="s">
        <v>4451</v>
      </c>
      <c r="C5238" t="s">
        <v>4742</v>
      </c>
      <c r="D5238" t="s">
        <v>4980</v>
      </c>
    </row>
    <row r="5239" spans="1:4" x14ac:dyDescent="0.4">
      <c r="A5239" s="1" t="s">
        <v>4981</v>
      </c>
      <c r="B5239" t="s">
        <v>4451</v>
      </c>
      <c r="C5239" t="s">
        <v>4742</v>
      </c>
      <c r="D5239" t="s">
        <v>4982</v>
      </c>
    </row>
    <row r="5240" spans="1:4" x14ac:dyDescent="0.4">
      <c r="A5240" s="1" t="s">
        <v>4983</v>
      </c>
      <c r="B5240" t="s">
        <v>4451</v>
      </c>
      <c r="C5240" t="s">
        <v>4742</v>
      </c>
      <c r="D5240" t="s">
        <v>3693</v>
      </c>
    </row>
    <row r="5241" spans="1:4" x14ac:dyDescent="0.4">
      <c r="A5241" s="1" t="s">
        <v>4984</v>
      </c>
      <c r="B5241" t="s">
        <v>4451</v>
      </c>
      <c r="C5241" t="s">
        <v>4742</v>
      </c>
      <c r="D5241" t="s">
        <v>4985</v>
      </c>
    </row>
    <row r="5242" spans="1:4" x14ac:dyDescent="0.4">
      <c r="A5242" s="1" t="s">
        <v>4986</v>
      </c>
      <c r="B5242" t="s">
        <v>4451</v>
      </c>
      <c r="C5242" t="s">
        <v>4742</v>
      </c>
      <c r="D5242" t="s">
        <v>4987</v>
      </c>
    </row>
    <row r="5243" spans="1:4" x14ac:dyDescent="0.4">
      <c r="A5243" s="1" t="s">
        <v>4988</v>
      </c>
      <c r="B5243" t="s">
        <v>4451</v>
      </c>
      <c r="C5243" t="s">
        <v>4742</v>
      </c>
      <c r="D5243" t="s">
        <v>4989</v>
      </c>
    </row>
    <row r="5244" spans="1:4" x14ac:dyDescent="0.4">
      <c r="A5244" s="1" t="s">
        <v>4990</v>
      </c>
      <c r="B5244" t="s">
        <v>4451</v>
      </c>
      <c r="C5244" t="s">
        <v>4742</v>
      </c>
      <c r="D5244" t="s">
        <v>4991</v>
      </c>
    </row>
    <row r="5245" spans="1:4" x14ac:dyDescent="0.4">
      <c r="A5245" s="1" t="s">
        <v>4992</v>
      </c>
      <c r="B5245" t="s">
        <v>4451</v>
      </c>
      <c r="C5245" t="s">
        <v>4742</v>
      </c>
      <c r="D5245" t="s">
        <v>4993</v>
      </c>
    </row>
    <row r="5246" spans="1:4" x14ac:dyDescent="0.4">
      <c r="A5246" s="1" t="s">
        <v>4994</v>
      </c>
      <c r="B5246" t="s">
        <v>4451</v>
      </c>
      <c r="C5246" t="s">
        <v>4742</v>
      </c>
      <c r="D5246" t="s">
        <v>4995</v>
      </c>
    </row>
    <row r="5247" spans="1:4" x14ac:dyDescent="0.4">
      <c r="A5247" s="1" t="s">
        <v>4996</v>
      </c>
      <c r="B5247" t="s">
        <v>4451</v>
      </c>
      <c r="C5247" t="s">
        <v>4742</v>
      </c>
      <c r="D5247" t="s">
        <v>372</v>
      </c>
    </row>
    <row r="5248" spans="1:4" x14ac:dyDescent="0.4">
      <c r="A5248" s="1" t="s">
        <v>4997</v>
      </c>
      <c r="B5248" t="s">
        <v>4451</v>
      </c>
      <c r="C5248" t="s">
        <v>4742</v>
      </c>
      <c r="D5248" t="s">
        <v>4998</v>
      </c>
    </row>
    <row r="5249" spans="1:4" x14ac:dyDescent="0.4">
      <c r="A5249" s="1" t="s">
        <v>4999</v>
      </c>
      <c r="B5249" t="s">
        <v>4451</v>
      </c>
      <c r="C5249" t="s">
        <v>4742</v>
      </c>
      <c r="D5249" t="s">
        <v>5000</v>
      </c>
    </row>
    <row r="5250" spans="1:4" x14ac:dyDescent="0.4">
      <c r="A5250" s="1" t="s">
        <v>5001</v>
      </c>
      <c r="B5250" t="s">
        <v>4451</v>
      </c>
      <c r="C5250" t="s">
        <v>4742</v>
      </c>
      <c r="D5250" t="s">
        <v>5002</v>
      </c>
    </row>
    <row r="5251" spans="1:4" x14ac:dyDescent="0.4">
      <c r="A5251" s="1" t="s">
        <v>5003</v>
      </c>
      <c r="B5251" t="s">
        <v>4451</v>
      </c>
      <c r="C5251" t="s">
        <v>4742</v>
      </c>
      <c r="D5251" t="s">
        <v>5004</v>
      </c>
    </row>
    <row r="5252" spans="1:4" x14ac:dyDescent="0.4">
      <c r="A5252" s="1" t="s">
        <v>5005</v>
      </c>
      <c r="B5252" t="s">
        <v>4451</v>
      </c>
      <c r="C5252" t="s">
        <v>4742</v>
      </c>
      <c r="D5252" t="s">
        <v>5006</v>
      </c>
    </row>
    <row r="5253" spans="1:4" x14ac:dyDescent="0.4">
      <c r="A5253" s="1" t="s">
        <v>5007</v>
      </c>
      <c r="B5253" t="s">
        <v>4451</v>
      </c>
      <c r="C5253" t="s">
        <v>4742</v>
      </c>
      <c r="D5253" t="s">
        <v>5008</v>
      </c>
    </row>
    <row r="5254" spans="1:4" x14ac:dyDescent="0.4">
      <c r="A5254" s="1" t="s">
        <v>5009</v>
      </c>
      <c r="B5254" t="s">
        <v>4451</v>
      </c>
      <c r="C5254" t="s">
        <v>4742</v>
      </c>
      <c r="D5254" t="s">
        <v>5010</v>
      </c>
    </row>
    <row r="5255" spans="1:4" x14ac:dyDescent="0.4">
      <c r="A5255" s="1" t="s">
        <v>5011</v>
      </c>
      <c r="B5255" t="s">
        <v>4451</v>
      </c>
      <c r="C5255" t="s">
        <v>4742</v>
      </c>
      <c r="D5255" t="s">
        <v>5012</v>
      </c>
    </row>
    <row r="5256" spans="1:4" x14ac:dyDescent="0.4">
      <c r="A5256" s="1" t="s">
        <v>5013</v>
      </c>
      <c r="B5256" t="s">
        <v>4451</v>
      </c>
      <c r="C5256" t="s">
        <v>4742</v>
      </c>
      <c r="D5256" t="s">
        <v>5014</v>
      </c>
    </row>
    <row r="5257" spans="1:4" x14ac:dyDescent="0.4">
      <c r="A5257" s="1" t="s">
        <v>5015</v>
      </c>
      <c r="B5257" t="s">
        <v>4451</v>
      </c>
      <c r="C5257" t="s">
        <v>4742</v>
      </c>
      <c r="D5257" t="s">
        <v>5016</v>
      </c>
    </row>
    <row r="5258" spans="1:4" x14ac:dyDescent="0.4">
      <c r="A5258" s="1" t="s">
        <v>5017</v>
      </c>
      <c r="B5258" t="s">
        <v>4451</v>
      </c>
      <c r="C5258" t="s">
        <v>4742</v>
      </c>
      <c r="D5258" t="s">
        <v>5018</v>
      </c>
    </row>
    <row r="5259" spans="1:4" x14ac:dyDescent="0.4">
      <c r="A5259" s="1" t="s">
        <v>5019</v>
      </c>
      <c r="B5259" t="s">
        <v>4451</v>
      </c>
      <c r="C5259" t="s">
        <v>4742</v>
      </c>
      <c r="D5259" t="s">
        <v>5020</v>
      </c>
    </row>
    <row r="5260" spans="1:4" x14ac:dyDescent="0.4">
      <c r="A5260" s="1" t="s">
        <v>5021</v>
      </c>
      <c r="B5260" t="s">
        <v>4451</v>
      </c>
      <c r="C5260" t="s">
        <v>4742</v>
      </c>
      <c r="D5260" t="s">
        <v>5022</v>
      </c>
    </row>
    <row r="5261" spans="1:4" x14ac:dyDescent="0.4">
      <c r="A5261" s="1" t="s">
        <v>5023</v>
      </c>
      <c r="B5261" t="s">
        <v>4451</v>
      </c>
      <c r="C5261" t="s">
        <v>4742</v>
      </c>
      <c r="D5261" t="s">
        <v>5024</v>
      </c>
    </row>
    <row r="5262" spans="1:4" x14ac:dyDescent="0.4">
      <c r="A5262" s="1" t="s">
        <v>5025</v>
      </c>
      <c r="B5262" t="s">
        <v>4451</v>
      </c>
      <c r="C5262" t="s">
        <v>4742</v>
      </c>
      <c r="D5262" t="s">
        <v>5026</v>
      </c>
    </row>
    <row r="5263" spans="1:4" x14ac:dyDescent="0.4">
      <c r="A5263" s="1" t="s">
        <v>5027</v>
      </c>
      <c r="B5263" t="s">
        <v>4451</v>
      </c>
      <c r="C5263" t="s">
        <v>4742</v>
      </c>
      <c r="D5263" t="s">
        <v>5028</v>
      </c>
    </row>
    <row r="5264" spans="1:4" x14ac:dyDescent="0.4">
      <c r="A5264" s="1" t="s">
        <v>5029</v>
      </c>
      <c r="B5264" t="s">
        <v>4451</v>
      </c>
      <c r="C5264" t="s">
        <v>4742</v>
      </c>
      <c r="D5264" t="s">
        <v>5030</v>
      </c>
    </row>
    <row r="5265" spans="1:4" x14ac:dyDescent="0.4">
      <c r="A5265" s="1" t="s">
        <v>5031</v>
      </c>
      <c r="B5265" t="s">
        <v>4451</v>
      </c>
      <c r="C5265" t="s">
        <v>4742</v>
      </c>
      <c r="D5265" t="s">
        <v>5032</v>
      </c>
    </row>
    <row r="5266" spans="1:4" x14ac:dyDescent="0.4">
      <c r="A5266" s="1" t="s">
        <v>5033</v>
      </c>
      <c r="B5266" t="s">
        <v>4451</v>
      </c>
      <c r="C5266" t="s">
        <v>4742</v>
      </c>
      <c r="D5266" t="s">
        <v>5034</v>
      </c>
    </row>
    <row r="5267" spans="1:4" x14ac:dyDescent="0.4">
      <c r="A5267" s="1" t="s">
        <v>5035</v>
      </c>
      <c r="B5267" t="s">
        <v>4451</v>
      </c>
      <c r="C5267" t="s">
        <v>4742</v>
      </c>
      <c r="D5267" t="s">
        <v>5036</v>
      </c>
    </row>
    <row r="5268" spans="1:4" x14ac:dyDescent="0.4">
      <c r="A5268" s="1" t="s">
        <v>5037</v>
      </c>
      <c r="B5268" t="s">
        <v>4451</v>
      </c>
      <c r="C5268" t="s">
        <v>4742</v>
      </c>
      <c r="D5268" t="s">
        <v>5038</v>
      </c>
    </row>
    <row r="5269" spans="1:4" x14ac:dyDescent="0.4">
      <c r="A5269" s="1" t="s">
        <v>5039</v>
      </c>
      <c r="B5269" t="s">
        <v>4451</v>
      </c>
      <c r="C5269" t="s">
        <v>4742</v>
      </c>
      <c r="D5269" t="s">
        <v>4150</v>
      </c>
    </row>
    <row r="5270" spans="1:4" x14ac:dyDescent="0.4">
      <c r="A5270" s="1" t="s">
        <v>5040</v>
      </c>
      <c r="B5270" t="s">
        <v>4451</v>
      </c>
      <c r="C5270" t="s">
        <v>4742</v>
      </c>
      <c r="D5270" t="s">
        <v>21</v>
      </c>
    </row>
    <row r="5271" spans="1:4" x14ac:dyDescent="0.4">
      <c r="A5271" s="1" t="s">
        <v>5041</v>
      </c>
      <c r="B5271" t="s">
        <v>4451</v>
      </c>
      <c r="C5271" t="s">
        <v>4742</v>
      </c>
      <c r="D5271" t="s">
        <v>5042</v>
      </c>
    </row>
    <row r="5272" spans="1:4" x14ac:dyDescent="0.4">
      <c r="A5272" s="1" t="s">
        <v>5043</v>
      </c>
      <c r="B5272" t="s">
        <v>4451</v>
      </c>
      <c r="C5272" t="s">
        <v>4742</v>
      </c>
      <c r="D5272" t="s">
        <v>4151</v>
      </c>
    </row>
    <row r="5273" spans="1:4" x14ac:dyDescent="0.4">
      <c r="A5273" s="1" t="s">
        <v>5044</v>
      </c>
      <c r="B5273" t="s">
        <v>4451</v>
      </c>
      <c r="C5273" t="s">
        <v>4742</v>
      </c>
      <c r="D5273" t="s">
        <v>5045</v>
      </c>
    </row>
    <row r="5274" spans="1:4" x14ac:dyDescent="0.4">
      <c r="A5274" s="1" t="s">
        <v>5046</v>
      </c>
      <c r="B5274" t="s">
        <v>4451</v>
      </c>
      <c r="C5274" t="s">
        <v>4742</v>
      </c>
      <c r="D5274" t="s">
        <v>5047</v>
      </c>
    </row>
    <row r="5275" spans="1:4" x14ac:dyDescent="0.4">
      <c r="A5275" s="1" t="s">
        <v>5048</v>
      </c>
      <c r="B5275" t="s">
        <v>4451</v>
      </c>
      <c r="C5275" t="s">
        <v>4742</v>
      </c>
      <c r="D5275" t="s">
        <v>5049</v>
      </c>
    </row>
    <row r="5276" spans="1:4" x14ac:dyDescent="0.4">
      <c r="A5276" s="1" t="s">
        <v>5050</v>
      </c>
      <c r="B5276" t="s">
        <v>4451</v>
      </c>
      <c r="C5276" t="s">
        <v>4742</v>
      </c>
      <c r="D5276" t="s">
        <v>5051</v>
      </c>
    </row>
    <row r="5277" spans="1:4" x14ac:dyDescent="0.4">
      <c r="A5277" s="1" t="s">
        <v>5052</v>
      </c>
      <c r="B5277" t="s">
        <v>4451</v>
      </c>
      <c r="C5277" t="s">
        <v>4742</v>
      </c>
      <c r="D5277" t="s">
        <v>5053</v>
      </c>
    </row>
    <row r="5278" spans="1:4" x14ac:dyDescent="0.4">
      <c r="A5278" s="1" t="s">
        <v>5054</v>
      </c>
      <c r="B5278" t="s">
        <v>4451</v>
      </c>
      <c r="C5278" t="s">
        <v>4742</v>
      </c>
      <c r="D5278" t="s">
        <v>5055</v>
      </c>
    </row>
    <row r="5279" spans="1:4" x14ac:dyDescent="0.4">
      <c r="A5279" s="1" t="s">
        <v>5056</v>
      </c>
      <c r="B5279" t="s">
        <v>4451</v>
      </c>
      <c r="C5279" t="s">
        <v>4742</v>
      </c>
      <c r="D5279" t="s">
        <v>5057</v>
      </c>
    </row>
    <row r="5280" spans="1:4" x14ac:dyDescent="0.4">
      <c r="A5280" s="1" t="s">
        <v>5058</v>
      </c>
      <c r="B5280" t="s">
        <v>4451</v>
      </c>
      <c r="C5280" t="s">
        <v>4742</v>
      </c>
      <c r="D5280" t="s">
        <v>5059</v>
      </c>
    </row>
    <row r="5281" spans="1:4" x14ac:dyDescent="0.4">
      <c r="A5281" s="1" t="s">
        <v>5060</v>
      </c>
      <c r="B5281" t="s">
        <v>4451</v>
      </c>
      <c r="C5281" t="s">
        <v>4742</v>
      </c>
      <c r="D5281" t="s">
        <v>5061</v>
      </c>
    </row>
    <row r="5282" spans="1:4" x14ac:dyDescent="0.4">
      <c r="A5282" s="1" t="s">
        <v>5062</v>
      </c>
      <c r="B5282" t="s">
        <v>4451</v>
      </c>
      <c r="C5282" t="s">
        <v>4742</v>
      </c>
      <c r="D5282" t="s">
        <v>5063</v>
      </c>
    </row>
    <row r="5283" spans="1:4" x14ac:dyDescent="0.4">
      <c r="A5283" s="1" t="s">
        <v>5064</v>
      </c>
      <c r="B5283" t="s">
        <v>4451</v>
      </c>
      <c r="C5283" t="s">
        <v>4742</v>
      </c>
      <c r="D5283" t="s">
        <v>5065</v>
      </c>
    </row>
    <row r="5284" spans="1:4" x14ac:dyDescent="0.4">
      <c r="A5284" s="1" t="s">
        <v>5066</v>
      </c>
      <c r="B5284" t="s">
        <v>4451</v>
      </c>
      <c r="C5284" t="s">
        <v>4742</v>
      </c>
      <c r="D5284" t="s">
        <v>5067</v>
      </c>
    </row>
    <row r="5285" spans="1:4" x14ac:dyDescent="0.4">
      <c r="A5285" s="1" t="s">
        <v>5068</v>
      </c>
      <c r="B5285" t="s">
        <v>4451</v>
      </c>
      <c r="C5285" t="s">
        <v>4742</v>
      </c>
      <c r="D5285" t="s">
        <v>5069</v>
      </c>
    </row>
    <row r="5286" spans="1:4" x14ac:dyDescent="0.4">
      <c r="A5286" s="1" t="s">
        <v>5070</v>
      </c>
      <c r="B5286" t="s">
        <v>4451</v>
      </c>
      <c r="C5286" t="s">
        <v>4742</v>
      </c>
      <c r="D5286" t="s">
        <v>5071</v>
      </c>
    </row>
    <row r="5287" spans="1:4" x14ac:dyDescent="0.4">
      <c r="A5287" s="1" t="s">
        <v>5072</v>
      </c>
      <c r="B5287" t="s">
        <v>4451</v>
      </c>
      <c r="C5287" t="s">
        <v>4742</v>
      </c>
      <c r="D5287" t="s">
        <v>5073</v>
      </c>
    </row>
    <row r="5288" spans="1:4" x14ac:dyDescent="0.4">
      <c r="A5288" s="1" t="s">
        <v>5074</v>
      </c>
      <c r="B5288" t="s">
        <v>4451</v>
      </c>
      <c r="C5288" t="s">
        <v>4742</v>
      </c>
      <c r="D5288" t="s">
        <v>5075</v>
      </c>
    </row>
    <row r="5289" spans="1:4" x14ac:dyDescent="0.4">
      <c r="A5289" s="1" t="s">
        <v>5076</v>
      </c>
      <c r="B5289" t="s">
        <v>4451</v>
      </c>
      <c r="C5289" t="s">
        <v>4742</v>
      </c>
      <c r="D5289" t="s">
        <v>5077</v>
      </c>
    </row>
    <row r="5290" spans="1:4" x14ac:dyDescent="0.4">
      <c r="A5290" s="1" t="s">
        <v>5078</v>
      </c>
      <c r="B5290" t="s">
        <v>4451</v>
      </c>
      <c r="C5290" t="s">
        <v>4742</v>
      </c>
      <c r="D5290" t="s">
        <v>5079</v>
      </c>
    </row>
    <row r="5291" spans="1:4" x14ac:dyDescent="0.4">
      <c r="A5291" s="1" t="s">
        <v>5080</v>
      </c>
      <c r="B5291" t="s">
        <v>4451</v>
      </c>
      <c r="C5291" t="s">
        <v>4742</v>
      </c>
      <c r="D5291" t="s">
        <v>5081</v>
      </c>
    </row>
    <row r="5292" spans="1:4" x14ac:dyDescent="0.4">
      <c r="A5292" s="1" t="s">
        <v>5082</v>
      </c>
      <c r="B5292" t="s">
        <v>4451</v>
      </c>
      <c r="C5292" t="s">
        <v>4742</v>
      </c>
      <c r="D5292" t="s">
        <v>5083</v>
      </c>
    </row>
    <row r="5293" spans="1:4" x14ac:dyDescent="0.4">
      <c r="A5293" s="1" t="s">
        <v>5084</v>
      </c>
      <c r="B5293" t="s">
        <v>4451</v>
      </c>
      <c r="C5293" t="s">
        <v>4742</v>
      </c>
      <c r="D5293" t="s">
        <v>5085</v>
      </c>
    </row>
    <row r="5294" spans="1:4" x14ac:dyDescent="0.4">
      <c r="A5294" s="1" t="s">
        <v>5086</v>
      </c>
      <c r="B5294" t="s">
        <v>4451</v>
      </c>
      <c r="C5294" t="s">
        <v>4742</v>
      </c>
      <c r="D5294" t="s">
        <v>5087</v>
      </c>
    </row>
    <row r="5295" spans="1:4" x14ac:dyDescent="0.4">
      <c r="A5295" s="1" t="s">
        <v>5088</v>
      </c>
      <c r="B5295" t="s">
        <v>4451</v>
      </c>
      <c r="C5295" t="s">
        <v>4742</v>
      </c>
      <c r="D5295" t="s">
        <v>5089</v>
      </c>
    </row>
    <row r="5296" spans="1:4" x14ac:dyDescent="0.4">
      <c r="A5296" s="1" t="s">
        <v>5090</v>
      </c>
      <c r="B5296" t="s">
        <v>4451</v>
      </c>
      <c r="C5296" t="s">
        <v>4742</v>
      </c>
      <c r="D5296" t="s">
        <v>5091</v>
      </c>
    </row>
    <row r="5297" spans="1:4" x14ac:dyDescent="0.4">
      <c r="A5297" s="1" t="s">
        <v>5092</v>
      </c>
      <c r="B5297" t="s">
        <v>4451</v>
      </c>
      <c r="C5297" t="s">
        <v>4742</v>
      </c>
      <c r="D5297" t="s">
        <v>1928</v>
      </c>
    </row>
    <row r="5298" spans="1:4" x14ac:dyDescent="0.4">
      <c r="A5298" s="1" t="s">
        <v>5093</v>
      </c>
      <c r="B5298" t="s">
        <v>4451</v>
      </c>
      <c r="C5298" t="s">
        <v>4742</v>
      </c>
      <c r="D5298" t="s">
        <v>5094</v>
      </c>
    </row>
    <row r="5299" spans="1:4" x14ac:dyDescent="0.4">
      <c r="A5299" s="1" t="s">
        <v>5095</v>
      </c>
      <c r="B5299" t="s">
        <v>4451</v>
      </c>
      <c r="C5299" t="s">
        <v>4742</v>
      </c>
      <c r="D5299" t="s">
        <v>5096</v>
      </c>
    </row>
    <row r="5300" spans="1:4" x14ac:dyDescent="0.4">
      <c r="A5300" s="1" t="s">
        <v>5097</v>
      </c>
      <c r="B5300" t="s">
        <v>4451</v>
      </c>
      <c r="C5300" t="s">
        <v>4742</v>
      </c>
      <c r="D5300" t="s">
        <v>479</v>
      </c>
    </row>
    <row r="5301" spans="1:4" x14ac:dyDescent="0.4">
      <c r="A5301" s="1" t="s">
        <v>5098</v>
      </c>
      <c r="B5301" t="s">
        <v>4451</v>
      </c>
      <c r="C5301" t="s">
        <v>4742</v>
      </c>
      <c r="D5301" t="s">
        <v>5099</v>
      </c>
    </row>
    <row r="5302" spans="1:4" x14ac:dyDescent="0.4">
      <c r="A5302" s="1" t="s">
        <v>5100</v>
      </c>
      <c r="B5302" t="s">
        <v>4451</v>
      </c>
      <c r="C5302" t="s">
        <v>4742</v>
      </c>
      <c r="D5302" t="s">
        <v>5101</v>
      </c>
    </row>
    <row r="5303" spans="1:4" x14ac:dyDescent="0.4">
      <c r="A5303" s="1" t="s">
        <v>5102</v>
      </c>
      <c r="B5303" t="s">
        <v>4451</v>
      </c>
      <c r="C5303" t="s">
        <v>4742</v>
      </c>
      <c r="D5303" t="s">
        <v>5103</v>
      </c>
    </row>
    <row r="5304" spans="1:4" x14ac:dyDescent="0.4">
      <c r="A5304" s="1" t="s">
        <v>5104</v>
      </c>
      <c r="B5304" t="s">
        <v>4451</v>
      </c>
      <c r="C5304" t="s">
        <v>4742</v>
      </c>
      <c r="D5304" t="s">
        <v>5105</v>
      </c>
    </row>
    <row r="5305" spans="1:4" x14ac:dyDescent="0.4">
      <c r="A5305" s="1" t="s">
        <v>5106</v>
      </c>
      <c r="B5305" t="s">
        <v>4451</v>
      </c>
      <c r="C5305" t="s">
        <v>4742</v>
      </c>
      <c r="D5305" t="s">
        <v>5107</v>
      </c>
    </row>
    <row r="5306" spans="1:4" x14ac:dyDescent="0.4">
      <c r="A5306" s="1" t="s">
        <v>5108</v>
      </c>
      <c r="B5306" t="s">
        <v>4451</v>
      </c>
      <c r="C5306" t="s">
        <v>4742</v>
      </c>
      <c r="D5306" t="s">
        <v>5109</v>
      </c>
    </row>
    <row r="5307" spans="1:4" x14ac:dyDescent="0.4">
      <c r="A5307" s="1" t="s">
        <v>5110</v>
      </c>
      <c r="B5307" t="s">
        <v>4451</v>
      </c>
      <c r="C5307" t="s">
        <v>4742</v>
      </c>
      <c r="D5307" t="s">
        <v>5111</v>
      </c>
    </row>
    <row r="5308" spans="1:4" x14ac:dyDescent="0.4">
      <c r="A5308" s="1" t="s">
        <v>5112</v>
      </c>
      <c r="B5308" t="s">
        <v>4451</v>
      </c>
      <c r="C5308" t="s">
        <v>4742</v>
      </c>
      <c r="D5308" t="s">
        <v>5113</v>
      </c>
    </row>
    <row r="5309" spans="1:4" x14ac:dyDescent="0.4">
      <c r="A5309" s="1" t="s">
        <v>5114</v>
      </c>
      <c r="B5309" t="s">
        <v>4451</v>
      </c>
      <c r="C5309" t="s">
        <v>4742</v>
      </c>
      <c r="D5309" t="s">
        <v>5115</v>
      </c>
    </row>
    <row r="5310" spans="1:4" x14ac:dyDescent="0.4">
      <c r="A5310" s="1" t="s">
        <v>5116</v>
      </c>
      <c r="B5310" t="s">
        <v>4451</v>
      </c>
      <c r="C5310" t="s">
        <v>4742</v>
      </c>
      <c r="D5310" t="s">
        <v>5117</v>
      </c>
    </row>
    <row r="5311" spans="1:4" x14ac:dyDescent="0.4">
      <c r="A5311" s="1" t="s">
        <v>5118</v>
      </c>
      <c r="B5311" t="s">
        <v>4451</v>
      </c>
      <c r="C5311" t="s">
        <v>4742</v>
      </c>
      <c r="D5311" t="s">
        <v>5119</v>
      </c>
    </row>
    <row r="5312" spans="1:4" x14ac:dyDescent="0.4">
      <c r="A5312" s="1" t="s">
        <v>5120</v>
      </c>
      <c r="B5312" t="s">
        <v>4451</v>
      </c>
      <c r="C5312" t="s">
        <v>4742</v>
      </c>
      <c r="D5312" t="s">
        <v>5121</v>
      </c>
    </row>
    <row r="5313" spans="1:4" x14ac:dyDescent="0.4">
      <c r="A5313" s="1" t="s">
        <v>5122</v>
      </c>
      <c r="B5313" t="s">
        <v>4451</v>
      </c>
      <c r="C5313" t="s">
        <v>4742</v>
      </c>
      <c r="D5313" t="s">
        <v>5123</v>
      </c>
    </row>
    <row r="5314" spans="1:4" x14ac:dyDescent="0.4">
      <c r="A5314" s="1" t="s">
        <v>5124</v>
      </c>
      <c r="B5314" t="s">
        <v>4451</v>
      </c>
      <c r="C5314" t="s">
        <v>4742</v>
      </c>
      <c r="D5314" t="s">
        <v>5125</v>
      </c>
    </row>
    <row r="5315" spans="1:4" x14ac:dyDescent="0.4">
      <c r="A5315" s="1" t="s">
        <v>5126</v>
      </c>
      <c r="B5315" t="s">
        <v>4451</v>
      </c>
      <c r="C5315" t="s">
        <v>4742</v>
      </c>
      <c r="D5315" t="s">
        <v>1604</v>
      </c>
    </row>
    <row r="5316" spans="1:4" x14ac:dyDescent="0.4">
      <c r="A5316" s="1" t="s">
        <v>5127</v>
      </c>
      <c r="B5316" t="s">
        <v>4451</v>
      </c>
      <c r="C5316" t="s">
        <v>4742</v>
      </c>
      <c r="D5316" t="s">
        <v>3530</v>
      </c>
    </row>
    <row r="5317" spans="1:4" x14ac:dyDescent="0.4">
      <c r="A5317" s="1" t="s">
        <v>5128</v>
      </c>
      <c r="B5317" t="s">
        <v>4451</v>
      </c>
      <c r="C5317" t="s">
        <v>4742</v>
      </c>
      <c r="D5317" t="s">
        <v>5129</v>
      </c>
    </row>
    <row r="5318" spans="1:4" x14ac:dyDescent="0.4">
      <c r="A5318" s="1" t="s">
        <v>5130</v>
      </c>
      <c r="B5318" t="s">
        <v>4451</v>
      </c>
      <c r="C5318" t="s">
        <v>4742</v>
      </c>
      <c r="D5318" t="s">
        <v>5131</v>
      </c>
    </row>
    <row r="5319" spans="1:4" x14ac:dyDescent="0.4">
      <c r="A5319" s="1" t="s">
        <v>5132</v>
      </c>
      <c r="B5319" t="s">
        <v>4451</v>
      </c>
      <c r="C5319" t="s">
        <v>4742</v>
      </c>
      <c r="D5319" t="s">
        <v>5133</v>
      </c>
    </row>
    <row r="5320" spans="1:4" x14ac:dyDescent="0.4">
      <c r="A5320" s="1" t="s">
        <v>5134</v>
      </c>
      <c r="B5320" t="s">
        <v>4451</v>
      </c>
      <c r="C5320" t="s">
        <v>4742</v>
      </c>
      <c r="D5320" t="s">
        <v>5135</v>
      </c>
    </row>
    <row r="5321" spans="1:4" x14ac:dyDescent="0.4">
      <c r="A5321" s="1" t="s">
        <v>5136</v>
      </c>
      <c r="B5321" t="s">
        <v>4451</v>
      </c>
      <c r="C5321" t="s">
        <v>4742</v>
      </c>
      <c r="D5321" t="s">
        <v>5137</v>
      </c>
    </row>
    <row r="5322" spans="1:4" x14ac:dyDescent="0.4">
      <c r="A5322" s="1" t="s">
        <v>5138</v>
      </c>
      <c r="B5322" t="s">
        <v>4451</v>
      </c>
      <c r="C5322" t="s">
        <v>4742</v>
      </c>
      <c r="D5322" t="s">
        <v>5139</v>
      </c>
    </row>
    <row r="5323" spans="1:4" x14ac:dyDescent="0.4">
      <c r="A5323" s="1" t="s">
        <v>5140</v>
      </c>
      <c r="B5323" t="s">
        <v>4451</v>
      </c>
      <c r="C5323" t="s">
        <v>4742</v>
      </c>
      <c r="D5323" t="s">
        <v>5141</v>
      </c>
    </row>
    <row r="5324" spans="1:4" x14ac:dyDescent="0.4">
      <c r="A5324" s="1" t="s">
        <v>5142</v>
      </c>
      <c r="B5324" t="s">
        <v>4451</v>
      </c>
      <c r="C5324" t="s">
        <v>4742</v>
      </c>
      <c r="D5324" t="s">
        <v>652</v>
      </c>
    </row>
    <row r="5325" spans="1:4" x14ac:dyDescent="0.4">
      <c r="A5325" s="1" t="s">
        <v>5143</v>
      </c>
      <c r="B5325" t="s">
        <v>4451</v>
      </c>
      <c r="C5325" t="s">
        <v>4742</v>
      </c>
      <c r="D5325" t="s">
        <v>1605</v>
      </c>
    </row>
    <row r="5326" spans="1:4" x14ac:dyDescent="0.4">
      <c r="A5326" s="1" t="s">
        <v>5144</v>
      </c>
      <c r="B5326" t="s">
        <v>4451</v>
      </c>
      <c r="C5326" t="s">
        <v>4742</v>
      </c>
      <c r="D5326" t="s">
        <v>5145</v>
      </c>
    </row>
    <row r="5327" spans="1:4" x14ac:dyDescent="0.4">
      <c r="A5327" s="1" t="s">
        <v>5146</v>
      </c>
      <c r="B5327" t="s">
        <v>4451</v>
      </c>
      <c r="C5327" t="s">
        <v>4742</v>
      </c>
      <c r="D5327" t="s">
        <v>5147</v>
      </c>
    </row>
    <row r="5328" spans="1:4" x14ac:dyDescent="0.4">
      <c r="A5328" s="1" t="s">
        <v>5148</v>
      </c>
      <c r="B5328" t="s">
        <v>4451</v>
      </c>
      <c r="C5328" t="s">
        <v>4742</v>
      </c>
      <c r="D5328" t="s">
        <v>4695</v>
      </c>
    </row>
    <row r="5329" spans="1:4" x14ac:dyDescent="0.4">
      <c r="A5329" s="1" t="s">
        <v>5149</v>
      </c>
      <c r="B5329" t="s">
        <v>4451</v>
      </c>
      <c r="C5329" t="s">
        <v>4742</v>
      </c>
      <c r="D5329" t="s">
        <v>3963</v>
      </c>
    </row>
    <row r="5330" spans="1:4" x14ac:dyDescent="0.4">
      <c r="A5330" s="1" t="s">
        <v>5150</v>
      </c>
      <c r="B5330" t="s">
        <v>4451</v>
      </c>
      <c r="C5330" t="s">
        <v>4742</v>
      </c>
      <c r="D5330" t="s">
        <v>403</v>
      </c>
    </row>
    <row r="5331" spans="1:4" x14ac:dyDescent="0.4">
      <c r="A5331" s="1" t="s">
        <v>5151</v>
      </c>
      <c r="B5331" t="s">
        <v>4451</v>
      </c>
      <c r="C5331" t="s">
        <v>4742</v>
      </c>
      <c r="D5331" t="s">
        <v>5152</v>
      </c>
    </row>
    <row r="5332" spans="1:4" x14ac:dyDescent="0.4">
      <c r="A5332" s="1" t="s">
        <v>5153</v>
      </c>
      <c r="B5332" t="s">
        <v>4451</v>
      </c>
      <c r="C5332" t="s">
        <v>4742</v>
      </c>
      <c r="D5332" t="s">
        <v>5154</v>
      </c>
    </row>
    <row r="5333" spans="1:4" x14ac:dyDescent="0.4">
      <c r="A5333" s="1" t="s">
        <v>5155</v>
      </c>
      <c r="B5333" t="s">
        <v>4451</v>
      </c>
      <c r="C5333" t="s">
        <v>4742</v>
      </c>
      <c r="D5333" t="s">
        <v>1782</v>
      </c>
    </row>
    <row r="5334" spans="1:4" x14ac:dyDescent="0.4">
      <c r="A5334" s="1" t="s">
        <v>5156</v>
      </c>
      <c r="B5334" t="s">
        <v>4451</v>
      </c>
      <c r="C5334" t="s">
        <v>4742</v>
      </c>
      <c r="D5334" t="s">
        <v>5157</v>
      </c>
    </row>
    <row r="5335" spans="1:4" x14ac:dyDescent="0.4">
      <c r="A5335" s="1" t="s">
        <v>5158</v>
      </c>
      <c r="B5335" t="s">
        <v>4451</v>
      </c>
      <c r="C5335" t="s">
        <v>4742</v>
      </c>
      <c r="D5335" t="s">
        <v>5159</v>
      </c>
    </row>
    <row r="5336" spans="1:4" x14ac:dyDescent="0.4">
      <c r="A5336" s="1" t="s">
        <v>5160</v>
      </c>
      <c r="B5336" t="s">
        <v>4451</v>
      </c>
      <c r="C5336" t="s">
        <v>4742</v>
      </c>
      <c r="D5336" t="s">
        <v>5161</v>
      </c>
    </row>
    <row r="5337" spans="1:4" x14ac:dyDescent="0.4">
      <c r="A5337" s="1" t="s">
        <v>5162</v>
      </c>
      <c r="B5337" t="s">
        <v>4451</v>
      </c>
      <c r="C5337" t="s">
        <v>4742</v>
      </c>
      <c r="D5337" t="s">
        <v>5163</v>
      </c>
    </row>
    <row r="5338" spans="1:4" x14ac:dyDescent="0.4">
      <c r="A5338" s="1" t="s">
        <v>5164</v>
      </c>
      <c r="B5338" t="s">
        <v>4451</v>
      </c>
      <c r="C5338" t="s">
        <v>4742</v>
      </c>
      <c r="D5338" t="s">
        <v>5165</v>
      </c>
    </row>
    <row r="5339" spans="1:4" x14ac:dyDescent="0.4">
      <c r="A5339" s="1" t="s">
        <v>5166</v>
      </c>
      <c r="B5339" t="s">
        <v>4451</v>
      </c>
      <c r="C5339" t="s">
        <v>4742</v>
      </c>
      <c r="D5339" t="s">
        <v>5167</v>
      </c>
    </row>
    <row r="5340" spans="1:4" x14ac:dyDescent="0.4">
      <c r="A5340" s="1" t="s">
        <v>5168</v>
      </c>
      <c r="B5340" t="s">
        <v>4451</v>
      </c>
      <c r="C5340" t="s">
        <v>4742</v>
      </c>
      <c r="D5340" t="s">
        <v>5169</v>
      </c>
    </row>
    <row r="5341" spans="1:4" x14ac:dyDescent="0.4">
      <c r="A5341" s="1" t="s">
        <v>5170</v>
      </c>
      <c r="B5341" t="s">
        <v>4451</v>
      </c>
      <c r="C5341" t="s">
        <v>4742</v>
      </c>
      <c r="D5341" t="s">
        <v>5171</v>
      </c>
    </row>
    <row r="5342" spans="1:4" x14ac:dyDescent="0.4">
      <c r="A5342" s="1" t="s">
        <v>5172</v>
      </c>
      <c r="B5342" t="s">
        <v>4451</v>
      </c>
      <c r="C5342" t="s">
        <v>4742</v>
      </c>
      <c r="D5342" t="s">
        <v>5173</v>
      </c>
    </row>
    <row r="5343" spans="1:4" x14ac:dyDescent="0.4">
      <c r="A5343" s="1" t="s">
        <v>5174</v>
      </c>
      <c r="B5343" t="s">
        <v>4451</v>
      </c>
      <c r="C5343" t="s">
        <v>4742</v>
      </c>
      <c r="D5343" t="s">
        <v>506</v>
      </c>
    </row>
    <row r="5344" spans="1:4" x14ac:dyDescent="0.4">
      <c r="A5344" s="1" t="s">
        <v>5175</v>
      </c>
      <c r="B5344" t="s">
        <v>4451</v>
      </c>
      <c r="C5344" t="s">
        <v>4742</v>
      </c>
      <c r="D5344" t="s">
        <v>1611</v>
      </c>
    </row>
    <row r="5345" spans="1:4" x14ac:dyDescent="0.4">
      <c r="A5345" s="1" t="s">
        <v>5176</v>
      </c>
      <c r="B5345" t="s">
        <v>4451</v>
      </c>
      <c r="C5345" t="s">
        <v>4742</v>
      </c>
      <c r="D5345" t="s">
        <v>5177</v>
      </c>
    </row>
    <row r="5346" spans="1:4" x14ac:dyDescent="0.4">
      <c r="A5346" s="1" t="s">
        <v>5178</v>
      </c>
      <c r="B5346" t="s">
        <v>4451</v>
      </c>
      <c r="C5346" t="s">
        <v>4742</v>
      </c>
      <c r="D5346" t="s">
        <v>5179</v>
      </c>
    </row>
    <row r="5347" spans="1:4" x14ac:dyDescent="0.4">
      <c r="A5347" s="1" t="s">
        <v>5180</v>
      </c>
      <c r="B5347" t="s">
        <v>4451</v>
      </c>
      <c r="C5347" t="s">
        <v>4742</v>
      </c>
      <c r="D5347" t="s">
        <v>5181</v>
      </c>
    </row>
    <row r="5348" spans="1:4" x14ac:dyDescent="0.4">
      <c r="A5348" s="1" t="s">
        <v>5182</v>
      </c>
      <c r="B5348" t="s">
        <v>4451</v>
      </c>
      <c r="C5348" t="s">
        <v>4742</v>
      </c>
      <c r="D5348" t="s">
        <v>5183</v>
      </c>
    </row>
    <row r="5349" spans="1:4" x14ac:dyDescent="0.4">
      <c r="A5349" s="1" t="s">
        <v>5184</v>
      </c>
      <c r="B5349" t="s">
        <v>4451</v>
      </c>
      <c r="C5349" t="s">
        <v>4742</v>
      </c>
      <c r="D5349" t="s">
        <v>5185</v>
      </c>
    </row>
    <row r="5350" spans="1:4" x14ac:dyDescent="0.4">
      <c r="A5350" s="1" t="s">
        <v>5186</v>
      </c>
      <c r="B5350" t="s">
        <v>4451</v>
      </c>
      <c r="C5350" t="s">
        <v>4742</v>
      </c>
      <c r="D5350" t="s">
        <v>5187</v>
      </c>
    </row>
    <row r="5351" spans="1:4" x14ac:dyDescent="0.4">
      <c r="A5351" s="1" t="s">
        <v>5188</v>
      </c>
      <c r="B5351" t="s">
        <v>4451</v>
      </c>
      <c r="C5351" t="s">
        <v>4742</v>
      </c>
      <c r="D5351" t="s">
        <v>5189</v>
      </c>
    </row>
    <row r="5352" spans="1:4" x14ac:dyDescent="0.4">
      <c r="A5352" s="1" t="s">
        <v>5190</v>
      </c>
      <c r="B5352" t="s">
        <v>4451</v>
      </c>
      <c r="C5352" t="s">
        <v>4742</v>
      </c>
      <c r="D5352" t="s">
        <v>5191</v>
      </c>
    </row>
    <row r="5353" spans="1:4" x14ac:dyDescent="0.4">
      <c r="A5353" s="1" t="s">
        <v>5192</v>
      </c>
      <c r="B5353" t="s">
        <v>4451</v>
      </c>
      <c r="C5353" t="s">
        <v>4742</v>
      </c>
      <c r="D5353" t="s">
        <v>5193</v>
      </c>
    </row>
    <row r="5354" spans="1:4" x14ac:dyDescent="0.4">
      <c r="A5354" s="1" t="s">
        <v>5194</v>
      </c>
      <c r="B5354" t="s">
        <v>4451</v>
      </c>
      <c r="C5354" t="s">
        <v>4742</v>
      </c>
      <c r="D5354" t="s">
        <v>5195</v>
      </c>
    </row>
    <row r="5355" spans="1:4" x14ac:dyDescent="0.4">
      <c r="A5355" s="1" t="s">
        <v>5196</v>
      </c>
      <c r="B5355" t="s">
        <v>4451</v>
      </c>
      <c r="C5355" t="s">
        <v>4742</v>
      </c>
      <c r="D5355" t="s">
        <v>1705</v>
      </c>
    </row>
    <row r="5356" spans="1:4" x14ac:dyDescent="0.4">
      <c r="A5356" s="1" t="s">
        <v>5197</v>
      </c>
      <c r="B5356" t="s">
        <v>4451</v>
      </c>
      <c r="C5356" t="s">
        <v>4742</v>
      </c>
      <c r="D5356" t="s">
        <v>662</v>
      </c>
    </row>
    <row r="5357" spans="1:4" x14ac:dyDescent="0.4">
      <c r="A5357" s="1" t="s">
        <v>5198</v>
      </c>
      <c r="B5357" t="s">
        <v>4451</v>
      </c>
      <c r="C5357" t="s">
        <v>4742</v>
      </c>
      <c r="D5357" t="s">
        <v>5199</v>
      </c>
    </row>
    <row r="5358" spans="1:4" x14ac:dyDescent="0.4">
      <c r="A5358" s="1" t="s">
        <v>5200</v>
      </c>
      <c r="B5358" t="s">
        <v>4451</v>
      </c>
      <c r="C5358" t="s">
        <v>4742</v>
      </c>
      <c r="D5358" t="s">
        <v>3510</v>
      </c>
    </row>
    <row r="5359" spans="1:4" x14ac:dyDescent="0.4">
      <c r="A5359" s="1" t="s">
        <v>5201</v>
      </c>
      <c r="B5359" t="s">
        <v>4451</v>
      </c>
      <c r="C5359" t="s">
        <v>4742</v>
      </c>
      <c r="D5359" t="s">
        <v>5202</v>
      </c>
    </row>
    <row r="5360" spans="1:4" x14ac:dyDescent="0.4">
      <c r="A5360" s="1" t="s">
        <v>5203</v>
      </c>
      <c r="B5360" t="s">
        <v>4451</v>
      </c>
      <c r="C5360" t="s">
        <v>4742</v>
      </c>
      <c r="D5360" t="s">
        <v>5204</v>
      </c>
    </row>
    <row r="5361" spans="1:4" x14ac:dyDescent="0.4">
      <c r="A5361" s="1" t="s">
        <v>5205</v>
      </c>
      <c r="B5361" t="s">
        <v>4451</v>
      </c>
      <c r="C5361" t="s">
        <v>4742</v>
      </c>
      <c r="D5361" t="s">
        <v>5206</v>
      </c>
    </row>
    <row r="5362" spans="1:4" x14ac:dyDescent="0.4">
      <c r="A5362" s="1" t="s">
        <v>5207</v>
      </c>
      <c r="B5362" t="s">
        <v>4451</v>
      </c>
      <c r="C5362" t="s">
        <v>4742</v>
      </c>
      <c r="D5362" t="s">
        <v>5208</v>
      </c>
    </row>
    <row r="5363" spans="1:4" x14ac:dyDescent="0.4">
      <c r="A5363" s="1" t="s">
        <v>5209</v>
      </c>
      <c r="B5363" t="s">
        <v>4451</v>
      </c>
      <c r="C5363" t="s">
        <v>4742</v>
      </c>
      <c r="D5363" t="s">
        <v>5210</v>
      </c>
    </row>
    <row r="5364" spans="1:4" x14ac:dyDescent="0.4">
      <c r="A5364" s="1" t="s">
        <v>5211</v>
      </c>
      <c r="B5364" t="s">
        <v>4451</v>
      </c>
      <c r="C5364" t="s">
        <v>4742</v>
      </c>
      <c r="D5364" t="s">
        <v>5212</v>
      </c>
    </row>
    <row r="5365" spans="1:4" x14ac:dyDescent="0.4">
      <c r="A5365" s="1" t="s">
        <v>5213</v>
      </c>
      <c r="B5365" t="s">
        <v>4451</v>
      </c>
      <c r="C5365" t="s">
        <v>4742</v>
      </c>
      <c r="D5365" t="s">
        <v>5214</v>
      </c>
    </row>
    <row r="5366" spans="1:4" x14ac:dyDescent="0.4">
      <c r="A5366" s="1" t="s">
        <v>5215</v>
      </c>
      <c r="B5366" t="s">
        <v>4451</v>
      </c>
      <c r="C5366" t="s">
        <v>4742</v>
      </c>
      <c r="D5366" t="s">
        <v>5216</v>
      </c>
    </row>
    <row r="5367" spans="1:4" x14ac:dyDescent="0.4">
      <c r="A5367" s="1" t="s">
        <v>5217</v>
      </c>
      <c r="B5367" t="s">
        <v>4451</v>
      </c>
      <c r="C5367" t="s">
        <v>4742</v>
      </c>
      <c r="D5367" t="s">
        <v>5218</v>
      </c>
    </row>
    <row r="5368" spans="1:4" x14ac:dyDescent="0.4">
      <c r="A5368" s="1" t="s">
        <v>5219</v>
      </c>
      <c r="B5368" t="s">
        <v>4451</v>
      </c>
      <c r="C5368" t="s">
        <v>4742</v>
      </c>
      <c r="D5368" t="s">
        <v>5220</v>
      </c>
    </row>
    <row r="5369" spans="1:4" x14ac:dyDescent="0.4">
      <c r="A5369" s="1" t="s">
        <v>5221</v>
      </c>
      <c r="B5369" t="s">
        <v>4451</v>
      </c>
      <c r="C5369" t="s">
        <v>4742</v>
      </c>
      <c r="D5369" t="s">
        <v>5222</v>
      </c>
    </row>
    <row r="5370" spans="1:4" x14ac:dyDescent="0.4">
      <c r="A5370" s="1" t="s">
        <v>5223</v>
      </c>
      <c r="B5370" t="s">
        <v>4451</v>
      </c>
      <c r="C5370" t="s">
        <v>4742</v>
      </c>
      <c r="D5370" t="s">
        <v>5224</v>
      </c>
    </row>
    <row r="5371" spans="1:4" x14ac:dyDescent="0.4">
      <c r="A5371" s="1" t="s">
        <v>5225</v>
      </c>
      <c r="B5371" t="s">
        <v>4451</v>
      </c>
      <c r="C5371" t="s">
        <v>4742</v>
      </c>
      <c r="D5371" t="s">
        <v>5226</v>
      </c>
    </row>
    <row r="5372" spans="1:4" x14ac:dyDescent="0.4">
      <c r="A5372" s="1" t="s">
        <v>5227</v>
      </c>
      <c r="B5372" t="s">
        <v>4451</v>
      </c>
      <c r="C5372" t="s">
        <v>4742</v>
      </c>
      <c r="D5372" t="s">
        <v>406</v>
      </c>
    </row>
    <row r="5373" spans="1:4" x14ac:dyDescent="0.4">
      <c r="A5373" s="1" t="s">
        <v>5228</v>
      </c>
      <c r="B5373" t="s">
        <v>4451</v>
      </c>
      <c r="C5373" t="s">
        <v>4742</v>
      </c>
      <c r="D5373" t="s">
        <v>5229</v>
      </c>
    </row>
    <row r="5374" spans="1:4" x14ac:dyDescent="0.4">
      <c r="A5374" s="1" t="s">
        <v>5230</v>
      </c>
      <c r="B5374" t="s">
        <v>4451</v>
      </c>
      <c r="C5374" t="s">
        <v>4742</v>
      </c>
      <c r="D5374" t="s">
        <v>5231</v>
      </c>
    </row>
    <row r="5375" spans="1:4" x14ac:dyDescent="0.4">
      <c r="A5375" s="1" t="s">
        <v>5232</v>
      </c>
      <c r="B5375" t="s">
        <v>4451</v>
      </c>
      <c r="C5375" t="s">
        <v>4742</v>
      </c>
      <c r="D5375" t="s">
        <v>824</v>
      </c>
    </row>
    <row r="5376" spans="1:4" x14ac:dyDescent="0.4">
      <c r="A5376" s="1" t="s">
        <v>5233</v>
      </c>
      <c r="B5376" t="s">
        <v>4451</v>
      </c>
      <c r="C5376" t="s">
        <v>4742</v>
      </c>
      <c r="D5376" t="s">
        <v>2067</v>
      </c>
    </row>
    <row r="5377" spans="1:4" x14ac:dyDescent="0.4">
      <c r="A5377" s="1" t="s">
        <v>5234</v>
      </c>
      <c r="B5377" t="s">
        <v>4451</v>
      </c>
      <c r="C5377" t="s">
        <v>4742</v>
      </c>
      <c r="D5377" t="s">
        <v>5235</v>
      </c>
    </row>
    <row r="5378" spans="1:4" x14ac:dyDescent="0.4">
      <c r="A5378" s="1" t="s">
        <v>5236</v>
      </c>
      <c r="B5378" t="s">
        <v>4451</v>
      </c>
      <c r="C5378" t="s">
        <v>4742</v>
      </c>
      <c r="D5378" t="s">
        <v>5237</v>
      </c>
    </row>
    <row r="5379" spans="1:4" x14ac:dyDescent="0.4">
      <c r="A5379" s="1" t="s">
        <v>5238</v>
      </c>
      <c r="B5379" t="s">
        <v>4451</v>
      </c>
      <c r="C5379" t="s">
        <v>4742</v>
      </c>
      <c r="D5379" t="s">
        <v>5239</v>
      </c>
    </row>
    <row r="5380" spans="1:4" x14ac:dyDescent="0.4">
      <c r="A5380" s="1" t="s">
        <v>5240</v>
      </c>
      <c r="B5380" t="s">
        <v>4451</v>
      </c>
      <c r="C5380" t="s">
        <v>4742</v>
      </c>
      <c r="D5380" t="s">
        <v>5241</v>
      </c>
    </row>
    <row r="5381" spans="1:4" x14ac:dyDescent="0.4">
      <c r="A5381" s="1" t="s">
        <v>5242</v>
      </c>
      <c r="B5381" t="s">
        <v>4451</v>
      </c>
      <c r="C5381" t="s">
        <v>4742</v>
      </c>
      <c r="D5381" t="s">
        <v>5243</v>
      </c>
    </row>
    <row r="5382" spans="1:4" x14ac:dyDescent="0.4">
      <c r="A5382" s="1" t="s">
        <v>5244</v>
      </c>
      <c r="B5382" t="s">
        <v>4451</v>
      </c>
      <c r="C5382" t="s">
        <v>4742</v>
      </c>
      <c r="D5382" t="s">
        <v>5245</v>
      </c>
    </row>
    <row r="5383" spans="1:4" x14ac:dyDescent="0.4">
      <c r="A5383" s="1" t="s">
        <v>5246</v>
      </c>
      <c r="B5383" t="s">
        <v>4451</v>
      </c>
      <c r="C5383" t="s">
        <v>4742</v>
      </c>
      <c r="D5383" t="s">
        <v>767</v>
      </c>
    </row>
    <row r="5384" spans="1:4" x14ac:dyDescent="0.4">
      <c r="A5384" s="1" t="s">
        <v>5247</v>
      </c>
      <c r="B5384" t="s">
        <v>4451</v>
      </c>
      <c r="C5384" t="s">
        <v>4742</v>
      </c>
      <c r="D5384" t="s">
        <v>5248</v>
      </c>
    </row>
    <row r="5385" spans="1:4" x14ac:dyDescent="0.4">
      <c r="A5385" s="1" t="s">
        <v>5249</v>
      </c>
      <c r="B5385" t="s">
        <v>4451</v>
      </c>
      <c r="C5385" t="s">
        <v>4742</v>
      </c>
      <c r="D5385" t="s">
        <v>119</v>
      </c>
    </row>
    <row r="5386" spans="1:4" x14ac:dyDescent="0.4">
      <c r="A5386" s="1" t="s">
        <v>5250</v>
      </c>
      <c r="B5386" t="s">
        <v>4451</v>
      </c>
      <c r="C5386" t="s">
        <v>4742</v>
      </c>
      <c r="D5386" t="s">
        <v>5251</v>
      </c>
    </row>
    <row r="5387" spans="1:4" x14ac:dyDescent="0.4">
      <c r="A5387" s="1" t="s">
        <v>5252</v>
      </c>
      <c r="B5387" t="s">
        <v>4451</v>
      </c>
      <c r="C5387" t="s">
        <v>4742</v>
      </c>
      <c r="D5387" t="s">
        <v>3385</v>
      </c>
    </row>
    <row r="5388" spans="1:4" x14ac:dyDescent="0.4">
      <c r="A5388" s="1" t="s">
        <v>5253</v>
      </c>
      <c r="B5388" t="s">
        <v>4451</v>
      </c>
      <c r="C5388" t="s">
        <v>4742</v>
      </c>
      <c r="D5388" t="s">
        <v>5254</v>
      </c>
    </row>
    <row r="5389" spans="1:4" x14ac:dyDescent="0.4">
      <c r="A5389" s="1" t="s">
        <v>5255</v>
      </c>
      <c r="B5389" t="s">
        <v>4451</v>
      </c>
      <c r="C5389" t="s">
        <v>5256</v>
      </c>
    </row>
    <row r="5390" spans="1:4" x14ac:dyDescent="0.4">
      <c r="A5390" s="1" t="s">
        <v>5257</v>
      </c>
      <c r="B5390" t="s">
        <v>4451</v>
      </c>
      <c r="C5390" t="s">
        <v>5256</v>
      </c>
      <c r="D5390" t="s">
        <v>4454</v>
      </c>
    </row>
    <row r="5391" spans="1:4" x14ac:dyDescent="0.4">
      <c r="A5391" s="1" t="s">
        <v>5258</v>
      </c>
      <c r="B5391" t="s">
        <v>4451</v>
      </c>
      <c r="C5391" t="s">
        <v>5256</v>
      </c>
      <c r="D5391" t="s">
        <v>2148</v>
      </c>
    </row>
    <row r="5392" spans="1:4" x14ac:dyDescent="0.4">
      <c r="A5392" s="1" t="s">
        <v>5259</v>
      </c>
      <c r="B5392" t="s">
        <v>4451</v>
      </c>
      <c r="C5392" t="s">
        <v>5256</v>
      </c>
      <c r="D5392" t="s">
        <v>5260</v>
      </c>
    </row>
    <row r="5393" spans="1:4" x14ac:dyDescent="0.4">
      <c r="A5393" s="1" t="s">
        <v>5261</v>
      </c>
      <c r="B5393" t="s">
        <v>4451</v>
      </c>
      <c r="C5393" t="s">
        <v>5256</v>
      </c>
      <c r="D5393" t="s">
        <v>5262</v>
      </c>
    </row>
    <row r="5394" spans="1:4" x14ac:dyDescent="0.4">
      <c r="A5394" s="1" t="s">
        <v>5263</v>
      </c>
      <c r="B5394" t="s">
        <v>4451</v>
      </c>
      <c r="C5394" t="s">
        <v>5256</v>
      </c>
      <c r="D5394" t="s">
        <v>5264</v>
      </c>
    </row>
    <row r="5395" spans="1:4" x14ac:dyDescent="0.4">
      <c r="A5395" s="1" t="s">
        <v>5265</v>
      </c>
      <c r="B5395" t="s">
        <v>4451</v>
      </c>
      <c r="C5395" t="s">
        <v>5256</v>
      </c>
      <c r="D5395" t="s">
        <v>5266</v>
      </c>
    </row>
    <row r="5396" spans="1:4" x14ac:dyDescent="0.4">
      <c r="A5396" s="1" t="s">
        <v>5267</v>
      </c>
      <c r="B5396" t="s">
        <v>4451</v>
      </c>
      <c r="C5396" t="s">
        <v>5256</v>
      </c>
      <c r="D5396" t="s">
        <v>3323</v>
      </c>
    </row>
    <row r="5397" spans="1:4" x14ac:dyDescent="0.4">
      <c r="A5397" s="1" t="s">
        <v>5268</v>
      </c>
      <c r="B5397" t="s">
        <v>4451</v>
      </c>
      <c r="C5397" t="s">
        <v>5256</v>
      </c>
      <c r="D5397" t="s">
        <v>1653</v>
      </c>
    </row>
    <row r="5398" spans="1:4" x14ac:dyDescent="0.4">
      <c r="A5398" s="1" t="s">
        <v>5269</v>
      </c>
      <c r="B5398" t="s">
        <v>4451</v>
      </c>
      <c r="C5398" t="s">
        <v>5256</v>
      </c>
      <c r="D5398" t="s">
        <v>5270</v>
      </c>
    </row>
    <row r="5399" spans="1:4" x14ac:dyDescent="0.4">
      <c r="A5399" s="1" t="s">
        <v>5271</v>
      </c>
      <c r="B5399" t="s">
        <v>4451</v>
      </c>
      <c r="C5399" t="s">
        <v>5256</v>
      </c>
      <c r="D5399" t="s">
        <v>5272</v>
      </c>
    </row>
    <row r="5400" spans="1:4" x14ac:dyDescent="0.4">
      <c r="A5400" s="1" t="s">
        <v>5273</v>
      </c>
      <c r="B5400" t="s">
        <v>4451</v>
      </c>
      <c r="C5400" t="s">
        <v>5256</v>
      </c>
      <c r="D5400" t="s">
        <v>5274</v>
      </c>
    </row>
    <row r="5401" spans="1:4" x14ac:dyDescent="0.4">
      <c r="A5401" s="1" t="s">
        <v>5275</v>
      </c>
      <c r="B5401" t="s">
        <v>4451</v>
      </c>
      <c r="C5401" t="s">
        <v>5256</v>
      </c>
      <c r="D5401" t="s">
        <v>533</v>
      </c>
    </row>
    <row r="5402" spans="1:4" x14ac:dyDescent="0.4">
      <c r="A5402" s="1" t="s">
        <v>5276</v>
      </c>
      <c r="B5402" t="s">
        <v>4451</v>
      </c>
      <c r="C5402" t="s">
        <v>5256</v>
      </c>
      <c r="D5402" t="s">
        <v>139</v>
      </c>
    </row>
    <row r="5403" spans="1:4" x14ac:dyDescent="0.4">
      <c r="A5403" s="1" t="s">
        <v>5277</v>
      </c>
      <c r="B5403" t="s">
        <v>4451</v>
      </c>
      <c r="C5403" t="s">
        <v>5256</v>
      </c>
      <c r="D5403" t="s">
        <v>5278</v>
      </c>
    </row>
    <row r="5404" spans="1:4" x14ac:dyDescent="0.4">
      <c r="A5404" s="1" t="s">
        <v>5279</v>
      </c>
      <c r="B5404" t="s">
        <v>4451</v>
      </c>
      <c r="C5404" t="s">
        <v>5256</v>
      </c>
      <c r="D5404" t="s">
        <v>5280</v>
      </c>
    </row>
    <row r="5405" spans="1:4" x14ac:dyDescent="0.4">
      <c r="A5405" s="1" t="s">
        <v>5281</v>
      </c>
      <c r="B5405" t="s">
        <v>4451</v>
      </c>
      <c r="C5405" t="s">
        <v>5256</v>
      </c>
      <c r="D5405" t="s">
        <v>5282</v>
      </c>
    </row>
    <row r="5406" spans="1:4" x14ac:dyDescent="0.4">
      <c r="A5406" s="1" t="s">
        <v>5283</v>
      </c>
      <c r="B5406" t="s">
        <v>4451</v>
      </c>
      <c r="C5406" t="s">
        <v>5256</v>
      </c>
      <c r="D5406" t="s">
        <v>4817</v>
      </c>
    </row>
    <row r="5407" spans="1:4" x14ac:dyDescent="0.4">
      <c r="A5407" s="1" t="s">
        <v>5284</v>
      </c>
      <c r="B5407" t="s">
        <v>4451</v>
      </c>
      <c r="C5407" t="s">
        <v>5256</v>
      </c>
      <c r="D5407" t="s">
        <v>4507</v>
      </c>
    </row>
    <row r="5408" spans="1:4" x14ac:dyDescent="0.4">
      <c r="A5408" s="1" t="s">
        <v>5285</v>
      </c>
      <c r="B5408" t="s">
        <v>4451</v>
      </c>
      <c r="C5408" t="s">
        <v>5256</v>
      </c>
      <c r="D5408" t="s">
        <v>5286</v>
      </c>
    </row>
    <row r="5409" spans="1:4" x14ac:dyDescent="0.4">
      <c r="A5409" s="1" t="s">
        <v>5287</v>
      </c>
      <c r="B5409" t="s">
        <v>4451</v>
      </c>
      <c r="C5409" t="s">
        <v>5256</v>
      </c>
      <c r="D5409" t="s">
        <v>5288</v>
      </c>
    </row>
    <row r="5410" spans="1:4" x14ac:dyDescent="0.4">
      <c r="A5410" s="1" t="s">
        <v>5289</v>
      </c>
      <c r="B5410" t="s">
        <v>4451</v>
      </c>
      <c r="C5410" t="s">
        <v>5256</v>
      </c>
      <c r="D5410" t="s">
        <v>5290</v>
      </c>
    </row>
    <row r="5411" spans="1:4" x14ac:dyDescent="0.4">
      <c r="A5411" s="1" t="s">
        <v>5291</v>
      </c>
      <c r="B5411" t="s">
        <v>4451</v>
      </c>
      <c r="C5411" t="s">
        <v>5256</v>
      </c>
      <c r="D5411" t="s">
        <v>5292</v>
      </c>
    </row>
    <row r="5412" spans="1:4" x14ac:dyDescent="0.4">
      <c r="A5412" s="1" t="s">
        <v>5293</v>
      </c>
      <c r="B5412" t="s">
        <v>4451</v>
      </c>
      <c r="C5412" t="s">
        <v>5256</v>
      </c>
      <c r="D5412" t="s">
        <v>5294</v>
      </c>
    </row>
    <row r="5413" spans="1:4" x14ac:dyDescent="0.4">
      <c r="A5413" s="1" t="s">
        <v>5295</v>
      </c>
      <c r="B5413" t="s">
        <v>4451</v>
      </c>
      <c r="C5413" t="s">
        <v>5256</v>
      </c>
      <c r="D5413" t="s">
        <v>5296</v>
      </c>
    </row>
    <row r="5414" spans="1:4" x14ac:dyDescent="0.4">
      <c r="A5414" s="1" t="s">
        <v>5297</v>
      </c>
      <c r="B5414" t="s">
        <v>4451</v>
      </c>
      <c r="C5414" t="s">
        <v>5256</v>
      </c>
      <c r="D5414" t="s">
        <v>5298</v>
      </c>
    </row>
    <row r="5415" spans="1:4" x14ac:dyDescent="0.4">
      <c r="A5415" s="1" t="s">
        <v>5299</v>
      </c>
      <c r="B5415" t="s">
        <v>4451</v>
      </c>
      <c r="C5415" t="s">
        <v>5256</v>
      </c>
      <c r="D5415" t="s">
        <v>5300</v>
      </c>
    </row>
    <row r="5416" spans="1:4" x14ac:dyDescent="0.4">
      <c r="A5416" s="1" t="s">
        <v>5301</v>
      </c>
      <c r="B5416" t="s">
        <v>4451</v>
      </c>
      <c r="C5416" t="s">
        <v>5256</v>
      </c>
      <c r="D5416" t="s">
        <v>5302</v>
      </c>
    </row>
    <row r="5417" spans="1:4" x14ac:dyDescent="0.4">
      <c r="A5417" s="1" t="s">
        <v>5303</v>
      </c>
      <c r="B5417" t="s">
        <v>4451</v>
      </c>
      <c r="C5417" t="s">
        <v>5256</v>
      </c>
      <c r="D5417" t="s">
        <v>5304</v>
      </c>
    </row>
    <row r="5418" spans="1:4" x14ac:dyDescent="0.4">
      <c r="A5418" s="1" t="s">
        <v>5305</v>
      </c>
      <c r="B5418" t="s">
        <v>4451</v>
      </c>
      <c r="C5418" t="s">
        <v>5256</v>
      </c>
      <c r="D5418" t="s">
        <v>5306</v>
      </c>
    </row>
    <row r="5419" spans="1:4" x14ac:dyDescent="0.4">
      <c r="A5419" s="1" t="s">
        <v>5307</v>
      </c>
      <c r="B5419" t="s">
        <v>4451</v>
      </c>
      <c r="C5419" t="s">
        <v>5256</v>
      </c>
      <c r="D5419" t="s">
        <v>5308</v>
      </c>
    </row>
    <row r="5420" spans="1:4" x14ac:dyDescent="0.4">
      <c r="A5420" s="1" t="s">
        <v>5309</v>
      </c>
      <c r="B5420" t="s">
        <v>4451</v>
      </c>
      <c r="C5420" t="s">
        <v>5256</v>
      </c>
      <c r="D5420" t="s">
        <v>5310</v>
      </c>
    </row>
    <row r="5421" spans="1:4" x14ac:dyDescent="0.4">
      <c r="A5421" s="1" t="s">
        <v>5311</v>
      </c>
      <c r="B5421" t="s">
        <v>4451</v>
      </c>
      <c r="C5421" t="s">
        <v>5256</v>
      </c>
      <c r="D5421" t="s">
        <v>1741</v>
      </c>
    </row>
    <row r="5422" spans="1:4" x14ac:dyDescent="0.4">
      <c r="A5422" s="1" t="s">
        <v>5312</v>
      </c>
      <c r="B5422" t="s">
        <v>4451</v>
      </c>
      <c r="C5422" t="s">
        <v>5256</v>
      </c>
      <c r="D5422" t="s">
        <v>5313</v>
      </c>
    </row>
    <row r="5423" spans="1:4" x14ac:dyDescent="0.4">
      <c r="A5423" s="1" t="s">
        <v>5314</v>
      </c>
      <c r="B5423" t="s">
        <v>4451</v>
      </c>
      <c r="C5423" t="s">
        <v>5256</v>
      </c>
      <c r="D5423" t="s">
        <v>5315</v>
      </c>
    </row>
    <row r="5424" spans="1:4" x14ac:dyDescent="0.4">
      <c r="A5424" s="1" t="s">
        <v>5316</v>
      </c>
      <c r="B5424" t="s">
        <v>4451</v>
      </c>
      <c r="C5424" t="s">
        <v>5256</v>
      </c>
      <c r="D5424" t="s">
        <v>5317</v>
      </c>
    </row>
    <row r="5425" spans="1:4" x14ac:dyDescent="0.4">
      <c r="A5425" s="1" t="s">
        <v>5318</v>
      </c>
      <c r="B5425" t="s">
        <v>4451</v>
      </c>
      <c r="C5425" t="s">
        <v>5256</v>
      </c>
      <c r="D5425" t="s">
        <v>5319</v>
      </c>
    </row>
    <row r="5426" spans="1:4" x14ac:dyDescent="0.4">
      <c r="A5426" s="1" t="s">
        <v>5320</v>
      </c>
      <c r="B5426" t="s">
        <v>4451</v>
      </c>
      <c r="C5426" t="s">
        <v>5256</v>
      </c>
      <c r="D5426" t="s">
        <v>5321</v>
      </c>
    </row>
    <row r="5427" spans="1:4" x14ac:dyDescent="0.4">
      <c r="A5427" s="1" t="s">
        <v>5322</v>
      </c>
      <c r="B5427" t="s">
        <v>4451</v>
      </c>
      <c r="C5427" t="s">
        <v>5256</v>
      </c>
      <c r="D5427" t="s">
        <v>5323</v>
      </c>
    </row>
    <row r="5428" spans="1:4" x14ac:dyDescent="0.4">
      <c r="A5428" s="1" t="s">
        <v>5324</v>
      </c>
      <c r="B5428" t="s">
        <v>4451</v>
      </c>
      <c r="C5428" t="s">
        <v>5256</v>
      </c>
      <c r="D5428" t="s">
        <v>5325</v>
      </c>
    </row>
    <row r="5429" spans="1:4" x14ac:dyDescent="0.4">
      <c r="A5429" s="1" t="s">
        <v>5326</v>
      </c>
      <c r="B5429" t="s">
        <v>4451</v>
      </c>
      <c r="C5429" t="s">
        <v>5256</v>
      </c>
      <c r="D5429" t="s">
        <v>5327</v>
      </c>
    </row>
    <row r="5430" spans="1:4" x14ac:dyDescent="0.4">
      <c r="A5430" s="1" t="s">
        <v>5328</v>
      </c>
      <c r="B5430" t="s">
        <v>4451</v>
      </c>
      <c r="C5430" t="s">
        <v>5256</v>
      </c>
      <c r="D5430" t="s">
        <v>5329</v>
      </c>
    </row>
    <row r="5431" spans="1:4" x14ac:dyDescent="0.4">
      <c r="A5431" s="1" t="s">
        <v>5330</v>
      </c>
      <c r="B5431" t="s">
        <v>4451</v>
      </c>
      <c r="C5431" t="s">
        <v>5256</v>
      </c>
      <c r="D5431" t="s">
        <v>5331</v>
      </c>
    </row>
    <row r="5432" spans="1:4" x14ac:dyDescent="0.4">
      <c r="A5432" s="1" t="s">
        <v>5332</v>
      </c>
      <c r="B5432" t="s">
        <v>4451</v>
      </c>
      <c r="C5432" t="s">
        <v>5256</v>
      </c>
      <c r="D5432" t="s">
        <v>365</v>
      </c>
    </row>
    <row r="5433" spans="1:4" x14ac:dyDescent="0.4">
      <c r="A5433" s="1" t="s">
        <v>5333</v>
      </c>
      <c r="B5433" t="s">
        <v>4451</v>
      </c>
      <c r="C5433" t="s">
        <v>5256</v>
      </c>
      <c r="D5433" t="s">
        <v>5334</v>
      </c>
    </row>
    <row r="5434" spans="1:4" x14ac:dyDescent="0.4">
      <c r="A5434" s="1" t="s">
        <v>5335</v>
      </c>
      <c r="B5434" t="s">
        <v>4451</v>
      </c>
      <c r="C5434" t="s">
        <v>5256</v>
      </c>
      <c r="D5434" t="s">
        <v>5336</v>
      </c>
    </row>
    <row r="5435" spans="1:4" x14ac:dyDescent="0.4">
      <c r="A5435" s="1" t="s">
        <v>5337</v>
      </c>
      <c r="B5435" t="s">
        <v>4451</v>
      </c>
      <c r="C5435" t="s">
        <v>5256</v>
      </c>
      <c r="D5435" t="s">
        <v>5338</v>
      </c>
    </row>
    <row r="5436" spans="1:4" x14ac:dyDescent="0.4">
      <c r="A5436" s="1" t="s">
        <v>5339</v>
      </c>
      <c r="B5436" t="s">
        <v>4451</v>
      </c>
      <c r="C5436" t="s">
        <v>5256</v>
      </c>
      <c r="D5436" t="s">
        <v>5340</v>
      </c>
    </row>
    <row r="5437" spans="1:4" x14ac:dyDescent="0.4">
      <c r="A5437" s="1" t="s">
        <v>5341</v>
      </c>
      <c r="B5437" t="s">
        <v>4451</v>
      </c>
      <c r="C5437" t="s">
        <v>5256</v>
      </c>
      <c r="D5437" t="s">
        <v>5342</v>
      </c>
    </row>
    <row r="5438" spans="1:4" x14ac:dyDescent="0.4">
      <c r="A5438" s="1" t="s">
        <v>5343</v>
      </c>
      <c r="B5438" t="s">
        <v>4451</v>
      </c>
      <c r="C5438" t="s">
        <v>5256</v>
      </c>
      <c r="D5438" t="s">
        <v>3908</v>
      </c>
    </row>
    <row r="5439" spans="1:4" x14ac:dyDescent="0.4">
      <c r="A5439" s="1" t="s">
        <v>5344</v>
      </c>
      <c r="B5439" t="s">
        <v>4451</v>
      </c>
      <c r="C5439" t="s">
        <v>5256</v>
      </c>
      <c r="D5439" t="s">
        <v>5345</v>
      </c>
    </row>
    <row r="5440" spans="1:4" x14ac:dyDescent="0.4">
      <c r="A5440" s="1" t="s">
        <v>5346</v>
      </c>
      <c r="B5440" t="s">
        <v>4451</v>
      </c>
      <c r="C5440" t="s">
        <v>5256</v>
      </c>
      <c r="D5440" t="s">
        <v>5347</v>
      </c>
    </row>
    <row r="5441" spans="1:4" x14ac:dyDescent="0.4">
      <c r="A5441" s="1" t="s">
        <v>5348</v>
      </c>
      <c r="B5441" t="s">
        <v>4451</v>
      </c>
      <c r="C5441" t="s">
        <v>5256</v>
      </c>
      <c r="D5441" t="s">
        <v>5349</v>
      </c>
    </row>
    <row r="5442" spans="1:4" x14ac:dyDescent="0.4">
      <c r="A5442" s="1" t="s">
        <v>5350</v>
      </c>
      <c r="B5442" t="s">
        <v>4451</v>
      </c>
      <c r="C5442" t="s">
        <v>5256</v>
      </c>
      <c r="D5442" t="s">
        <v>5351</v>
      </c>
    </row>
    <row r="5443" spans="1:4" x14ac:dyDescent="0.4">
      <c r="A5443" s="1" t="s">
        <v>5352</v>
      </c>
      <c r="B5443" t="s">
        <v>4451</v>
      </c>
      <c r="C5443" t="s">
        <v>5256</v>
      </c>
      <c r="D5443" t="s">
        <v>5353</v>
      </c>
    </row>
    <row r="5444" spans="1:4" x14ac:dyDescent="0.4">
      <c r="A5444" s="1" t="s">
        <v>5354</v>
      </c>
      <c r="B5444" t="s">
        <v>4451</v>
      </c>
      <c r="C5444" t="s">
        <v>5256</v>
      </c>
      <c r="D5444" t="s">
        <v>5355</v>
      </c>
    </row>
    <row r="5445" spans="1:4" x14ac:dyDescent="0.4">
      <c r="A5445" s="1" t="s">
        <v>5356</v>
      </c>
      <c r="B5445" t="s">
        <v>4451</v>
      </c>
      <c r="C5445" t="s">
        <v>5256</v>
      </c>
      <c r="D5445" t="s">
        <v>5357</v>
      </c>
    </row>
    <row r="5446" spans="1:4" x14ac:dyDescent="0.4">
      <c r="A5446" s="1" t="s">
        <v>5358</v>
      </c>
      <c r="B5446" t="s">
        <v>4451</v>
      </c>
      <c r="C5446" t="s">
        <v>5256</v>
      </c>
      <c r="D5446" t="s">
        <v>5359</v>
      </c>
    </row>
    <row r="5447" spans="1:4" x14ac:dyDescent="0.4">
      <c r="A5447" s="1" t="s">
        <v>5360</v>
      </c>
      <c r="B5447" t="s">
        <v>4451</v>
      </c>
      <c r="C5447" t="s">
        <v>5256</v>
      </c>
      <c r="D5447" t="s">
        <v>5361</v>
      </c>
    </row>
    <row r="5448" spans="1:4" x14ac:dyDescent="0.4">
      <c r="A5448" s="1" t="s">
        <v>5362</v>
      </c>
      <c r="B5448" t="s">
        <v>4451</v>
      </c>
      <c r="C5448" t="s">
        <v>5256</v>
      </c>
      <c r="D5448" t="s">
        <v>1681</v>
      </c>
    </row>
    <row r="5449" spans="1:4" x14ac:dyDescent="0.4">
      <c r="A5449" s="1" t="s">
        <v>5363</v>
      </c>
      <c r="B5449" t="s">
        <v>4451</v>
      </c>
      <c r="C5449" t="s">
        <v>5256</v>
      </c>
      <c r="D5449" t="s">
        <v>5364</v>
      </c>
    </row>
    <row r="5450" spans="1:4" x14ac:dyDescent="0.4">
      <c r="A5450" s="1" t="s">
        <v>5365</v>
      </c>
      <c r="B5450" t="s">
        <v>4451</v>
      </c>
      <c r="C5450" t="s">
        <v>5256</v>
      </c>
      <c r="D5450" t="s">
        <v>5366</v>
      </c>
    </row>
    <row r="5451" spans="1:4" x14ac:dyDescent="0.4">
      <c r="A5451" s="1" t="s">
        <v>5367</v>
      </c>
      <c r="B5451" t="s">
        <v>4451</v>
      </c>
      <c r="C5451" t="s">
        <v>5256</v>
      </c>
      <c r="D5451" t="s">
        <v>5368</v>
      </c>
    </row>
    <row r="5452" spans="1:4" x14ac:dyDescent="0.4">
      <c r="A5452" s="1" t="s">
        <v>5369</v>
      </c>
      <c r="B5452" t="s">
        <v>4451</v>
      </c>
      <c r="C5452" t="s">
        <v>5256</v>
      </c>
      <c r="D5452" t="s">
        <v>5370</v>
      </c>
    </row>
    <row r="5453" spans="1:4" x14ac:dyDescent="0.4">
      <c r="A5453" s="1" t="s">
        <v>5371</v>
      </c>
      <c r="B5453" t="s">
        <v>4451</v>
      </c>
      <c r="C5453" t="s">
        <v>5256</v>
      </c>
      <c r="D5453" t="s">
        <v>5372</v>
      </c>
    </row>
    <row r="5454" spans="1:4" x14ac:dyDescent="0.4">
      <c r="A5454" s="1" t="s">
        <v>5373</v>
      </c>
      <c r="B5454" t="s">
        <v>4451</v>
      </c>
      <c r="C5454" t="s">
        <v>5256</v>
      </c>
      <c r="D5454" t="s">
        <v>5374</v>
      </c>
    </row>
    <row r="5455" spans="1:4" x14ac:dyDescent="0.4">
      <c r="A5455" s="1" t="s">
        <v>5375</v>
      </c>
      <c r="B5455" t="s">
        <v>4451</v>
      </c>
      <c r="C5455" t="s">
        <v>5256</v>
      </c>
      <c r="D5455" t="s">
        <v>5376</v>
      </c>
    </row>
    <row r="5456" spans="1:4" x14ac:dyDescent="0.4">
      <c r="A5456" s="1" t="s">
        <v>5377</v>
      </c>
      <c r="B5456" t="s">
        <v>4451</v>
      </c>
      <c r="C5456" t="s">
        <v>5256</v>
      </c>
      <c r="D5456" t="s">
        <v>5378</v>
      </c>
    </row>
    <row r="5457" spans="1:4" x14ac:dyDescent="0.4">
      <c r="A5457" s="1" t="s">
        <v>5379</v>
      </c>
      <c r="B5457" t="s">
        <v>4451</v>
      </c>
      <c r="C5457" t="s">
        <v>5256</v>
      </c>
      <c r="D5457" t="s">
        <v>5380</v>
      </c>
    </row>
    <row r="5458" spans="1:4" x14ac:dyDescent="0.4">
      <c r="A5458" s="1" t="s">
        <v>5381</v>
      </c>
      <c r="B5458" t="s">
        <v>4451</v>
      </c>
      <c r="C5458" t="s">
        <v>5256</v>
      </c>
      <c r="D5458" t="s">
        <v>5382</v>
      </c>
    </row>
    <row r="5459" spans="1:4" x14ac:dyDescent="0.4">
      <c r="A5459" s="1" t="s">
        <v>5383</v>
      </c>
      <c r="B5459" t="s">
        <v>4451</v>
      </c>
      <c r="C5459" t="s">
        <v>5256</v>
      </c>
      <c r="D5459" t="s">
        <v>5384</v>
      </c>
    </row>
    <row r="5460" spans="1:4" x14ac:dyDescent="0.4">
      <c r="A5460" s="1" t="s">
        <v>5385</v>
      </c>
      <c r="B5460" t="s">
        <v>4451</v>
      </c>
      <c r="C5460" t="s">
        <v>5256</v>
      </c>
      <c r="D5460" t="s">
        <v>5386</v>
      </c>
    </row>
    <row r="5461" spans="1:4" x14ac:dyDescent="0.4">
      <c r="A5461" s="1" t="s">
        <v>5387</v>
      </c>
      <c r="B5461" t="s">
        <v>4451</v>
      </c>
      <c r="C5461" t="s">
        <v>5256</v>
      </c>
      <c r="D5461" t="s">
        <v>5388</v>
      </c>
    </row>
    <row r="5462" spans="1:4" x14ac:dyDescent="0.4">
      <c r="A5462" s="1" t="s">
        <v>5389</v>
      </c>
      <c r="B5462" t="s">
        <v>4451</v>
      </c>
      <c r="C5462" t="s">
        <v>5256</v>
      </c>
      <c r="D5462" t="s">
        <v>5390</v>
      </c>
    </row>
    <row r="5463" spans="1:4" x14ac:dyDescent="0.4">
      <c r="A5463" s="1" t="s">
        <v>5391</v>
      </c>
      <c r="B5463" t="s">
        <v>4451</v>
      </c>
      <c r="C5463" t="s">
        <v>5256</v>
      </c>
      <c r="D5463" t="s">
        <v>5392</v>
      </c>
    </row>
    <row r="5464" spans="1:4" x14ac:dyDescent="0.4">
      <c r="A5464" s="1" t="s">
        <v>5393</v>
      </c>
      <c r="B5464" t="s">
        <v>4451</v>
      </c>
      <c r="C5464" t="s">
        <v>5256</v>
      </c>
      <c r="D5464" t="s">
        <v>5394</v>
      </c>
    </row>
    <row r="5465" spans="1:4" x14ac:dyDescent="0.4">
      <c r="A5465" s="1" t="s">
        <v>5395</v>
      </c>
      <c r="B5465" t="s">
        <v>4451</v>
      </c>
      <c r="C5465" t="s">
        <v>5256</v>
      </c>
      <c r="D5465" t="s">
        <v>5396</v>
      </c>
    </row>
    <row r="5466" spans="1:4" x14ac:dyDescent="0.4">
      <c r="A5466" s="1" t="s">
        <v>5397</v>
      </c>
      <c r="B5466" t="s">
        <v>4451</v>
      </c>
      <c r="C5466" t="s">
        <v>5256</v>
      </c>
      <c r="D5466" t="s">
        <v>5398</v>
      </c>
    </row>
    <row r="5467" spans="1:4" x14ac:dyDescent="0.4">
      <c r="A5467" s="1" t="s">
        <v>5399</v>
      </c>
      <c r="B5467" t="s">
        <v>4451</v>
      </c>
      <c r="C5467" t="s">
        <v>5256</v>
      </c>
      <c r="D5467" t="s">
        <v>5400</v>
      </c>
    </row>
    <row r="5468" spans="1:4" x14ac:dyDescent="0.4">
      <c r="A5468" s="1" t="s">
        <v>5401</v>
      </c>
      <c r="B5468" t="s">
        <v>4451</v>
      </c>
      <c r="C5468" t="s">
        <v>5256</v>
      </c>
      <c r="D5468" t="s">
        <v>5402</v>
      </c>
    </row>
    <row r="5469" spans="1:4" x14ac:dyDescent="0.4">
      <c r="A5469" s="1" t="s">
        <v>5403</v>
      </c>
      <c r="B5469" t="s">
        <v>4451</v>
      </c>
      <c r="C5469" t="s">
        <v>5256</v>
      </c>
      <c r="D5469" t="s">
        <v>5404</v>
      </c>
    </row>
    <row r="5470" spans="1:4" x14ac:dyDescent="0.4">
      <c r="A5470" s="1" t="s">
        <v>5405</v>
      </c>
      <c r="B5470" t="s">
        <v>4451</v>
      </c>
      <c r="C5470" t="s">
        <v>5256</v>
      </c>
      <c r="D5470" t="s">
        <v>5406</v>
      </c>
    </row>
    <row r="5471" spans="1:4" x14ac:dyDescent="0.4">
      <c r="A5471" s="1" t="s">
        <v>5407</v>
      </c>
      <c r="B5471" t="s">
        <v>4451</v>
      </c>
      <c r="C5471" t="s">
        <v>5256</v>
      </c>
      <c r="D5471" t="s">
        <v>5408</v>
      </c>
    </row>
    <row r="5472" spans="1:4" x14ac:dyDescent="0.4">
      <c r="A5472" s="1" t="s">
        <v>5409</v>
      </c>
      <c r="B5472" t="s">
        <v>4451</v>
      </c>
      <c r="C5472" t="s">
        <v>5256</v>
      </c>
      <c r="D5472" t="s">
        <v>5410</v>
      </c>
    </row>
    <row r="5473" spans="1:4" x14ac:dyDescent="0.4">
      <c r="A5473" s="1" t="s">
        <v>5411</v>
      </c>
      <c r="B5473" t="s">
        <v>4451</v>
      </c>
      <c r="C5473" t="s">
        <v>5256</v>
      </c>
      <c r="D5473" t="s">
        <v>5412</v>
      </c>
    </row>
    <row r="5474" spans="1:4" x14ac:dyDescent="0.4">
      <c r="A5474" s="1" t="s">
        <v>5413</v>
      </c>
      <c r="B5474" t="s">
        <v>4451</v>
      </c>
      <c r="C5474" t="s">
        <v>5256</v>
      </c>
      <c r="D5474" t="s">
        <v>2478</v>
      </c>
    </row>
    <row r="5475" spans="1:4" x14ac:dyDescent="0.4">
      <c r="A5475" s="1" t="s">
        <v>5414</v>
      </c>
      <c r="B5475" t="s">
        <v>4451</v>
      </c>
      <c r="C5475" t="s">
        <v>5256</v>
      </c>
      <c r="D5475" t="s">
        <v>5415</v>
      </c>
    </row>
    <row r="5476" spans="1:4" x14ac:dyDescent="0.4">
      <c r="A5476" s="1" t="s">
        <v>5416</v>
      </c>
      <c r="B5476" t="s">
        <v>4451</v>
      </c>
      <c r="C5476" t="s">
        <v>5256</v>
      </c>
      <c r="D5476" t="s">
        <v>5417</v>
      </c>
    </row>
    <row r="5477" spans="1:4" x14ac:dyDescent="0.4">
      <c r="A5477" s="1" t="s">
        <v>5418</v>
      </c>
      <c r="B5477" t="s">
        <v>4451</v>
      </c>
      <c r="C5477" t="s">
        <v>5256</v>
      </c>
      <c r="D5477" t="s">
        <v>1696</v>
      </c>
    </row>
    <row r="5478" spans="1:4" x14ac:dyDescent="0.4">
      <c r="A5478" s="1" t="s">
        <v>5419</v>
      </c>
      <c r="B5478" t="s">
        <v>4451</v>
      </c>
      <c r="C5478" t="s">
        <v>5256</v>
      </c>
      <c r="D5478" t="s">
        <v>5420</v>
      </c>
    </row>
    <row r="5479" spans="1:4" x14ac:dyDescent="0.4">
      <c r="A5479" s="1" t="s">
        <v>5421</v>
      </c>
      <c r="B5479" t="s">
        <v>4451</v>
      </c>
      <c r="C5479" t="s">
        <v>5256</v>
      </c>
      <c r="D5479" t="s">
        <v>5422</v>
      </c>
    </row>
    <row r="5480" spans="1:4" x14ac:dyDescent="0.4">
      <c r="A5480" s="1" t="s">
        <v>5423</v>
      </c>
      <c r="B5480" t="s">
        <v>4451</v>
      </c>
      <c r="C5480" t="s">
        <v>5256</v>
      </c>
      <c r="D5480" t="s">
        <v>657</v>
      </c>
    </row>
    <row r="5481" spans="1:4" x14ac:dyDescent="0.4">
      <c r="A5481" s="1" t="s">
        <v>5424</v>
      </c>
      <c r="B5481" t="s">
        <v>4451</v>
      </c>
      <c r="C5481" t="s">
        <v>5256</v>
      </c>
      <c r="D5481" t="s">
        <v>5425</v>
      </c>
    </row>
    <row r="5482" spans="1:4" x14ac:dyDescent="0.4">
      <c r="A5482" s="1" t="s">
        <v>5426</v>
      </c>
      <c r="B5482" t="s">
        <v>4451</v>
      </c>
      <c r="C5482" t="s">
        <v>5256</v>
      </c>
      <c r="D5482" t="s">
        <v>5427</v>
      </c>
    </row>
    <row r="5483" spans="1:4" x14ac:dyDescent="0.4">
      <c r="A5483" s="1" t="s">
        <v>5428</v>
      </c>
      <c r="B5483" t="s">
        <v>4451</v>
      </c>
      <c r="C5483" t="s">
        <v>5256</v>
      </c>
      <c r="D5483" t="s">
        <v>5429</v>
      </c>
    </row>
    <row r="5484" spans="1:4" x14ac:dyDescent="0.4">
      <c r="A5484" s="1" t="s">
        <v>5430</v>
      </c>
      <c r="B5484" t="s">
        <v>4451</v>
      </c>
      <c r="C5484" t="s">
        <v>5256</v>
      </c>
      <c r="D5484" t="s">
        <v>5431</v>
      </c>
    </row>
    <row r="5485" spans="1:4" x14ac:dyDescent="0.4">
      <c r="A5485" s="1" t="s">
        <v>5432</v>
      </c>
      <c r="B5485" t="s">
        <v>4451</v>
      </c>
      <c r="C5485" t="s">
        <v>5256</v>
      </c>
      <c r="D5485" t="s">
        <v>5433</v>
      </c>
    </row>
    <row r="5486" spans="1:4" x14ac:dyDescent="0.4">
      <c r="A5486" s="1" t="s">
        <v>5434</v>
      </c>
      <c r="B5486" t="s">
        <v>4451</v>
      </c>
      <c r="C5486" t="s">
        <v>5256</v>
      </c>
      <c r="D5486" t="s">
        <v>5435</v>
      </c>
    </row>
    <row r="5487" spans="1:4" x14ac:dyDescent="0.4">
      <c r="A5487" s="1" t="s">
        <v>5436</v>
      </c>
      <c r="B5487" t="s">
        <v>4451</v>
      </c>
      <c r="C5487" t="s">
        <v>5256</v>
      </c>
      <c r="D5487" t="s">
        <v>5437</v>
      </c>
    </row>
    <row r="5488" spans="1:4" x14ac:dyDescent="0.4">
      <c r="A5488" s="1" t="s">
        <v>5438</v>
      </c>
      <c r="B5488" t="s">
        <v>4451</v>
      </c>
      <c r="C5488" t="s">
        <v>5256</v>
      </c>
      <c r="D5488" t="s">
        <v>5439</v>
      </c>
    </row>
    <row r="5489" spans="1:4" x14ac:dyDescent="0.4">
      <c r="A5489" s="1" t="s">
        <v>5440</v>
      </c>
      <c r="B5489" t="s">
        <v>4451</v>
      </c>
      <c r="C5489" t="s">
        <v>5256</v>
      </c>
      <c r="D5489" t="s">
        <v>5441</v>
      </c>
    </row>
    <row r="5490" spans="1:4" x14ac:dyDescent="0.4">
      <c r="A5490" s="1" t="s">
        <v>5442</v>
      </c>
      <c r="B5490" t="s">
        <v>4451</v>
      </c>
      <c r="C5490" t="s">
        <v>5256</v>
      </c>
      <c r="D5490" t="s">
        <v>5443</v>
      </c>
    </row>
    <row r="5491" spans="1:4" x14ac:dyDescent="0.4">
      <c r="A5491" s="1" t="s">
        <v>5444</v>
      </c>
      <c r="B5491" t="s">
        <v>4451</v>
      </c>
      <c r="C5491" t="s">
        <v>5256</v>
      </c>
      <c r="D5491" t="s">
        <v>5445</v>
      </c>
    </row>
    <row r="5492" spans="1:4" x14ac:dyDescent="0.4">
      <c r="A5492" s="1" t="s">
        <v>5446</v>
      </c>
      <c r="B5492" t="s">
        <v>4451</v>
      </c>
      <c r="C5492" t="s">
        <v>5256</v>
      </c>
      <c r="D5492" t="s">
        <v>5447</v>
      </c>
    </row>
    <row r="5493" spans="1:4" x14ac:dyDescent="0.4">
      <c r="A5493" s="1" t="s">
        <v>5448</v>
      </c>
      <c r="B5493" t="s">
        <v>4451</v>
      </c>
      <c r="C5493" t="s">
        <v>5256</v>
      </c>
      <c r="D5493" t="s">
        <v>5449</v>
      </c>
    </row>
    <row r="5494" spans="1:4" x14ac:dyDescent="0.4">
      <c r="A5494" s="1" t="s">
        <v>5450</v>
      </c>
      <c r="B5494" t="s">
        <v>4451</v>
      </c>
      <c r="C5494" t="s">
        <v>5256</v>
      </c>
      <c r="D5494" t="s">
        <v>2067</v>
      </c>
    </row>
    <row r="5495" spans="1:4" x14ac:dyDescent="0.4">
      <c r="A5495" s="1" t="s">
        <v>5451</v>
      </c>
      <c r="B5495" t="s">
        <v>4451</v>
      </c>
      <c r="C5495" t="s">
        <v>5256</v>
      </c>
      <c r="D5495" t="s">
        <v>1628</v>
      </c>
    </row>
    <row r="5496" spans="1:4" x14ac:dyDescent="0.4">
      <c r="A5496" s="1" t="s">
        <v>5452</v>
      </c>
      <c r="B5496" t="s">
        <v>4451</v>
      </c>
      <c r="C5496" t="s">
        <v>5256</v>
      </c>
      <c r="D5496" t="s">
        <v>5453</v>
      </c>
    </row>
    <row r="5497" spans="1:4" x14ac:dyDescent="0.4">
      <c r="A5497" s="1" t="s">
        <v>5454</v>
      </c>
      <c r="B5497" t="s">
        <v>4451</v>
      </c>
      <c r="C5497" t="s">
        <v>5455</v>
      </c>
    </row>
    <row r="5498" spans="1:4" x14ac:dyDescent="0.4">
      <c r="A5498" s="1" t="s">
        <v>5456</v>
      </c>
      <c r="B5498" t="s">
        <v>4451</v>
      </c>
      <c r="C5498" t="s">
        <v>5455</v>
      </c>
      <c r="D5498" t="s">
        <v>5457</v>
      </c>
    </row>
    <row r="5499" spans="1:4" x14ac:dyDescent="0.4">
      <c r="A5499" s="1" t="s">
        <v>5458</v>
      </c>
      <c r="B5499" t="s">
        <v>4451</v>
      </c>
      <c r="C5499" t="s">
        <v>5455</v>
      </c>
      <c r="D5499" t="s">
        <v>708</v>
      </c>
    </row>
    <row r="5500" spans="1:4" x14ac:dyDescent="0.4">
      <c r="A5500" s="1" t="s">
        <v>5459</v>
      </c>
      <c r="B5500" t="s">
        <v>4451</v>
      </c>
      <c r="C5500" t="s">
        <v>5455</v>
      </c>
      <c r="D5500" t="s">
        <v>5460</v>
      </c>
    </row>
    <row r="5501" spans="1:4" x14ac:dyDescent="0.4">
      <c r="A5501" s="1" t="s">
        <v>5461</v>
      </c>
      <c r="B5501" t="s">
        <v>4451</v>
      </c>
      <c r="C5501" t="s">
        <v>5455</v>
      </c>
      <c r="D5501" t="s">
        <v>5462</v>
      </c>
    </row>
    <row r="5502" spans="1:4" x14ac:dyDescent="0.4">
      <c r="A5502" s="1" t="s">
        <v>5463</v>
      </c>
      <c r="B5502" t="s">
        <v>4451</v>
      </c>
      <c r="C5502" t="s">
        <v>5455</v>
      </c>
      <c r="D5502" t="s">
        <v>222</v>
      </c>
    </row>
    <row r="5503" spans="1:4" x14ac:dyDescent="0.4">
      <c r="A5503" s="1" t="s">
        <v>5464</v>
      </c>
      <c r="B5503" t="s">
        <v>4451</v>
      </c>
      <c r="C5503" t="s">
        <v>5455</v>
      </c>
      <c r="D5503" t="s">
        <v>1526</v>
      </c>
    </row>
    <row r="5504" spans="1:4" x14ac:dyDescent="0.4">
      <c r="A5504" s="1" t="s">
        <v>5465</v>
      </c>
      <c r="B5504" t="s">
        <v>4451</v>
      </c>
      <c r="C5504" t="s">
        <v>5455</v>
      </c>
      <c r="D5504" t="s">
        <v>5466</v>
      </c>
    </row>
    <row r="5505" spans="1:4" x14ac:dyDescent="0.4">
      <c r="A5505" s="1" t="s">
        <v>5467</v>
      </c>
      <c r="B5505" t="s">
        <v>4451</v>
      </c>
      <c r="C5505" t="s">
        <v>5455</v>
      </c>
      <c r="D5505" t="s">
        <v>5468</v>
      </c>
    </row>
    <row r="5506" spans="1:4" x14ac:dyDescent="0.4">
      <c r="A5506" s="1" t="s">
        <v>5469</v>
      </c>
      <c r="B5506" t="s">
        <v>4451</v>
      </c>
      <c r="C5506" t="s">
        <v>5455</v>
      </c>
      <c r="D5506" t="s">
        <v>5470</v>
      </c>
    </row>
    <row r="5507" spans="1:4" x14ac:dyDescent="0.4">
      <c r="A5507" s="1" t="s">
        <v>5471</v>
      </c>
      <c r="B5507" t="s">
        <v>4451</v>
      </c>
      <c r="C5507" t="s">
        <v>5455</v>
      </c>
      <c r="D5507" t="s">
        <v>1528</v>
      </c>
    </row>
    <row r="5508" spans="1:4" x14ac:dyDescent="0.4">
      <c r="A5508" s="1" t="s">
        <v>5472</v>
      </c>
      <c r="B5508" t="s">
        <v>4451</v>
      </c>
      <c r="C5508" t="s">
        <v>5455</v>
      </c>
      <c r="D5508" t="s">
        <v>5473</v>
      </c>
    </row>
    <row r="5509" spans="1:4" x14ac:dyDescent="0.4">
      <c r="A5509" s="1" t="s">
        <v>5474</v>
      </c>
      <c r="B5509" t="s">
        <v>4451</v>
      </c>
      <c r="C5509" t="s">
        <v>5455</v>
      </c>
      <c r="D5509" t="s">
        <v>5475</v>
      </c>
    </row>
    <row r="5510" spans="1:4" x14ac:dyDescent="0.4">
      <c r="A5510" s="1" t="s">
        <v>5476</v>
      </c>
      <c r="B5510" t="s">
        <v>4451</v>
      </c>
      <c r="C5510" t="s">
        <v>5455</v>
      </c>
      <c r="D5510" t="s">
        <v>3323</v>
      </c>
    </row>
    <row r="5511" spans="1:4" x14ac:dyDescent="0.4">
      <c r="A5511" s="1" t="s">
        <v>5477</v>
      </c>
      <c r="B5511" t="s">
        <v>4451</v>
      </c>
      <c r="C5511" t="s">
        <v>5455</v>
      </c>
      <c r="D5511" t="s">
        <v>5478</v>
      </c>
    </row>
    <row r="5512" spans="1:4" x14ac:dyDescent="0.4">
      <c r="A5512" s="1" t="s">
        <v>5479</v>
      </c>
      <c r="B5512" t="s">
        <v>4451</v>
      </c>
      <c r="C5512" t="s">
        <v>5455</v>
      </c>
      <c r="D5512" t="s">
        <v>5480</v>
      </c>
    </row>
    <row r="5513" spans="1:4" x14ac:dyDescent="0.4">
      <c r="A5513" s="1" t="s">
        <v>5481</v>
      </c>
      <c r="B5513" t="s">
        <v>4451</v>
      </c>
      <c r="C5513" t="s">
        <v>5455</v>
      </c>
      <c r="D5513" t="s">
        <v>5482</v>
      </c>
    </row>
    <row r="5514" spans="1:4" x14ac:dyDescent="0.4">
      <c r="A5514" s="1" t="s">
        <v>5483</v>
      </c>
      <c r="B5514" t="s">
        <v>4451</v>
      </c>
      <c r="C5514" t="s">
        <v>5455</v>
      </c>
      <c r="D5514" t="s">
        <v>4479</v>
      </c>
    </row>
    <row r="5515" spans="1:4" x14ac:dyDescent="0.4">
      <c r="A5515" s="1" t="s">
        <v>5484</v>
      </c>
      <c r="B5515" t="s">
        <v>4451</v>
      </c>
      <c r="C5515" t="s">
        <v>5455</v>
      </c>
      <c r="D5515" t="s">
        <v>5485</v>
      </c>
    </row>
    <row r="5516" spans="1:4" x14ac:dyDescent="0.4">
      <c r="A5516" s="1" t="s">
        <v>5486</v>
      </c>
      <c r="B5516" t="s">
        <v>4451</v>
      </c>
      <c r="C5516" t="s">
        <v>5455</v>
      </c>
      <c r="D5516" t="s">
        <v>5487</v>
      </c>
    </row>
    <row r="5517" spans="1:4" x14ac:dyDescent="0.4">
      <c r="A5517" s="1" t="s">
        <v>5488</v>
      </c>
      <c r="B5517" t="s">
        <v>4451</v>
      </c>
      <c r="C5517" t="s">
        <v>5455</v>
      </c>
      <c r="D5517" t="s">
        <v>3183</v>
      </c>
    </row>
    <row r="5518" spans="1:4" x14ac:dyDescent="0.4">
      <c r="A5518" s="1" t="s">
        <v>5489</v>
      </c>
      <c r="B5518" t="s">
        <v>4451</v>
      </c>
      <c r="C5518" t="s">
        <v>5455</v>
      </c>
      <c r="D5518" t="s">
        <v>5490</v>
      </c>
    </row>
    <row r="5519" spans="1:4" x14ac:dyDescent="0.4">
      <c r="A5519" s="1" t="s">
        <v>5491</v>
      </c>
      <c r="B5519" t="s">
        <v>4451</v>
      </c>
      <c r="C5519" t="s">
        <v>5455</v>
      </c>
      <c r="D5519" t="s">
        <v>5492</v>
      </c>
    </row>
    <row r="5520" spans="1:4" x14ac:dyDescent="0.4">
      <c r="A5520" s="1" t="s">
        <v>5493</v>
      </c>
      <c r="B5520" t="s">
        <v>4451</v>
      </c>
      <c r="C5520" t="s">
        <v>5455</v>
      </c>
      <c r="D5520" t="s">
        <v>5494</v>
      </c>
    </row>
    <row r="5521" spans="1:4" x14ac:dyDescent="0.4">
      <c r="A5521" s="1" t="s">
        <v>5495</v>
      </c>
      <c r="B5521" t="s">
        <v>4451</v>
      </c>
      <c r="C5521" t="s">
        <v>5455</v>
      </c>
      <c r="D5521" t="s">
        <v>5496</v>
      </c>
    </row>
    <row r="5522" spans="1:4" x14ac:dyDescent="0.4">
      <c r="A5522" s="1" t="s">
        <v>5497</v>
      </c>
      <c r="B5522" t="s">
        <v>4451</v>
      </c>
      <c r="C5522" t="s">
        <v>5455</v>
      </c>
      <c r="D5522" t="s">
        <v>5498</v>
      </c>
    </row>
    <row r="5523" spans="1:4" x14ac:dyDescent="0.4">
      <c r="A5523" s="1" t="s">
        <v>5499</v>
      </c>
      <c r="B5523" t="s">
        <v>4451</v>
      </c>
      <c r="C5523" t="s">
        <v>5455</v>
      </c>
      <c r="D5523" t="s">
        <v>5500</v>
      </c>
    </row>
    <row r="5524" spans="1:4" x14ac:dyDescent="0.4">
      <c r="A5524" s="1" t="s">
        <v>5501</v>
      </c>
      <c r="B5524" t="s">
        <v>4451</v>
      </c>
      <c r="C5524" t="s">
        <v>5455</v>
      </c>
      <c r="D5524" t="s">
        <v>3605</v>
      </c>
    </row>
    <row r="5525" spans="1:4" x14ac:dyDescent="0.4">
      <c r="A5525" s="1" t="s">
        <v>5502</v>
      </c>
      <c r="B5525" t="s">
        <v>4451</v>
      </c>
      <c r="C5525" t="s">
        <v>5455</v>
      </c>
      <c r="D5525" t="s">
        <v>5503</v>
      </c>
    </row>
    <row r="5526" spans="1:4" x14ac:dyDescent="0.4">
      <c r="A5526" s="1" t="s">
        <v>5504</v>
      </c>
      <c r="B5526" t="s">
        <v>4451</v>
      </c>
      <c r="C5526" t="s">
        <v>5455</v>
      </c>
      <c r="D5526" t="s">
        <v>5505</v>
      </c>
    </row>
    <row r="5527" spans="1:4" x14ac:dyDescent="0.4">
      <c r="A5527" s="1" t="s">
        <v>5506</v>
      </c>
      <c r="B5527" t="s">
        <v>4451</v>
      </c>
      <c r="C5527" t="s">
        <v>5455</v>
      </c>
      <c r="D5527" t="s">
        <v>5507</v>
      </c>
    </row>
    <row r="5528" spans="1:4" x14ac:dyDescent="0.4">
      <c r="A5528" s="1" t="s">
        <v>5508</v>
      </c>
      <c r="B5528" t="s">
        <v>4451</v>
      </c>
      <c r="C5528" t="s">
        <v>5455</v>
      </c>
      <c r="D5528" t="s">
        <v>2287</v>
      </c>
    </row>
    <row r="5529" spans="1:4" x14ac:dyDescent="0.4">
      <c r="A5529" s="1" t="s">
        <v>5509</v>
      </c>
      <c r="B5529" t="s">
        <v>4451</v>
      </c>
      <c r="C5529" t="s">
        <v>5455</v>
      </c>
      <c r="D5529" t="s">
        <v>5510</v>
      </c>
    </row>
    <row r="5530" spans="1:4" x14ac:dyDescent="0.4">
      <c r="A5530" s="1" t="s">
        <v>5511</v>
      </c>
      <c r="B5530" t="s">
        <v>4451</v>
      </c>
      <c r="C5530" t="s">
        <v>5455</v>
      </c>
      <c r="D5530" t="s">
        <v>5512</v>
      </c>
    </row>
    <row r="5531" spans="1:4" x14ac:dyDescent="0.4">
      <c r="A5531" s="1" t="s">
        <v>5513</v>
      </c>
      <c r="B5531" t="s">
        <v>4451</v>
      </c>
      <c r="C5531" t="s">
        <v>5455</v>
      </c>
      <c r="D5531" t="s">
        <v>2706</v>
      </c>
    </row>
    <row r="5532" spans="1:4" x14ac:dyDescent="0.4">
      <c r="A5532" s="1" t="s">
        <v>5514</v>
      </c>
      <c r="B5532" t="s">
        <v>4451</v>
      </c>
      <c r="C5532" t="s">
        <v>5455</v>
      </c>
      <c r="D5532" t="s">
        <v>5515</v>
      </c>
    </row>
    <row r="5533" spans="1:4" x14ac:dyDescent="0.4">
      <c r="A5533" s="1" t="s">
        <v>5516</v>
      </c>
      <c r="B5533" t="s">
        <v>4451</v>
      </c>
      <c r="C5533" t="s">
        <v>5455</v>
      </c>
      <c r="D5533" t="s">
        <v>5517</v>
      </c>
    </row>
    <row r="5534" spans="1:4" x14ac:dyDescent="0.4">
      <c r="A5534" s="1" t="s">
        <v>5518</v>
      </c>
      <c r="B5534" t="s">
        <v>4451</v>
      </c>
      <c r="C5534" t="s">
        <v>5455</v>
      </c>
      <c r="D5534" t="s">
        <v>5519</v>
      </c>
    </row>
    <row r="5535" spans="1:4" x14ac:dyDescent="0.4">
      <c r="A5535" s="1" t="s">
        <v>5520</v>
      </c>
      <c r="B5535" t="s">
        <v>4451</v>
      </c>
      <c r="C5535" t="s">
        <v>5455</v>
      </c>
      <c r="D5535" t="s">
        <v>5521</v>
      </c>
    </row>
    <row r="5536" spans="1:4" x14ac:dyDescent="0.4">
      <c r="A5536" s="1" t="s">
        <v>5522</v>
      </c>
      <c r="B5536" t="s">
        <v>4451</v>
      </c>
      <c r="C5536" t="s">
        <v>5455</v>
      </c>
      <c r="D5536" t="s">
        <v>5523</v>
      </c>
    </row>
    <row r="5537" spans="1:4" x14ac:dyDescent="0.4">
      <c r="A5537" s="1" t="s">
        <v>5524</v>
      </c>
      <c r="B5537" t="s">
        <v>4451</v>
      </c>
      <c r="C5537" t="s">
        <v>5455</v>
      </c>
      <c r="D5537" t="s">
        <v>5525</v>
      </c>
    </row>
    <row r="5538" spans="1:4" x14ac:dyDescent="0.4">
      <c r="A5538" s="1" t="s">
        <v>5526</v>
      </c>
      <c r="B5538" t="s">
        <v>4451</v>
      </c>
      <c r="C5538" t="s">
        <v>5455</v>
      </c>
      <c r="D5538" t="s">
        <v>5527</v>
      </c>
    </row>
    <row r="5539" spans="1:4" x14ac:dyDescent="0.4">
      <c r="A5539" s="1" t="s">
        <v>5528</v>
      </c>
      <c r="B5539" t="s">
        <v>4451</v>
      </c>
      <c r="C5539" t="s">
        <v>5455</v>
      </c>
      <c r="D5539" t="s">
        <v>1740</v>
      </c>
    </row>
    <row r="5540" spans="1:4" x14ac:dyDescent="0.4">
      <c r="A5540" s="1" t="s">
        <v>5529</v>
      </c>
      <c r="B5540" t="s">
        <v>4451</v>
      </c>
      <c r="C5540" t="s">
        <v>5455</v>
      </c>
      <c r="D5540" t="s">
        <v>5530</v>
      </c>
    </row>
    <row r="5541" spans="1:4" x14ac:dyDescent="0.4">
      <c r="A5541" s="1" t="s">
        <v>5531</v>
      </c>
      <c r="B5541" t="s">
        <v>4451</v>
      </c>
      <c r="C5541" t="s">
        <v>5455</v>
      </c>
      <c r="D5541" t="s">
        <v>5532</v>
      </c>
    </row>
    <row r="5542" spans="1:4" x14ac:dyDescent="0.4">
      <c r="A5542" s="1" t="s">
        <v>5533</v>
      </c>
      <c r="B5542" t="s">
        <v>4451</v>
      </c>
      <c r="C5542" t="s">
        <v>5455</v>
      </c>
      <c r="D5542" t="s">
        <v>5534</v>
      </c>
    </row>
    <row r="5543" spans="1:4" x14ac:dyDescent="0.4">
      <c r="A5543" s="1" t="s">
        <v>5535</v>
      </c>
      <c r="B5543" t="s">
        <v>4451</v>
      </c>
      <c r="C5543" t="s">
        <v>5455</v>
      </c>
      <c r="D5543" t="s">
        <v>72</v>
      </c>
    </row>
    <row r="5544" spans="1:4" x14ac:dyDescent="0.4">
      <c r="A5544" s="1" t="s">
        <v>5536</v>
      </c>
      <c r="B5544" t="s">
        <v>4451</v>
      </c>
      <c r="C5544" t="s">
        <v>5455</v>
      </c>
      <c r="D5544" t="s">
        <v>5537</v>
      </c>
    </row>
    <row r="5545" spans="1:4" x14ac:dyDescent="0.4">
      <c r="A5545" s="1" t="s">
        <v>5538</v>
      </c>
      <c r="B5545" t="s">
        <v>4451</v>
      </c>
      <c r="C5545" t="s">
        <v>5455</v>
      </c>
      <c r="D5545" t="s">
        <v>5539</v>
      </c>
    </row>
    <row r="5546" spans="1:4" x14ac:dyDescent="0.4">
      <c r="A5546" s="1" t="s">
        <v>5540</v>
      </c>
      <c r="B5546" t="s">
        <v>4451</v>
      </c>
      <c r="C5546" t="s">
        <v>5455</v>
      </c>
      <c r="D5546" t="s">
        <v>5541</v>
      </c>
    </row>
    <row r="5547" spans="1:4" x14ac:dyDescent="0.4">
      <c r="A5547" s="1" t="s">
        <v>5542</v>
      </c>
      <c r="B5547" t="s">
        <v>4451</v>
      </c>
      <c r="C5547" t="s">
        <v>5455</v>
      </c>
      <c r="D5547" t="s">
        <v>4252</v>
      </c>
    </row>
    <row r="5548" spans="1:4" x14ac:dyDescent="0.4">
      <c r="A5548" s="1" t="s">
        <v>5543</v>
      </c>
      <c r="B5548" t="s">
        <v>4451</v>
      </c>
      <c r="C5548" t="s">
        <v>5455</v>
      </c>
      <c r="D5548" t="s">
        <v>5544</v>
      </c>
    </row>
    <row r="5549" spans="1:4" x14ac:dyDescent="0.4">
      <c r="A5549" s="1" t="s">
        <v>5545</v>
      </c>
      <c r="B5549" t="s">
        <v>4451</v>
      </c>
      <c r="C5549" t="s">
        <v>5455</v>
      </c>
      <c r="D5549" t="s">
        <v>5546</v>
      </c>
    </row>
    <row r="5550" spans="1:4" x14ac:dyDescent="0.4">
      <c r="A5550" s="1" t="s">
        <v>5547</v>
      </c>
      <c r="B5550" t="s">
        <v>4451</v>
      </c>
      <c r="C5550" t="s">
        <v>5455</v>
      </c>
      <c r="D5550" t="s">
        <v>2500</v>
      </c>
    </row>
    <row r="5551" spans="1:4" x14ac:dyDescent="0.4">
      <c r="A5551" s="1" t="s">
        <v>5548</v>
      </c>
      <c r="B5551" t="s">
        <v>4451</v>
      </c>
      <c r="C5551" t="s">
        <v>5455</v>
      </c>
      <c r="D5551" t="s">
        <v>4970</v>
      </c>
    </row>
    <row r="5552" spans="1:4" x14ac:dyDescent="0.4">
      <c r="A5552" s="1" t="s">
        <v>5549</v>
      </c>
      <c r="B5552" t="s">
        <v>4451</v>
      </c>
      <c r="C5552" t="s">
        <v>5455</v>
      </c>
      <c r="D5552" t="s">
        <v>3395</v>
      </c>
    </row>
    <row r="5553" spans="1:4" x14ac:dyDescent="0.4">
      <c r="A5553" s="1" t="s">
        <v>5550</v>
      </c>
      <c r="B5553" t="s">
        <v>4451</v>
      </c>
      <c r="C5553" t="s">
        <v>5455</v>
      </c>
      <c r="D5553" t="s">
        <v>5551</v>
      </c>
    </row>
    <row r="5554" spans="1:4" x14ac:dyDescent="0.4">
      <c r="A5554" s="1" t="s">
        <v>5552</v>
      </c>
      <c r="B5554" t="s">
        <v>4451</v>
      </c>
      <c r="C5554" t="s">
        <v>5455</v>
      </c>
      <c r="D5554" t="s">
        <v>5553</v>
      </c>
    </row>
    <row r="5555" spans="1:4" x14ac:dyDescent="0.4">
      <c r="A5555" s="1" t="s">
        <v>5554</v>
      </c>
      <c r="B5555" t="s">
        <v>4451</v>
      </c>
      <c r="C5555" t="s">
        <v>5455</v>
      </c>
      <c r="D5555" t="s">
        <v>5555</v>
      </c>
    </row>
    <row r="5556" spans="1:4" x14ac:dyDescent="0.4">
      <c r="A5556" s="1" t="s">
        <v>5556</v>
      </c>
      <c r="B5556" t="s">
        <v>4451</v>
      </c>
      <c r="C5556" t="s">
        <v>5455</v>
      </c>
      <c r="D5556" t="s">
        <v>443</v>
      </c>
    </row>
    <row r="5557" spans="1:4" x14ac:dyDescent="0.4">
      <c r="A5557" s="1" t="s">
        <v>5557</v>
      </c>
      <c r="B5557" t="s">
        <v>4451</v>
      </c>
      <c r="C5557" t="s">
        <v>5455</v>
      </c>
      <c r="D5557" t="s">
        <v>5558</v>
      </c>
    </row>
    <row r="5558" spans="1:4" x14ac:dyDescent="0.4">
      <c r="A5558" s="1" t="s">
        <v>5559</v>
      </c>
      <c r="B5558" t="s">
        <v>4451</v>
      </c>
      <c r="C5558" t="s">
        <v>5455</v>
      </c>
      <c r="D5558" t="s">
        <v>5560</v>
      </c>
    </row>
    <row r="5559" spans="1:4" x14ac:dyDescent="0.4">
      <c r="A5559" s="1" t="s">
        <v>5561</v>
      </c>
      <c r="B5559" t="s">
        <v>4451</v>
      </c>
      <c r="C5559" t="s">
        <v>5455</v>
      </c>
      <c r="D5559" t="s">
        <v>5562</v>
      </c>
    </row>
    <row r="5560" spans="1:4" x14ac:dyDescent="0.4">
      <c r="A5560" s="1" t="s">
        <v>5563</v>
      </c>
      <c r="B5560" t="s">
        <v>4451</v>
      </c>
      <c r="C5560" t="s">
        <v>5455</v>
      </c>
      <c r="D5560" t="s">
        <v>5564</v>
      </c>
    </row>
    <row r="5561" spans="1:4" x14ac:dyDescent="0.4">
      <c r="A5561" s="1" t="s">
        <v>5565</v>
      </c>
      <c r="B5561" t="s">
        <v>4451</v>
      </c>
      <c r="C5561" t="s">
        <v>5455</v>
      </c>
      <c r="D5561" t="s">
        <v>4150</v>
      </c>
    </row>
    <row r="5562" spans="1:4" x14ac:dyDescent="0.4">
      <c r="A5562" s="1" t="s">
        <v>5566</v>
      </c>
      <c r="B5562" t="s">
        <v>4451</v>
      </c>
      <c r="C5562" t="s">
        <v>5455</v>
      </c>
      <c r="D5562" t="s">
        <v>2111</v>
      </c>
    </row>
    <row r="5563" spans="1:4" x14ac:dyDescent="0.4">
      <c r="A5563" s="1" t="s">
        <v>5567</v>
      </c>
      <c r="B5563" t="s">
        <v>4451</v>
      </c>
      <c r="C5563" t="s">
        <v>5455</v>
      </c>
      <c r="D5563" t="s">
        <v>1411</v>
      </c>
    </row>
    <row r="5564" spans="1:4" x14ac:dyDescent="0.4">
      <c r="A5564" s="1" t="s">
        <v>5568</v>
      </c>
      <c r="B5564" t="s">
        <v>4451</v>
      </c>
      <c r="C5564" t="s">
        <v>5455</v>
      </c>
      <c r="D5564" t="s">
        <v>1585</v>
      </c>
    </row>
    <row r="5565" spans="1:4" x14ac:dyDescent="0.4">
      <c r="A5565" s="1" t="s">
        <v>5569</v>
      </c>
      <c r="B5565" t="s">
        <v>4451</v>
      </c>
      <c r="C5565" t="s">
        <v>5455</v>
      </c>
      <c r="D5565" t="s">
        <v>2112</v>
      </c>
    </row>
    <row r="5566" spans="1:4" x14ac:dyDescent="0.4">
      <c r="A5566" s="1" t="s">
        <v>5570</v>
      </c>
      <c r="B5566" t="s">
        <v>4451</v>
      </c>
      <c r="C5566" t="s">
        <v>5455</v>
      </c>
      <c r="D5566" t="s">
        <v>5571</v>
      </c>
    </row>
    <row r="5567" spans="1:4" x14ac:dyDescent="0.4">
      <c r="A5567" s="1" t="s">
        <v>5572</v>
      </c>
      <c r="B5567" t="s">
        <v>4451</v>
      </c>
      <c r="C5567" t="s">
        <v>5455</v>
      </c>
      <c r="D5567" t="s">
        <v>3142</v>
      </c>
    </row>
    <row r="5568" spans="1:4" x14ac:dyDescent="0.4">
      <c r="A5568" s="1" t="s">
        <v>5573</v>
      </c>
      <c r="B5568" t="s">
        <v>4451</v>
      </c>
      <c r="C5568" t="s">
        <v>5455</v>
      </c>
      <c r="D5568" t="s">
        <v>5574</v>
      </c>
    </row>
    <row r="5569" spans="1:4" x14ac:dyDescent="0.4">
      <c r="A5569" s="1" t="s">
        <v>5575</v>
      </c>
      <c r="B5569" t="s">
        <v>4451</v>
      </c>
      <c r="C5569" t="s">
        <v>5455</v>
      </c>
      <c r="D5569" t="s">
        <v>5576</v>
      </c>
    </row>
    <row r="5570" spans="1:4" x14ac:dyDescent="0.4">
      <c r="A5570" s="1" t="s">
        <v>5577</v>
      </c>
      <c r="B5570" t="s">
        <v>4451</v>
      </c>
      <c r="C5570" t="s">
        <v>5455</v>
      </c>
      <c r="D5570" t="s">
        <v>5578</v>
      </c>
    </row>
    <row r="5571" spans="1:4" x14ac:dyDescent="0.4">
      <c r="A5571" s="1" t="s">
        <v>5579</v>
      </c>
      <c r="B5571" t="s">
        <v>4451</v>
      </c>
      <c r="C5571" t="s">
        <v>5455</v>
      </c>
      <c r="D5571" t="s">
        <v>5580</v>
      </c>
    </row>
    <row r="5572" spans="1:4" x14ac:dyDescent="0.4">
      <c r="A5572" s="1" t="s">
        <v>5581</v>
      </c>
      <c r="B5572" t="s">
        <v>4451</v>
      </c>
      <c r="C5572" t="s">
        <v>5455</v>
      </c>
      <c r="D5572" t="s">
        <v>5582</v>
      </c>
    </row>
    <row r="5573" spans="1:4" x14ac:dyDescent="0.4">
      <c r="A5573" s="1" t="s">
        <v>5583</v>
      </c>
      <c r="B5573" t="s">
        <v>4451</v>
      </c>
      <c r="C5573" t="s">
        <v>5455</v>
      </c>
      <c r="D5573" t="s">
        <v>5584</v>
      </c>
    </row>
    <row r="5574" spans="1:4" x14ac:dyDescent="0.4">
      <c r="A5574" s="1" t="s">
        <v>5585</v>
      </c>
      <c r="B5574" t="s">
        <v>4451</v>
      </c>
      <c r="C5574" t="s">
        <v>5455</v>
      </c>
      <c r="D5574" t="s">
        <v>5586</v>
      </c>
    </row>
    <row r="5575" spans="1:4" x14ac:dyDescent="0.4">
      <c r="A5575" s="1" t="s">
        <v>5587</v>
      </c>
      <c r="B5575" t="s">
        <v>4451</v>
      </c>
      <c r="C5575" t="s">
        <v>5455</v>
      </c>
      <c r="D5575" t="s">
        <v>5588</v>
      </c>
    </row>
    <row r="5576" spans="1:4" x14ac:dyDescent="0.4">
      <c r="A5576" s="1" t="s">
        <v>5589</v>
      </c>
      <c r="B5576" t="s">
        <v>4451</v>
      </c>
      <c r="C5576" t="s">
        <v>5455</v>
      </c>
      <c r="D5576" t="s">
        <v>5590</v>
      </c>
    </row>
    <row r="5577" spans="1:4" x14ac:dyDescent="0.4">
      <c r="A5577" s="1" t="s">
        <v>5591</v>
      </c>
      <c r="B5577" t="s">
        <v>4451</v>
      </c>
      <c r="C5577" t="s">
        <v>5455</v>
      </c>
      <c r="D5577" t="s">
        <v>5592</v>
      </c>
    </row>
    <row r="5578" spans="1:4" x14ac:dyDescent="0.4">
      <c r="A5578" s="1" t="s">
        <v>5593</v>
      </c>
      <c r="B5578" t="s">
        <v>4451</v>
      </c>
      <c r="C5578" t="s">
        <v>5455</v>
      </c>
      <c r="D5578" t="s">
        <v>5594</v>
      </c>
    </row>
    <row r="5579" spans="1:4" x14ac:dyDescent="0.4">
      <c r="A5579" s="1" t="s">
        <v>5595</v>
      </c>
      <c r="B5579" t="s">
        <v>4451</v>
      </c>
      <c r="C5579" t="s">
        <v>5455</v>
      </c>
      <c r="D5579" t="s">
        <v>5596</v>
      </c>
    </row>
    <row r="5580" spans="1:4" x14ac:dyDescent="0.4">
      <c r="A5580" s="1" t="s">
        <v>5597</v>
      </c>
      <c r="B5580" t="s">
        <v>4451</v>
      </c>
      <c r="C5580" t="s">
        <v>5455</v>
      </c>
      <c r="D5580" t="s">
        <v>5598</v>
      </c>
    </row>
    <row r="5581" spans="1:4" x14ac:dyDescent="0.4">
      <c r="A5581" s="1" t="s">
        <v>5599</v>
      </c>
      <c r="B5581" t="s">
        <v>4451</v>
      </c>
      <c r="C5581" t="s">
        <v>5455</v>
      </c>
      <c r="D5581" t="s">
        <v>5600</v>
      </c>
    </row>
    <row r="5582" spans="1:4" x14ac:dyDescent="0.4">
      <c r="A5582" s="1" t="s">
        <v>5601</v>
      </c>
      <c r="B5582" t="s">
        <v>4451</v>
      </c>
      <c r="C5582" t="s">
        <v>5455</v>
      </c>
      <c r="D5582" t="s">
        <v>5602</v>
      </c>
    </row>
    <row r="5583" spans="1:4" x14ac:dyDescent="0.4">
      <c r="A5583" s="1" t="s">
        <v>5603</v>
      </c>
      <c r="B5583" t="s">
        <v>4451</v>
      </c>
      <c r="C5583" t="s">
        <v>5455</v>
      </c>
      <c r="D5583" t="s">
        <v>5604</v>
      </c>
    </row>
    <row r="5584" spans="1:4" x14ac:dyDescent="0.4">
      <c r="A5584" s="1" t="s">
        <v>5605</v>
      </c>
      <c r="B5584" t="s">
        <v>4451</v>
      </c>
      <c r="C5584" t="s">
        <v>5455</v>
      </c>
      <c r="D5584" t="s">
        <v>5606</v>
      </c>
    </row>
    <row r="5585" spans="1:4" x14ac:dyDescent="0.4">
      <c r="A5585" s="1" t="s">
        <v>5607</v>
      </c>
      <c r="B5585" t="s">
        <v>4451</v>
      </c>
      <c r="C5585" t="s">
        <v>5455</v>
      </c>
      <c r="D5585" t="s">
        <v>5608</v>
      </c>
    </row>
    <row r="5586" spans="1:4" x14ac:dyDescent="0.4">
      <c r="A5586" s="1" t="s">
        <v>5609</v>
      </c>
      <c r="B5586" t="s">
        <v>4451</v>
      </c>
      <c r="C5586" t="s">
        <v>5455</v>
      </c>
      <c r="D5586" t="s">
        <v>1699</v>
      </c>
    </row>
    <row r="5587" spans="1:4" x14ac:dyDescent="0.4">
      <c r="A5587" s="1" t="s">
        <v>5610</v>
      </c>
      <c r="B5587" t="s">
        <v>4451</v>
      </c>
      <c r="C5587" t="s">
        <v>5455</v>
      </c>
      <c r="D5587" t="s">
        <v>5611</v>
      </c>
    </row>
    <row r="5588" spans="1:4" x14ac:dyDescent="0.4">
      <c r="A5588" s="1" t="s">
        <v>5612</v>
      </c>
      <c r="B5588" t="s">
        <v>4451</v>
      </c>
      <c r="C5588" t="s">
        <v>5455</v>
      </c>
      <c r="D5588" t="s">
        <v>207</v>
      </c>
    </row>
    <row r="5589" spans="1:4" x14ac:dyDescent="0.4">
      <c r="A5589" s="1" t="s">
        <v>5613</v>
      </c>
      <c r="B5589" t="s">
        <v>4451</v>
      </c>
      <c r="C5589" t="s">
        <v>5455</v>
      </c>
      <c r="D5589" t="s">
        <v>5614</v>
      </c>
    </row>
    <row r="5590" spans="1:4" x14ac:dyDescent="0.4">
      <c r="A5590" s="1" t="s">
        <v>5615</v>
      </c>
      <c r="B5590" t="s">
        <v>4451</v>
      </c>
      <c r="C5590" t="s">
        <v>5455</v>
      </c>
      <c r="D5590" t="s">
        <v>5616</v>
      </c>
    </row>
    <row r="5591" spans="1:4" x14ac:dyDescent="0.4">
      <c r="A5591" s="1" t="s">
        <v>5617</v>
      </c>
      <c r="B5591" t="s">
        <v>4451</v>
      </c>
      <c r="C5591" t="s">
        <v>5455</v>
      </c>
      <c r="D5591" t="s">
        <v>505</v>
      </c>
    </row>
    <row r="5592" spans="1:4" x14ac:dyDescent="0.4">
      <c r="A5592" s="1" t="s">
        <v>5618</v>
      </c>
      <c r="B5592" t="s">
        <v>4451</v>
      </c>
      <c r="C5592" t="s">
        <v>5455</v>
      </c>
      <c r="D5592" t="s">
        <v>1702</v>
      </c>
    </row>
    <row r="5593" spans="1:4" x14ac:dyDescent="0.4">
      <c r="A5593" s="1" t="s">
        <v>5619</v>
      </c>
      <c r="B5593" t="s">
        <v>4451</v>
      </c>
      <c r="C5593" t="s">
        <v>5455</v>
      </c>
      <c r="D5593" t="s">
        <v>5620</v>
      </c>
    </row>
    <row r="5594" spans="1:4" x14ac:dyDescent="0.4">
      <c r="A5594" s="1" t="s">
        <v>5621</v>
      </c>
      <c r="B5594" t="s">
        <v>4451</v>
      </c>
      <c r="C5594" t="s">
        <v>5455</v>
      </c>
      <c r="D5594" t="s">
        <v>5622</v>
      </c>
    </row>
    <row r="5595" spans="1:4" x14ac:dyDescent="0.4">
      <c r="A5595" s="1" t="s">
        <v>5623</v>
      </c>
      <c r="B5595" t="s">
        <v>4451</v>
      </c>
      <c r="C5595" t="s">
        <v>5455</v>
      </c>
      <c r="D5595" t="s">
        <v>506</v>
      </c>
    </row>
    <row r="5596" spans="1:4" x14ac:dyDescent="0.4">
      <c r="A5596" s="1" t="s">
        <v>5624</v>
      </c>
      <c r="B5596" t="s">
        <v>4451</v>
      </c>
      <c r="C5596" t="s">
        <v>5455</v>
      </c>
      <c r="D5596" t="s">
        <v>1611</v>
      </c>
    </row>
    <row r="5597" spans="1:4" x14ac:dyDescent="0.4">
      <c r="A5597" s="1" t="s">
        <v>5625</v>
      </c>
      <c r="B5597" t="s">
        <v>4451</v>
      </c>
      <c r="C5597" t="s">
        <v>5455</v>
      </c>
      <c r="D5597" t="s">
        <v>5626</v>
      </c>
    </row>
    <row r="5598" spans="1:4" x14ac:dyDescent="0.4">
      <c r="A5598" s="1" t="s">
        <v>5627</v>
      </c>
      <c r="B5598" t="s">
        <v>4451</v>
      </c>
      <c r="C5598" t="s">
        <v>5455</v>
      </c>
      <c r="D5598" t="s">
        <v>5628</v>
      </c>
    </row>
    <row r="5599" spans="1:4" x14ac:dyDescent="0.4">
      <c r="A5599" s="1" t="s">
        <v>5629</v>
      </c>
      <c r="B5599" t="s">
        <v>4451</v>
      </c>
      <c r="C5599" t="s">
        <v>5455</v>
      </c>
      <c r="D5599" t="s">
        <v>1841</v>
      </c>
    </row>
    <row r="5600" spans="1:4" x14ac:dyDescent="0.4">
      <c r="A5600" s="1" t="s">
        <v>5630</v>
      </c>
      <c r="B5600" t="s">
        <v>4451</v>
      </c>
      <c r="C5600" t="s">
        <v>5455</v>
      </c>
      <c r="D5600" t="s">
        <v>5631</v>
      </c>
    </row>
    <row r="5601" spans="1:4" x14ac:dyDescent="0.4">
      <c r="A5601" s="1" t="s">
        <v>5632</v>
      </c>
      <c r="B5601" t="s">
        <v>4451</v>
      </c>
      <c r="C5601" t="s">
        <v>5455</v>
      </c>
      <c r="D5601" t="s">
        <v>518</v>
      </c>
    </row>
    <row r="5602" spans="1:4" x14ac:dyDescent="0.4">
      <c r="A5602" s="1" t="s">
        <v>5633</v>
      </c>
      <c r="B5602" t="s">
        <v>4451</v>
      </c>
      <c r="C5602" t="s">
        <v>5455</v>
      </c>
      <c r="D5602" t="s">
        <v>5237</v>
      </c>
    </row>
    <row r="5603" spans="1:4" x14ac:dyDescent="0.4">
      <c r="A5603" s="1" t="s">
        <v>5634</v>
      </c>
      <c r="B5603" t="s">
        <v>4451</v>
      </c>
      <c r="C5603" t="s">
        <v>5455</v>
      </c>
      <c r="D5603" t="s">
        <v>5635</v>
      </c>
    </row>
    <row r="5604" spans="1:4" x14ac:dyDescent="0.4">
      <c r="A5604" s="1" t="s">
        <v>5636</v>
      </c>
      <c r="B5604" t="s">
        <v>4451</v>
      </c>
      <c r="C5604" t="s">
        <v>5455</v>
      </c>
      <c r="D5604" t="s">
        <v>219</v>
      </c>
    </row>
    <row r="5605" spans="1:4" x14ac:dyDescent="0.4">
      <c r="A5605" s="1" t="s">
        <v>5637</v>
      </c>
      <c r="B5605" t="s">
        <v>4451</v>
      </c>
      <c r="C5605" t="s">
        <v>5638</v>
      </c>
    </row>
    <row r="5606" spans="1:4" x14ac:dyDescent="0.4">
      <c r="A5606" s="1" t="s">
        <v>5639</v>
      </c>
      <c r="B5606" t="s">
        <v>4451</v>
      </c>
      <c r="C5606" t="s">
        <v>5638</v>
      </c>
      <c r="D5606" t="s">
        <v>5640</v>
      </c>
    </row>
    <row r="5607" spans="1:4" x14ac:dyDescent="0.4">
      <c r="A5607" s="1" t="s">
        <v>5641</v>
      </c>
      <c r="B5607" t="s">
        <v>4451</v>
      </c>
      <c r="C5607" t="s">
        <v>5638</v>
      </c>
      <c r="D5607" t="s">
        <v>5642</v>
      </c>
    </row>
    <row r="5608" spans="1:4" x14ac:dyDescent="0.4">
      <c r="A5608" s="1" t="s">
        <v>5643</v>
      </c>
      <c r="B5608" t="s">
        <v>4451</v>
      </c>
      <c r="C5608" t="s">
        <v>5638</v>
      </c>
      <c r="D5608" t="s">
        <v>222</v>
      </c>
    </row>
    <row r="5609" spans="1:4" x14ac:dyDescent="0.4">
      <c r="A5609" s="1" t="s">
        <v>5644</v>
      </c>
      <c r="B5609" t="s">
        <v>4451</v>
      </c>
      <c r="C5609" t="s">
        <v>5638</v>
      </c>
      <c r="D5609" t="s">
        <v>1526</v>
      </c>
    </row>
    <row r="5610" spans="1:4" x14ac:dyDescent="0.4">
      <c r="A5610" s="1" t="s">
        <v>5645</v>
      </c>
      <c r="B5610" t="s">
        <v>4451</v>
      </c>
      <c r="C5610" t="s">
        <v>5638</v>
      </c>
      <c r="D5610" t="s">
        <v>5646</v>
      </c>
    </row>
    <row r="5611" spans="1:4" x14ac:dyDescent="0.4">
      <c r="A5611" s="1" t="s">
        <v>5647</v>
      </c>
      <c r="B5611" t="s">
        <v>4451</v>
      </c>
      <c r="C5611" t="s">
        <v>5638</v>
      </c>
      <c r="D5611" t="s">
        <v>5648</v>
      </c>
    </row>
    <row r="5612" spans="1:4" x14ac:dyDescent="0.4">
      <c r="A5612" s="1" t="s">
        <v>5649</v>
      </c>
      <c r="B5612" t="s">
        <v>4451</v>
      </c>
      <c r="C5612" t="s">
        <v>5638</v>
      </c>
      <c r="D5612" t="s">
        <v>5650</v>
      </c>
    </row>
    <row r="5613" spans="1:4" x14ac:dyDescent="0.4">
      <c r="A5613" s="1" t="s">
        <v>5651</v>
      </c>
      <c r="B5613" t="s">
        <v>4451</v>
      </c>
      <c r="C5613" t="s">
        <v>5638</v>
      </c>
      <c r="D5613" t="s">
        <v>5652</v>
      </c>
    </row>
    <row r="5614" spans="1:4" x14ac:dyDescent="0.4">
      <c r="A5614" s="1" t="s">
        <v>5653</v>
      </c>
      <c r="B5614" t="s">
        <v>4451</v>
      </c>
      <c r="C5614" t="s">
        <v>5638</v>
      </c>
      <c r="D5614" t="s">
        <v>5654</v>
      </c>
    </row>
    <row r="5615" spans="1:4" x14ac:dyDescent="0.4">
      <c r="A5615" s="1" t="s">
        <v>5655</v>
      </c>
      <c r="B5615" t="s">
        <v>4451</v>
      </c>
      <c r="C5615" t="s">
        <v>5638</v>
      </c>
      <c r="D5615" t="s">
        <v>5656</v>
      </c>
    </row>
    <row r="5616" spans="1:4" x14ac:dyDescent="0.4">
      <c r="A5616" s="1" t="s">
        <v>5657</v>
      </c>
      <c r="B5616" t="s">
        <v>4451</v>
      </c>
      <c r="C5616" t="s">
        <v>5638</v>
      </c>
      <c r="D5616" t="s">
        <v>5658</v>
      </c>
    </row>
    <row r="5617" spans="1:4" x14ac:dyDescent="0.4">
      <c r="A5617" s="1" t="s">
        <v>5659</v>
      </c>
      <c r="B5617" t="s">
        <v>4451</v>
      </c>
      <c r="C5617" t="s">
        <v>5638</v>
      </c>
      <c r="D5617" t="s">
        <v>5478</v>
      </c>
    </row>
    <row r="5618" spans="1:4" x14ac:dyDescent="0.4">
      <c r="A5618" s="1" t="s">
        <v>5660</v>
      </c>
      <c r="B5618" t="s">
        <v>4451</v>
      </c>
      <c r="C5618" t="s">
        <v>5638</v>
      </c>
      <c r="D5618" t="s">
        <v>5661</v>
      </c>
    </row>
    <row r="5619" spans="1:4" x14ac:dyDescent="0.4">
      <c r="A5619" s="1" t="s">
        <v>5662</v>
      </c>
      <c r="B5619" t="s">
        <v>4451</v>
      </c>
      <c r="C5619" t="s">
        <v>5638</v>
      </c>
      <c r="D5619" t="s">
        <v>5663</v>
      </c>
    </row>
    <row r="5620" spans="1:4" x14ac:dyDescent="0.4">
      <c r="A5620" s="1" t="s">
        <v>5664</v>
      </c>
      <c r="B5620" t="s">
        <v>4451</v>
      </c>
      <c r="C5620" t="s">
        <v>5638</v>
      </c>
      <c r="D5620" t="s">
        <v>1367</v>
      </c>
    </row>
    <row r="5621" spans="1:4" x14ac:dyDescent="0.4">
      <c r="A5621" s="1" t="s">
        <v>5665</v>
      </c>
      <c r="B5621" t="s">
        <v>4451</v>
      </c>
      <c r="C5621" t="s">
        <v>5638</v>
      </c>
      <c r="D5621" t="s">
        <v>5666</v>
      </c>
    </row>
    <row r="5622" spans="1:4" x14ac:dyDescent="0.4">
      <c r="A5622" s="1" t="s">
        <v>5667</v>
      </c>
      <c r="B5622" t="s">
        <v>4451</v>
      </c>
      <c r="C5622" t="s">
        <v>5638</v>
      </c>
      <c r="D5622" t="s">
        <v>140</v>
      </c>
    </row>
    <row r="5623" spans="1:4" x14ac:dyDescent="0.4">
      <c r="A5623" s="1" t="s">
        <v>5668</v>
      </c>
      <c r="B5623" t="s">
        <v>4451</v>
      </c>
      <c r="C5623" t="s">
        <v>5638</v>
      </c>
      <c r="D5623" t="s">
        <v>3183</v>
      </c>
    </row>
    <row r="5624" spans="1:4" x14ac:dyDescent="0.4">
      <c r="A5624" s="1" t="s">
        <v>5669</v>
      </c>
      <c r="B5624" t="s">
        <v>4451</v>
      </c>
      <c r="C5624" t="s">
        <v>5638</v>
      </c>
      <c r="D5624" t="s">
        <v>5670</v>
      </c>
    </row>
    <row r="5625" spans="1:4" x14ac:dyDescent="0.4">
      <c r="A5625" s="1" t="s">
        <v>5671</v>
      </c>
      <c r="B5625" t="s">
        <v>4451</v>
      </c>
      <c r="C5625" t="s">
        <v>5638</v>
      </c>
      <c r="D5625" t="s">
        <v>5672</v>
      </c>
    </row>
    <row r="5626" spans="1:4" x14ac:dyDescent="0.4">
      <c r="A5626" s="1" t="s">
        <v>5673</v>
      </c>
      <c r="B5626" t="s">
        <v>4451</v>
      </c>
      <c r="C5626" t="s">
        <v>5638</v>
      </c>
      <c r="D5626" t="s">
        <v>5674</v>
      </c>
    </row>
    <row r="5627" spans="1:4" x14ac:dyDescent="0.4">
      <c r="A5627" s="1" t="s">
        <v>5675</v>
      </c>
      <c r="B5627" t="s">
        <v>4451</v>
      </c>
      <c r="C5627" t="s">
        <v>5638</v>
      </c>
      <c r="D5627" t="s">
        <v>5676</v>
      </c>
    </row>
    <row r="5628" spans="1:4" x14ac:dyDescent="0.4">
      <c r="A5628" s="1" t="s">
        <v>5677</v>
      </c>
      <c r="B5628" t="s">
        <v>4451</v>
      </c>
      <c r="C5628" t="s">
        <v>5638</v>
      </c>
      <c r="D5628" t="s">
        <v>5678</v>
      </c>
    </row>
    <row r="5629" spans="1:4" x14ac:dyDescent="0.4">
      <c r="A5629" s="1" t="s">
        <v>5679</v>
      </c>
      <c r="B5629" t="s">
        <v>4451</v>
      </c>
      <c r="C5629" t="s">
        <v>5638</v>
      </c>
      <c r="D5629" t="s">
        <v>5680</v>
      </c>
    </row>
    <row r="5630" spans="1:4" x14ac:dyDescent="0.4">
      <c r="A5630" s="1" t="s">
        <v>5681</v>
      </c>
      <c r="B5630" t="s">
        <v>4451</v>
      </c>
      <c r="C5630" t="s">
        <v>5638</v>
      </c>
      <c r="D5630" t="s">
        <v>5682</v>
      </c>
    </row>
    <row r="5631" spans="1:4" x14ac:dyDescent="0.4">
      <c r="A5631" s="1" t="s">
        <v>5683</v>
      </c>
      <c r="B5631" t="s">
        <v>4451</v>
      </c>
      <c r="C5631" t="s">
        <v>5638</v>
      </c>
      <c r="D5631" t="s">
        <v>5684</v>
      </c>
    </row>
    <row r="5632" spans="1:4" x14ac:dyDescent="0.4">
      <c r="A5632" s="1" t="s">
        <v>5685</v>
      </c>
      <c r="B5632" t="s">
        <v>4451</v>
      </c>
      <c r="C5632" t="s">
        <v>5638</v>
      </c>
      <c r="D5632" t="s">
        <v>5686</v>
      </c>
    </row>
    <row r="5633" spans="1:4" x14ac:dyDescent="0.4">
      <c r="A5633" s="1" t="s">
        <v>5687</v>
      </c>
      <c r="B5633" t="s">
        <v>4451</v>
      </c>
      <c r="C5633" t="s">
        <v>5638</v>
      </c>
      <c r="D5633" t="s">
        <v>5688</v>
      </c>
    </row>
    <row r="5634" spans="1:4" x14ac:dyDescent="0.4">
      <c r="A5634" s="1" t="s">
        <v>5689</v>
      </c>
      <c r="B5634" t="s">
        <v>4451</v>
      </c>
      <c r="C5634" t="s">
        <v>5638</v>
      </c>
      <c r="D5634" t="s">
        <v>3835</v>
      </c>
    </row>
    <row r="5635" spans="1:4" x14ac:dyDescent="0.4">
      <c r="A5635" s="1" t="s">
        <v>5690</v>
      </c>
      <c r="B5635" t="s">
        <v>4451</v>
      </c>
      <c r="C5635" t="s">
        <v>5638</v>
      </c>
      <c r="D5635" t="s">
        <v>5691</v>
      </c>
    </row>
    <row r="5636" spans="1:4" x14ac:dyDescent="0.4">
      <c r="A5636" s="1" t="s">
        <v>5692</v>
      </c>
      <c r="B5636" t="s">
        <v>4451</v>
      </c>
      <c r="C5636" t="s">
        <v>5638</v>
      </c>
      <c r="D5636" t="s">
        <v>5693</v>
      </c>
    </row>
    <row r="5637" spans="1:4" x14ac:dyDescent="0.4">
      <c r="A5637" s="1" t="s">
        <v>5694</v>
      </c>
      <c r="B5637" t="s">
        <v>4451</v>
      </c>
      <c r="C5637" t="s">
        <v>5638</v>
      </c>
      <c r="D5637" t="s">
        <v>5695</v>
      </c>
    </row>
    <row r="5638" spans="1:4" x14ac:dyDescent="0.4">
      <c r="A5638" s="1" t="s">
        <v>5696</v>
      </c>
      <c r="B5638" t="s">
        <v>4451</v>
      </c>
      <c r="C5638" t="s">
        <v>5638</v>
      </c>
      <c r="D5638" t="s">
        <v>5697</v>
      </c>
    </row>
    <row r="5639" spans="1:4" x14ac:dyDescent="0.4">
      <c r="A5639" s="1" t="s">
        <v>5698</v>
      </c>
      <c r="B5639" t="s">
        <v>4451</v>
      </c>
      <c r="C5639" t="s">
        <v>5638</v>
      </c>
      <c r="D5639" t="s">
        <v>5699</v>
      </c>
    </row>
    <row r="5640" spans="1:4" x14ac:dyDescent="0.4">
      <c r="A5640" s="1" t="s">
        <v>5700</v>
      </c>
      <c r="B5640" t="s">
        <v>4451</v>
      </c>
      <c r="C5640" t="s">
        <v>5638</v>
      </c>
      <c r="D5640" t="s">
        <v>5701</v>
      </c>
    </row>
    <row r="5641" spans="1:4" x14ac:dyDescent="0.4">
      <c r="A5641" s="1" t="s">
        <v>5702</v>
      </c>
      <c r="B5641" t="s">
        <v>4451</v>
      </c>
      <c r="C5641" t="s">
        <v>5638</v>
      </c>
      <c r="D5641" t="s">
        <v>5703</v>
      </c>
    </row>
    <row r="5642" spans="1:4" x14ac:dyDescent="0.4">
      <c r="A5642" s="1" t="s">
        <v>5704</v>
      </c>
      <c r="B5642" t="s">
        <v>4451</v>
      </c>
      <c r="C5642" t="s">
        <v>5638</v>
      </c>
      <c r="D5642" t="s">
        <v>2038</v>
      </c>
    </row>
    <row r="5643" spans="1:4" x14ac:dyDescent="0.4">
      <c r="A5643" s="1" t="s">
        <v>5705</v>
      </c>
      <c r="B5643" t="s">
        <v>4451</v>
      </c>
      <c r="C5643" t="s">
        <v>5638</v>
      </c>
      <c r="D5643" t="s">
        <v>5706</v>
      </c>
    </row>
    <row r="5644" spans="1:4" x14ac:dyDescent="0.4">
      <c r="A5644" s="1" t="s">
        <v>5707</v>
      </c>
      <c r="B5644" t="s">
        <v>4451</v>
      </c>
      <c r="C5644" t="s">
        <v>5638</v>
      </c>
      <c r="D5644" t="s">
        <v>255</v>
      </c>
    </row>
    <row r="5645" spans="1:4" x14ac:dyDescent="0.4">
      <c r="A5645" s="1" t="s">
        <v>5708</v>
      </c>
      <c r="B5645" t="s">
        <v>4451</v>
      </c>
      <c r="C5645" t="s">
        <v>5638</v>
      </c>
      <c r="D5645" t="s">
        <v>5709</v>
      </c>
    </row>
    <row r="5646" spans="1:4" x14ac:dyDescent="0.4">
      <c r="A5646" s="1" t="s">
        <v>5710</v>
      </c>
      <c r="B5646" t="s">
        <v>4451</v>
      </c>
      <c r="C5646" t="s">
        <v>5638</v>
      </c>
      <c r="D5646" t="s">
        <v>1813</v>
      </c>
    </row>
    <row r="5647" spans="1:4" x14ac:dyDescent="0.4">
      <c r="A5647" s="1" t="s">
        <v>5711</v>
      </c>
      <c r="B5647" t="s">
        <v>4451</v>
      </c>
      <c r="C5647" t="s">
        <v>5638</v>
      </c>
      <c r="D5647" t="s">
        <v>5712</v>
      </c>
    </row>
    <row r="5648" spans="1:4" x14ac:dyDescent="0.4">
      <c r="A5648">
        <v>1020072</v>
      </c>
      <c r="B5648" t="s">
        <v>815</v>
      </c>
      <c r="C5648" t="s">
        <v>816</v>
      </c>
      <c r="D5648" t="s">
        <v>5713</v>
      </c>
    </row>
    <row r="5649" spans="1:4" x14ac:dyDescent="0.4">
      <c r="A5649">
        <v>1020082</v>
      </c>
      <c r="B5649" t="s">
        <v>815</v>
      </c>
      <c r="C5649" t="s">
        <v>816</v>
      </c>
      <c r="D5649" t="s">
        <v>3323</v>
      </c>
    </row>
    <row r="5650" spans="1:4" x14ac:dyDescent="0.4">
      <c r="A5650">
        <v>1010032</v>
      </c>
      <c r="B5650" t="s">
        <v>815</v>
      </c>
      <c r="C5650" t="s">
        <v>816</v>
      </c>
      <c r="D5650" t="s">
        <v>5714</v>
      </c>
    </row>
    <row r="5651" spans="1:4" x14ac:dyDescent="0.4">
      <c r="A5651">
        <v>1010047</v>
      </c>
      <c r="B5651" t="s">
        <v>815</v>
      </c>
      <c r="C5651" t="s">
        <v>816</v>
      </c>
      <c r="D5651" t="s">
        <v>5715</v>
      </c>
    </row>
    <row r="5652" spans="1:4" x14ac:dyDescent="0.4">
      <c r="A5652">
        <v>1000011</v>
      </c>
      <c r="B5652" t="s">
        <v>815</v>
      </c>
      <c r="C5652" t="s">
        <v>816</v>
      </c>
      <c r="D5652" t="s">
        <v>5716</v>
      </c>
    </row>
    <row r="5653" spans="1:4" x14ac:dyDescent="0.4">
      <c r="A5653">
        <v>1000004</v>
      </c>
      <c r="B5653" t="s">
        <v>815</v>
      </c>
      <c r="C5653" t="s">
        <v>816</v>
      </c>
      <c r="D5653" t="s">
        <v>5717</v>
      </c>
    </row>
    <row r="5654" spans="1:4" x14ac:dyDescent="0.4">
      <c r="A5654">
        <v>1006890</v>
      </c>
      <c r="B5654" t="s">
        <v>815</v>
      </c>
      <c r="C5654" t="s">
        <v>816</v>
      </c>
      <c r="D5654" t="s">
        <v>5718</v>
      </c>
    </row>
    <row r="5655" spans="1:4" x14ac:dyDescent="0.4">
      <c r="A5655">
        <v>1006801</v>
      </c>
      <c r="B5655" t="s">
        <v>815</v>
      </c>
      <c r="C5655" t="s">
        <v>816</v>
      </c>
      <c r="D5655" t="s">
        <v>5719</v>
      </c>
    </row>
    <row r="5656" spans="1:4" x14ac:dyDescent="0.4">
      <c r="A5656">
        <v>1006802</v>
      </c>
      <c r="B5656" t="s">
        <v>815</v>
      </c>
      <c r="C5656" t="s">
        <v>816</v>
      </c>
      <c r="D5656" t="s">
        <v>5720</v>
      </c>
    </row>
    <row r="5657" spans="1:4" x14ac:dyDescent="0.4">
      <c r="A5657">
        <v>1006803</v>
      </c>
      <c r="B5657" t="s">
        <v>815</v>
      </c>
      <c r="C5657" t="s">
        <v>816</v>
      </c>
      <c r="D5657" t="s">
        <v>5721</v>
      </c>
    </row>
    <row r="5658" spans="1:4" x14ac:dyDescent="0.4">
      <c r="A5658">
        <v>1006804</v>
      </c>
      <c r="B5658" t="s">
        <v>815</v>
      </c>
      <c r="C5658" t="s">
        <v>816</v>
      </c>
      <c r="D5658" t="s">
        <v>5722</v>
      </c>
    </row>
    <row r="5659" spans="1:4" x14ac:dyDescent="0.4">
      <c r="A5659">
        <v>1006805</v>
      </c>
      <c r="B5659" t="s">
        <v>815</v>
      </c>
      <c r="C5659" t="s">
        <v>816</v>
      </c>
      <c r="D5659" t="s">
        <v>5723</v>
      </c>
    </row>
    <row r="5660" spans="1:4" x14ac:dyDescent="0.4">
      <c r="A5660">
        <v>1006806</v>
      </c>
      <c r="B5660" t="s">
        <v>815</v>
      </c>
      <c r="C5660" t="s">
        <v>816</v>
      </c>
      <c r="D5660" t="s">
        <v>5724</v>
      </c>
    </row>
    <row r="5661" spans="1:4" x14ac:dyDescent="0.4">
      <c r="A5661">
        <v>1006807</v>
      </c>
      <c r="B5661" t="s">
        <v>815</v>
      </c>
      <c r="C5661" t="s">
        <v>816</v>
      </c>
      <c r="D5661" t="s">
        <v>5725</v>
      </c>
    </row>
    <row r="5662" spans="1:4" x14ac:dyDescent="0.4">
      <c r="A5662">
        <v>1006808</v>
      </c>
      <c r="B5662" t="s">
        <v>815</v>
      </c>
      <c r="C5662" t="s">
        <v>816</v>
      </c>
      <c r="D5662" t="s">
        <v>5726</v>
      </c>
    </row>
    <row r="5663" spans="1:4" x14ac:dyDescent="0.4">
      <c r="A5663">
        <v>1006809</v>
      </c>
      <c r="B5663" t="s">
        <v>815</v>
      </c>
      <c r="C5663" t="s">
        <v>816</v>
      </c>
      <c r="D5663" t="s">
        <v>5727</v>
      </c>
    </row>
    <row r="5664" spans="1:4" x14ac:dyDescent="0.4">
      <c r="A5664">
        <v>1006810</v>
      </c>
      <c r="B5664" t="s">
        <v>815</v>
      </c>
      <c r="C5664" t="s">
        <v>816</v>
      </c>
      <c r="D5664" t="s">
        <v>5728</v>
      </c>
    </row>
    <row r="5665" spans="1:4" x14ac:dyDescent="0.4">
      <c r="A5665">
        <v>1006811</v>
      </c>
      <c r="B5665" t="s">
        <v>815</v>
      </c>
      <c r="C5665" t="s">
        <v>816</v>
      </c>
      <c r="D5665" t="s">
        <v>5729</v>
      </c>
    </row>
    <row r="5666" spans="1:4" x14ac:dyDescent="0.4">
      <c r="A5666">
        <v>1006812</v>
      </c>
      <c r="B5666" t="s">
        <v>815</v>
      </c>
      <c r="C5666" t="s">
        <v>816</v>
      </c>
      <c r="D5666" t="s">
        <v>5730</v>
      </c>
    </row>
    <row r="5667" spans="1:4" x14ac:dyDescent="0.4">
      <c r="A5667">
        <v>1006813</v>
      </c>
      <c r="B5667" t="s">
        <v>815</v>
      </c>
      <c r="C5667" t="s">
        <v>816</v>
      </c>
      <c r="D5667" t="s">
        <v>5731</v>
      </c>
    </row>
    <row r="5668" spans="1:4" x14ac:dyDescent="0.4">
      <c r="A5668">
        <v>1006814</v>
      </c>
      <c r="B5668" t="s">
        <v>815</v>
      </c>
      <c r="C5668" t="s">
        <v>816</v>
      </c>
      <c r="D5668" t="s">
        <v>5732</v>
      </c>
    </row>
    <row r="5669" spans="1:4" x14ac:dyDescent="0.4">
      <c r="A5669">
        <v>1006815</v>
      </c>
      <c r="B5669" t="s">
        <v>815</v>
      </c>
      <c r="C5669" t="s">
        <v>816</v>
      </c>
      <c r="D5669" t="s">
        <v>5733</v>
      </c>
    </row>
    <row r="5670" spans="1:4" x14ac:dyDescent="0.4">
      <c r="A5670">
        <v>1006816</v>
      </c>
      <c r="B5670" t="s">
        <v>815</v>
      </c>
      <c r="C5670" t="s">
        <v>816</v>
      </c>
      <c r="D5670" t="s">
        <v>5734</v>
      </c>
    </row>
    <row r="5671" spans="1:4" x14ac:dyDescent="0.4">
      <c r="A5671">
        <v>1006817</v>
      </c>
      <c r="B5671" t="s">
        <v>815</v>
      </c>
      <c r="C5671" t="s">
        <v>816</v>
      </c>
      <c r="D5671" t="s">
        <v>5735</v>
      </c>
    </row>
    <row r="5672" spans="1:4" x14ac:dyDescent="0.4">
      <c r="A5672">
        <v>1006818</v>
      </c>
      <c r="B5672" t="s">
        <v>815</v>
      </c>
      <c r="C5672" t="s">
        <v>816</v>
      </c>
      <c r="D5672" t="s">
        <v>5736</v>
      </c>
    </row>
    <row r="5673" spans="1:4" x14ac:dyDescent="0.4">
      <c r="A5673">
        <v>1006819</v>
      </c>
      <c r="B5673" t="s">
        <v>815</v>
      </c>
      <c r="C5673" t="s">
        <v>816</v>
      </c>
      <c r="D5673" t="s">
        <v>5737</v>
      </c>
    </row>
    <row r="5674" spans="1:4" x14ac:dyDescent="0.4">
      <c r="A5674">
        <v>1006820</v>
      </c>
      <c r="B5674" t="s">
        <v>815</v>
      </c>
      <c r="C5674" t="s">
        <v>816</v>
      </c>
      <c r="D5674" t="s">
        <v>5738</v>
      </c>
    </row>
    <row r="5675" spans="1:4" x14ac:dyDescent="0.4">
      <c r="A5675">
        <v>1006821</v>
      </c>
      <c r="B5675" t="s">
        <v>815</v>
      </c>
      <c r="C5675" t="s">
        <v>816</v>
      </c>
      <c r="D5675" t="s">
        <v>5739</v>
      </c>
    </row>
    <row r="5676" spans="1:4" x14ac:dyDescent="0.4">
      <c r="A5676">
        <v>1006822</v>
      </c>
      <c r="B5676" t="s">
        <v>815</v>
      </c>
      <c r="C5676" t="s">
        <v>816</v>
      </c>
      <c r="D5676" t="s">
        <v>5740</v>
      </c>
    </row>
    <row r="5677" spans="1:4" x14ac:dyDescent="0.4">
      <c r="A5677">
        <v>1006823</v>
      </c>
      <c r="B5677" t="s">
        <v>815</v>
      </c>
      <c r="C5677" t="s">
        <v>816</v>
      </c>
      <c r="D5677" t="s">
        <v>5741</v>
      </c>
    </row>
    <row r="5678" spans="1:4" x14ac:dyDescent="0.4">
      <c r="A5678">
        <v>1006824</v>
      </c>
      <c r="B5678" t="s">
        <v>815</v>
      </c>
      <c r="C5678" t="s">
        <v>816</v>
      </c>
      <c r="D5678" t="s">
        <v>5742</v>
      </c>
    </row>
    <row r="5679" spans="1:4" x14ac:dyDescent="0.4">
      <c r="A5679">
        <v>1006825</v>
      </c>
      <c r="B5679" t="s">
        <v>815</v>
      </c>
      <c r="C5679" t="s">
        <v>816</v>
      </c>
      <c r="D5679" t="s">
        <v>5743</v>
      </c>
    </row>
    <row r="5680" spans="1:4" x14ac:dyDescent="0.4">
      <c r="A5680">
        <v>1006826</v>
      </c>
      <c r="B5680" t="s">
        <v>815</v>
      </c>
      <c r="C5680" t="s">
        <v>816</v>
      </c>
      <c r="D5680" t="s">
        <v>5744</v>
      </c>
    </row>
    <row r="5681" spans="1:4" x14ac:dyDescent="0.4">
      <c r="A5681">
        <v>1006827</v>
      </c>
      <c r="B5681" t="s">
        <v>815</v>
      </c>
      <c r="C5681" t="s">
        <v>816</v>
      </c>
      <c r="D5681" t="s">
        <v>5745</v>
      </c>
    </row>
    <row r="5682" spans="1:4" x14ac:dyDescent="0.4">
      <c r="A5682">
        <v>1006828</v>
      </c>
      <c r="B5682" t="s">
        <v>815</v>
      </c>
      <c r="C5682" t="s">
        <v>816</v>
      </c>
      <c r="D5682" t="s">
        <v>5746</v>
      </c>
    </row>
    <row r="5683" spans="1:4" x14ac:dyDescent="0.4">
      <c r="A5683">
        <v>1006829</v>
      </c>
      <c r="B5683" t="s">
        <v>815</v>
      </c>
      <c r="C5683" t="s">
        <v>816</v>
      </c>
      <c r="D5683" t="s">
        <v>5747</v>
      </c>
    </row>
    <row r="5684" spans="1:4" x14ac:dyDescent="0.4">
      <c r="A5684">
        <v>1006830</v>
      </c>
      <c r="B5684" t="s">
        <v>815</v>
      </c>
      <c r="C5684" t="s">
        <v>816</v>
      </c>
      <c r="D5684" t="s">
        <v>5748</v>
      </c>
    </row>
    <row r="5685" spans="1:4" x14ac:dyDescent="0.4">
      <c r="A5685">
        <v>1006831</v>
      </c>
      <c r="B5685" t="s">
        <v>815</v>
      </c>
      <c r="C5685" t="s">
        <v>816</v>
      </c>
      <c r="D5685" t="s">
        <v>5749</v>
      </c>
    </row>
    <row r="5686" spans="1:4" x14ac:dyDescent="0.4">
      <c r="A5686">
        <v>1006832</v>
      </c>
      <c r="B5686" t="s">
        <v>815</v>
      </c>
      <c r="C5686" t="s">
        <v>816</v>
      </c>
      <c r="D5686" t="s">
        <v>5750</v>
      </c>
    </row>
    <row r="5687" spans="1:4" x14ac:dyDescent="0.4">
      <c r="A5687">
        <v>1006833</v>
      </c>
      <c r="B5687" t="s">
        <v>815</v>
      </c>
      <c r="C5687" t="s">
        <v>816</v>
      </c>
      <c r="D5687" t="s">
        <v>5751</v>
      </c>
    </row>
    <row r="5688" spans="1:4" x14ac:dyDescent="0.4">
      <c r="A5688">
        <v>1006834</v>
      </c>
      <c r="B5688" t="s">
        <v>815</v>
      </c>
      <c r="C5688" t="s">
        <v>816</v>
      </c>
      <c r="D5688" t="s">
        <v>5752</v>
      </c>
    </row>
    <row r="5689" spans="1:4" x14ac:dyDescent="0.4">
      <c r="A5689">
        <v>1006835</v>
      </c>
      <c r="B5689" t="s">
        <v>815</v>
      </c>
      <c r="C5689" t="s">
        <v>816</v>
      </c>
      <c r="D5689" t="s">
        <v>5753</v>
      </c>
    </row>
    <row r="5690" spans="1:4" x14ac:dyDescent="0.4">
      <c r="A5690">
        <v>1006836</v>
      </c>
      <c r="B5690" t="s">
        <v>815</v>
      </c>
      <c r="C5690" t="s">
        <v>816</v>
      </c>
      <c r="D5690" t="s">
        <v>5754</v>
      </c>
    </row>
    <row r="5691" spans="1:4" x14ac:dyDescent="0.4">
      <c r="A5691">
        <v>1006837</v>
      </c>
      <c r="B5691" t="s">
        <v>815</v>
      </c>
      <c r="C5691" t="s">
        <v>816</v>
      </c>
      <c r="D5691" t="s">
        <v>5755</v>
      </c>
    </row>
    <row r="5692" spans="1:4" x14ac:dyDescent="0.4">
      <c r="A5692">
        <v>1010044</v>
      </c>
      <c r="B5692" t="s">
        <v>815</v>
      </c>
      <c r="C5692" t="s">
        <v>816</v>
      </c>
      <c r="D5692" t="s">
        <v>4817</v>
      </c>
    </row>
    <row r="5693" spans="1:4" x14ac:dyDescent="0.4">
      <c r="A5693">
        <v>1000013</v>
      </c>
      <c r="B5693" t="s">
        <v>815</v>
      </c>
      <c r="C5693" t="s">
        <v>816</v>
      </c>
      <c r="D5693" t="s">
        <v>5756</v>
      </c>
    </row>
    <row r="5694" spans="1:4" x14ac:dyDescent="0.4">
      <c r="A5694">
        <v>1006090</v>
      </c>
      <c r="B5694" t="s">
        <v>815</v>
      </c>
      <c r="C5694" t="s">
        <v>816</v>
      </c>
      <c r="D5694" t="s">
        <v>5757</v>
      </c>
    </row>
    <row r="5695" spans="1:4" x14ac:dyDescent="0.4">
      <c r="A5695">
        <v>1006001</v>
      </c>
      <c r="B5695" t="s">
        <v>815</v>
      </c>
      <c r="C5695" t="s">
        <v>816</v>
      </c>
      <c r="D5695" t="s">
        <v>5758</v>
      </c>
    </row>
    <row r="5696" spans="1:4" x14ac:dyDescent="0.4">
      <c r="A5696">
        <v>1006002</v>
      </c>
      <c r="B5696" t="s">
        <v>815</v>
      </c>
      <c r="C5696" t="s">
        <v>816</v>
      </c>
      <c r="D5696" t="s">
        <v>5759</v>
      </c>
    </row>
    <row r="5697" spans="1:4" x14ac:dyDescent="0.4">
      <c r="A5697">
        <v>1006003</v>
      </c>
      <c r="B5697" t="s">
        <v>815</v>
      </c>
      <c r="C5697" t="s">
        <v>816</v>
      </c>
      <c r="D5697" t="s">
        <v>5760</v>
      </c>
    </row>
    <row r="5698" spans="1:4" x14ac:dyDescent="0.4">
      <c r="A5698">
        <v>1006004</v>
      </c>
      <c r="B5698" t="s">
        <v>815</v>
      </c>
      <c r="C5698" t="s">
        <v>816</v>
      </c>
      <c r="D5698" t="s">
        <v>5761</v>
      </c>
    </row>
    <row r="5699" spans="1:4" x14ac:dyDescent="0.4">
      <c r="A5699">
        <v>1006005</v>
      </c>
      <c r="B5699" t="s">
        <v>815</v>
      </c>
      <c r="C5699" t="s">
        <v>816</v>
      </c>
      <c r="D5699" t="s">
        <v>5762</v>
      </c>
    </row>
    <row r="5700" spans="1:4" x14ac:dyDescent="0.4">
      <c r="A5700">
        <v>1006006</v>
      </c>
      <c r="B5700" t="s">
        <v>815</v>
      </c>
      <c r="C5700" t="s">
        <v>816</v>
      </c>
      <c r="D5700" t="s">
        <v>5763</v>
      </c>
    </row>
    <row r="5701" spans="1:4" x14ac:dyDescent="0.4">
      <c r="A5701">
        <v>1006007</v>
      </c>
      <c r="B5701" t="s">
        <v>815</v>
      </c>
      <c r="C5701" t="s">
        <v>816</v>
      </c>
      <c r="D5701" t="s">
        <v>5764</v>
      </c>
    </row>
    <row r="5702" spans="1:4" x14ac:dyDescent="0.4">
      <c r="A5702">
        <v>1006008</v>
      </c>
      <c r="B5702" t="s">
        <v>815</v>
      </c>
      <c r="C5702" t="s">
        <v>816</v>
      </c>
      <c r="D5702" t="s">
        <v>5765</v>
      </c>
    </row>
    <row r="5703" spans="1:4" x14ac:dyDescent="0.4">
      <c r="A5703">
        <v>1006009</v>
      </c>
      <c r="B5703" t="s">
        <v>815</v>
      </c>
      <c r="C5703" t="s">
        <v>816</v>
      </c>
      <c r="D5703" t="s">
        <v>5766</v>
      </c>
    </row>
    <row r="5704" spans="1:4" x14ac:dyDescent="0.4">
      <c r="A5704">
        <v>1006010</v>
      </c>
      <c r="B5704" t="s">
        <v>815</v>
      </c>
      <c r="C5704" t="s">
        <v>816</v>
      </c>
      <c r="D5704" t="s">
        <v>5767</v>
      </c>
    </row>
    <row r="5705" spans="1:4" x14ac:dyDescent="0.4">
      <c r="A5705">
        <v>1006011</v>
      </c>
      <c r="B5705" t="s">
        <v>815</v>
      </c>
      <c r="C5705" t="s">
        <v>816</v>
      </c>
      <c r="D5705" t="s">
        <v>5768</v>
      </c>
    </row>
    <row r="5706" spans="1:4" x14ac:dyDescent="0.4">
      <c r="A5706">
        <v>1006012</v>
      </c>
      <c r="B5706" t="s">
        <v>815</v>
      </c>
      <c r="C5706" t="s">
        <v>816</v>
      </c>
      <c r="D5706" t="s">
        <v>5769</v>
      </c>
    </row>
    <row r="5707" spans="1:4" x14ac:dyDescent="0.4">
      <c r="A5707">
        <v>1006013</v>
      </c>
      <c r="B5707" t="s">
        <v>815</v>
      </c>
      <c r="C5707" t="s">
        <v>816</v>
      </c>
      <c r="D5707" t="s">
        <v>5770</v>
      </c>
    </row>
    <row r="5708" spans="1:4" x14ac:dyDescent="0.4">
      <c r="A5708">
        <v>1006014</v>
      </c>
      <c r="B5708" t="s">
        <v>815</v>
      </c>
      <c r="C5708" t="s">
        <v>816</v>
      </c>
      <c r="D5708" t="s">
        <v>5771</v>
      </c>
    </row>
    <row r="5709" spans="1:4" x14ac:dyDescent="0.4">
      <c r="A5709">
        <v>1006015</v>
      </c>
      <c r="B5709" t="s">
        <v>815</v>
      </c>
      <c r="C5709" t="s">
        <v>816</v>
      </c>
      <c r="D5709" t="s">
        <v>5772</v>
      </c>
    </row>
    <row r="5710" spans="1:4" x14ac:dyDescent="0.4">
      <c r="A5710">
        <v>1006016</v>
      </c>
      <c r="B5710" t="s">
        <v>815</v>
      </c>
      <c r="C5710" t="s">
        <v>816</v>
      </c>
      <c r="D5710" t="s">
        <v>5773</v>
      </c>
    </row>
    <row r="5711" spans="1:4" x14ac:dyDescent="0.4">
      <c r="A5711">
        <v>1006017</v>
      </c>
      <c r="B5711" t="s">
        <v>815</v>
      </c>
      <c r="C5711" t="s">
        <v>816</v>
      </c>
      <c r="D5711" t="s">
        <v>5774</v>
      </c>
    </row>
    <row r="5712" spans="1:4" x14ac:dyDescent="0.4">
      <c r="A5712">
        <v>1006018</v>
      </c>
      <c r="B5712" t="s">
        <v>815</v>
      </c>
      <c r="C5712" t="s">
        <v>816</v>
      </c>
      <c r="D5712" t="s">
        <v>5775</v>
      </c>
    </row>
    <row r="5713" spans="1:4" x14ac:dyDescent="0.4">
      <c r="A5713">
        <v>1006019</v>
      </c>
      <c r="B5713" t="s">
        <v>815</v>
      </c>
      <c r="C5713" t="s">
        <v>816</v>
      </c>
      <c r="D5713" t="s">
        <v>5776</v>
      </c>
    </row>
    <row r="5714" spans="1:4" x14ac:dyDescent="0.4">
      <c r="A5714">
        <v>1006020</v>
      </c>
      <c r="B5714" t="s">
        <v>815</v>
      </c>
      <c r="C5714" t="s">
        <v>816</v>
      </c>
      <c r="D5714" t="s">
        <v>5777</v>
      </c>
    </row>
    <row r="5715" spans="1:4" x14ac:dyDescent="0.4">
      <c r="A5715">
        <v>1006021</v>
      </c>
      <c r="B5715" t="s">
        <v>815</v>
      </c>
      <c r="C5715" t="s">
        <v>816</v>
      </c>
      <c r="D5715" t="s">
        <v>5778</v>
      </c>
    </row>
    <row r="5716" spans="1:4" x14ac:dyDescent="0.4">
      <c r="A5716">
        <v>1006022</v>
      </c>
      <c r="B5716" t="s">
        <v>815</v>
      </c>
      <c r="C5716" t="s">
        <v>816</v>
      </c>
      <c r="D5716" t="s">
        <v>5779</v>
      </c>
    </row>
    <row r="5717" spans="1:4" x14ac:dyDescent="0.4">
      <c r="A5717">
        <v>1006023</v>
      </c>
      <c r="B5717" t="s">
        <v>815</v>
      </c>
      <c r="C5717" t="s">
        <v>816</v>
      </c>
      <c r="D5717" t="s">
        <v>5780</v>
      </c>
    </row>
    <row r="5718" spans="1:4" x14ac:dyDescent="0.4">
      <c r="A5718">
        <v>1006024</v>
      </c>
      <c r="B5718" t="s">
        <v>815</v>
      </c>
      <c r="C5718" t="s">
        <v>816</v>
      </c>
      <c r="D5718" t="s">
        <v>5781</v>
      </c>
    </row>
    <row r="5719" spans="1:4" x14ac:dyDescent="0.4">
      <c r="A5719">
        <v>1006025</v>
      </c>
      <c r="B5719" t="s">
        <v>815</v>
      </c>
      <c r="C5719" t="s">
        <v>816</v>
      </c>
      <c r="D5719" t="s">
        <v>5782</v>
      </c>
    </row>
    <row r="5720" spans="1:4" x14ac:dyDescent="0.4">
      <c r="A5720">
        <v>1006026</v>
      </c>
      <c r="B5720" t="s">
        <v>815</v>
      </c>
      <c r="C5720" t="s">
        <v>816</v>
      </c>
      <c r="D5720" t="s">
        <v>5783</v>
      </c>
    </row>
    <row r="5721" spans="1:4" x14ac:dyDescent="0.4">
      <c r="A5721">
        <v>3390018</v>
      </c>
      <c r="B5721" t="s">
        <v>1636</v>
      </c>
      <c r="C5721" t="s">
        <v>1889</v>
      </c>
      <c r="D5721" t="s">
        <v>5784</v>
      </c>
    </row>
    <row r="5722" spans="1:4" x14ac:dyDescent="0.4">
      <c r="A5722">
        <v>3590003</v>
      </c>
      <c r="B5722" t="s">
        <v>1636</v>
      </c>
      <c r="C5722" t="s">
        <v>4278</v>
      </c>
      <c r="D5722" t="s">
        <v>5785</v>
      </c>
    </row>
    <row r="5723" spans="1:4" x14ac:dyDescent="0.4">
      <c r="A5723">
        <v>3660007</v>
      </c>
      <c r="B5723" t="s">
        <v>1636</v>
      </c>
      <c r="C5723" t="s">
        <v>1708</v>
      </c>
      <c r="D5723" t="s">
        <v>5786</v>
      </c>
    </row>
    <row r="5724" spans="1:4" x14ac:dyDescent="0.4">
      <c r="A5724">
        <v>3580055</v>
      </c>
      <c r="B5724" t="s">
        <v>1636</v>
      </c>
      <c r="C5724" t="s">
        <v>4316</v>
      </c>
      <c r="D5724" t="s">
        <v>5787</v>
      </c>
    </row>
    <row r="5725" spans="1:4" x14ac:dyDescent="0.4">
      <c r="A5725">
        <v>3580025</v>
      </c>
      <c r="B5725" t="s">
        <v>1636</v>
      </c>
      <c r="C5725" t="s">
        <v>4316</v>
      </c>
      <c r="D5725" t="s">
        <v>5788</v>
      </c>
    </row>
    <row r="5726" spans="1:4" x14ac:dyDescent="0.4">
      <c r="A5726">
        <v>3580021</v>
      </c>
      <c r="B5726" t="s">
        <v>1636</v>
      </c>
      <c r="C5726" t="s">
        <v>4316</v>
      </c>
      <c r="D5726" t="s">
        <v>440</v>
      </c>
    </row>
    <row r="5727" spans="1:4" x14ac:dyDescent="0.4">
      <c r="A5727">
        <v>3580016</v>
      </c>
      <c r="B5727" t="s">
        <v>1636</v>
      </c>
      <c r="C5727" t="s">
        <v>4316</v>
      </c>
      <c r="D5727" t="s">
        <v>3121</v>
      </c>
    </row>
    <row r="5728" spans="1:4" x14ac:dyDescent="0.4">
      <c r="A5728">
        <v>3580045</v>
      </c>
      <c r="B5728" t="s">
        <v>1636</v>
      </c>
      <c r="C5728" t="s">
        <v>4316</v>
      </c>
      <c r="D5728" t="s">
        <v>5789</v>
      </c>
    </row>
    <row r="5729" spans="1:4" x14ac:dyDescent="0.4">
      <c r="A5729">
        <v>3580003</v>
      </c>
      <c r="B5729" t="s">
        <v>1636</v>
      </c>
      <c r="C5729" t="s">
        <v>4316</v>
      </c>
      <c r="D5729" t="s">
        <v>2111</v>
      </c>
    </row>
    <row r="5730" spans="1:4" x14ac:dyDescent="0.4">
      <c r="A5730">
        <v>3580035</v>
      </c>
      <c r="B5730" t="s">
        <v>1636</v>
      </c>
      <c r="C5730" t="s">
        <v>4316</v>
      </c>
      <c r="D5730" t="s">
        <v>5790</v>
      </c>
    </row>
    <row r="5731" spans="1:4" x14ac:dyDescent="0.4">
      <c r="A5731">
        <v>3580043</v>
      </c>
      <c r="B5731" t="s">
        <v>1636</v>
      </c>
      <c r="C5731" t="s">
        <v>4316</v>
      </c>
      <c r="D5731" t="s">
        <v>5791</v>
      </c>
    </row>
    <row r="5732" spans="1:4" x14ac:dyDescent="0.4">
      <c r="A5732">
        <v>3580015</v>
      </c>
      <c r="B5732" t="s">
        <v>1636</v>
      </c>
      <c r="C5732" t="s">
        <v>4316</v>
      </c>
      <c r="D5732" t="s">
        <v>5792</v>
      </c>
    </row>
    <row r="5733" spans="1:4" x14ac:dyDescent="0.4">
      <c r="A5733">
        <v>3580034</v>
      </c>
      <c r="B5733" t="s">
        <v>1636</v>
      </c>
      <c r="C5733" t="s">
        <v>4316</v>
      </c>
      <c r="D5733" t="s">
        <v>199</v>
      </c>
    </row>
    <row r="5734" spans="1:4" x14ac:dyDescent="0.4">
      <c r="A5734">
        <v>3580054</v>
      </c>
      <c r="B5734" t="s">
        <v>1636</v>
      </c>
      <c r="C5734" t="s">
        <v>4316</v>
      </c>
      <c r="D5734" t="s">
        <v>1928</v>
      </c>
    </row>
    <row r="5735" spans="1:4" x14ac:dyDescent="0.4">
      <c r="A5735">
        <v>3580036</v>
      </c>
      <c r="B5735" t="s">
        <v>1636</v>
      </c>
      <c r="C5735" t="s">
        <v>4316</v>
      </c>
      <c r="D5735" t="s">
        <v>5793</v>
      </c>
    </row>
    <row r="5736" spans="1:4" x14ac:dyDescent="0.4">
      <c r="A5736">
        <v>3580012</v>
      </c>
      <c r="B5736" t="s">
        <v>1636</v>
      </c>
      <c r="C5736" t="s">
        <v>4316</v>
      </c>
      <c r="D5736" t="s">
        <v>5794</v>
      </c>
    </row>
    <row r="5737" spans="1:4" x14ac:dyDescent="0.4">
      <c r="A5737">
        <v>3580053</v>
      </c>
      <c r="B5737" t="s">
        <v>1636</v>
      </c>
      <c r="C5737" t="s">
        <v>4316</v>
      </c>
      <c r="D5737" t="s">
        <v>5795</v>
      </c>
    </row>
    <row r="5738" spans="1:4" x14ac:dyDescent="0.4">
      <c r="A5738">
        <v>3580044</v>
      </c>
      <c r="B5738" t="s">
        <v>1636</v>
      </c>
      <c r="C5738" t="s">
        <v>4316</v>
      </c>
      <c r="D5738" t="s">
        <v>5796</v>
      </c>
    </row>
    <row r="5739" spans="1:4" x14ac:dyDescent="0.4">
      <c r="A5739">
        <v>3580046</v>
      </c>
      <c r="B5739" t="s">
        <v>1636</v>
      </c>
      <c r="C5739" t="s">
        <v>4316</v>
      </c>
      <c r="D5739" t="s">
        <v>5797</v>
      </c>
    </row>
    <row r="5740" spans="1:4" x14ac:dyDescent="0.4">
      <c r="A5740">
        <v>3580014</v>
      </c>
      <c r="B5740" t="s">
        <v>1636</v>
      </c>
      <c r="C5740" t="s">
        <v>4316</v>
      </c>
      <c r="D5740" t="s">
        <v>5798</v>
      </c>
    </row>
    <row r="5741" spans="1:4" x14ac:dyDescent="0.4">
      <c r="A5741">
        <v>3580005</v>
      </c>
      <c r="B5741" t="s">
        <v>1636</v>
      </c>
      <c r="C5741" t="s">
        <v>4316</v>
      </c>
      <c r="D5741" t="s">
        <v>5799</v>
      </c>
    </row>
    <row r="5742" spans="1:4" x14ac:dyDescent="0.4">
      <c r="A5742">
        <v>3580047</v>
      </c>
      <c r="B5742" t="s">
        <v>1636</v>
      </c>
      <c r="C5742" t="s">
        <v>4316</v>
      </c>
      <c r="D5742" t="s">
        <v>5800</v>
      </c>
    </row>
    <row r="5743" spans="1:4" x14ac:dyDescent="0.4">
      <c r="A5743">
        <v>3580052</v>
      </c>
      <c r="B5743" t="s">
        <v>1636</v>
      </c>
      <c r="C5743" t="s">
        <v>4316</v>
      </c>
      <c r="D5743" t="s">
        <v>5801</v>
      </c>
    </row>
    <row r="5744" spans="1:4" x14ac:dyDescent="0.4">
      <c r="A5744">
        <v>3340000</v>
      </c>
      <c r="B5744" t="s">
        <v>1636</v>
      </c>
      <c r="C5744" t="s">
        <v>5802</v>
      </c>
    </row>
    <row r="5745" spans="1:4" x14ac:dyDescent="0.4">
      <c r="A5745">
        <v>3340003</v>
      </c>
      <c r="B5745" t="s">
        <v>1636</v>
      </c>
      <c r="C5745" t="s">
        <v>5802</v>
      </c>
      <c r="D5745" t="s">
        <v>2467</v>
      </c>
    </row>
    <row r="5746" spans="1:4" x14ac:dyDescent="0.4">
      <c r="A5746">
        <v>3340001</v>
      </c>
      <c r="B5746" t="s">
        <v>1636</v>
      </c>
      <c r="C5746" t="s">
        <v>5802</v>
      </c>
      <c r="D5746" t="s">
        <v>165</v>
      </c>
    </row>
    <row r="5747" spans="1:4" x14ac:dyDescent="0.4">
      <c r="A5747">
        <v>3340005</v>
      </c>
      <c r="B5747" t="s">
        <v>1636</v>
      </c>
      <c r="C5747" t="s">
        <v>5802</v>
      </c>
      <c r="D5747" t="s">
        <v>5803</v>
      </c>
    </row>
    <row r="5748" spans="1:4" x14ac:dyDescent="0.4">
      <c r="A5748">
        <v>3340004</v>
      </c>
      <c r="B5748" t="s">
        <v>1636</v>
      </c>
      <c r="C5748" t="s">
        <v>5802</v>
      </c>
      <c r="D5748" t="s">
        <v>1852</v>
      </c>
    </row>
    <row r="5749" spans="1:4" x14ac:dyDescent="0.4">
      <c r="A5749">
        <v>3340012</v>
      </c>
      <c r="B5749" t="s">
        <v>1636</v>
      </c>
      <c r="C5749" t="s">
        <v>5802</v>
      </c>
      <c r="D5749" t="s">
        <v>5804</v>
      </c>
    </row>
    <row r="5750" spans="1:4" x14ac:dyDescent="0.4">
      <c r="A5750">
        <v>3340002</v>
      </c>
      <c r="B5750" t="s">
        <v>1636</v>
      </c>
      <c r="C5750" t="s">
        <v>5802</v>
      </c>
      <c r="D5750" t="s">
        <v>403</v>
      </c>
    </row>
    <row r="5751" spans="1:4" x14ac:dyDescent="0.4">
      <c r="A5751">
        <v>3340014</v>
      </c>
      <c r="B5751" t="s">
        <v>1636</v>
      </c>
      <c r="C5751" t="s">
        <v>5802</v>
      </c>
      <c r="D5751" t="s">
        <v>4698</v>
      </c>
    </row>
    <row r="5752" spans="1:4" x14ac:dyDescent="0.4">
      <c r="A5752">
        <v>3340011</v>
      </c>
      <c r="B5752" t="s">
        <v>1636</v>
      </c>
      <c r="C5752" t="s">
        <v>5802</v>
      </c>
      <c r="D5752" t="s">
        <v>5805</v>
      </c>
    </row>
    <row r="5753" spans="1:4" x14ac:dyDescent="0.4">
      <c r="A5753">
        <v>3340015</v>
      </c>
      <c r="B5753" t="s">
        <v>1636</v>
      </c>
      <c r="C5753" t="s">
        <v>5802</v>
      </c>
      <c r="D5753" t="s">
        <v>1611</v>
      </c>
    </row>
    <row r="5754" spans="1:4" x14ac:dyDescent="0.4">
      <c r="A5754">
        <v>3340013</v>
      </c>
      <c r="B5754" t="s">
        <v>1636</v>
      </c>
      <c r="C5754" t="s">
        <v>5802</v>
      </c>
      <c r="D5754" t="s">
        <v>659</v>
      </c>
    </row>
    <row r="5755" spans="1:4" x14ac:dyDescent="0.4">
      <c r="A5755">
        <v>3510000</v>
      </c>
      <c r="B5755" t="s">
        <v>1636</v>
      </c>
      <c r="C5755" t="s">
        <v>5806</v>
      </c>
    </row>
    <row r="5756" spans="1:4" x14ac:dyDescent="0.4">
      <c r="A5756">
        <v>3510016</v>
      </c>
      <c r="B5756" t="s">
        <v>1636</v>
      </c>
      <c r="C5756" t="s">
        <v>5806</v>
      </c>
      <c r="D5756" t="s">
        <v>577</v>
      </c>
    </row>
    <row r="5757" spans="1:4" x14ac:dyDescent="0.4">
      <c r="A5757">
        <v>3510035</v>
      </c>
      <c r="B5757" t="s">
        <v>1636</v>
      </c>
      <c r="C5757" t="s">
        <v>5806</v>
      </c>
      <c r="D5757" t="s">
        <v>5807</v>
      </c>
    </row>
    <row r="5758" spans="1:4" x14ac:dyDescent="0.4">
      <c r="A5758">
        <v>3510007</v>
      </c>
      <c r="B5758" t="s">
        <v>1636</v>
      </c>
      <c r="C5758" t="s">
        <v>5806</v>
      </c>
      <c r="D5758" t="s">
        <v>1719</v>
      </c>
    </row>
    <row r="5759" spans="1:4" x14ac:dyDescent="0.4">
      <c r="A5759">
        <v>3510001</v>
      </c>
      <c r="B5759" t="s">
        <v>1636</v>
      </c>
      <c r="C5759" t="s">
        <v>5806</v>
      </c>
      <c r="D5759" t="s">
        <v>5808</v>
      </c>
    </row>
    <row r="5760" spans="1:4" x14ac:dyDescent="0.4">
      <c r="A5760">
        <v>3510036</v>
      </c>
      <c r="B5760" t="s">
        <v>1636</v>
      </c>
      <c r="C5760" t="s">
        <v>5806</v>
      </c>
      <c r="D5760" t="s">
        <v>1867</v>
      </c>
    </row>
    <row r="5761" spans="1:4" x14ac:dyDescent="0.4">
      <c r="A5761">
        <v>3510015</v>
      </c>
      <c r="B5761" t="s">
        <v>1636</v>
      </c>
      <c r="C5761" t="s">
        <v>5806</v>
      </c>
      <c r="D5761" t="s">
        <v>72</v>
      </c>
    </row>
    <row r="5762" spans="1:4" x14ac:dyDescent="0.4">
      <c r="A5762">
        <v>3510012</v>
      </c>
      <c r="B5762" t="s">
        <v>1636</v>
      </c>
      <c r="C5762" t="s">
        <v>5806</v>
      </c>
      <c r="D5762" t="s">
        <v>255</v>
      </c>
    </row>
    <row r="5763" spans="1:4" x14ac:dyDescent="0.4">
      <c r="A5763">
        <v>3510002</v>
      </c>
      <c r="B5763" t="s">
        <v>1636</v>
      </c>
      <c r="C5763" t="s">
        <v>5806</v>
      </c>
      <c r="D5763" t="s">
        <v>5809</v>
      </c>
    </row>
    <row r="5764" spans="1:4" x14ac:dyDescent="0.4">
      <c r="A5764">
        <v>3510024</v>
      </c>
      <c r="B5764" t="s">
        <v>1636</v>
      </c>
      <c r="C5764" t="s">
        <v>5806</v>
      </c>
      <c r="D5764" t="s">
        <v>5810</v>
      </c>
    </row>
    <row r="5765" spans="1:4" x14ac:dyDescent="0.4">
      <c r="A5765">
        <v>3510003</v>
      </c>
      <c r="B5765" t="s">
        <v>1636</v>
      </c>
      <c r="C5765" t="s">
        <v>5806</v>
      </c>
      <c r="D5765" t="s">
        <v>3201</v>
      </c>
    </row>
    <row r="5766" spans="1:4" x14ac:dyDescent="0.4">
      <c r="A5766">
        <v>3510032</v>
      </c>
      <c r="B5766" t="s">
        <v>1636</v>
      </c>
      <c r="C5766" t="s">
        <v>5806</v>
      </c>
      <c r="D5766" t="s">
        <v>1819</v>
      </c>
    </row>
    <row r="5767" spans="1:4" x14ac:dyDescent="0.4">
      <c r="A5767">
        <v>3510006</v>
      </c>
      <c r="B5767" t="s">
        <v>1636</v>
      </c>
      <c r="C5767" t="s">
        <v>5806</v>
      </c>
      <c r="D5767" t="s">
        <v>802</v>
      </c>
    </row>
    <row r="5768" spans="1:4" x14ac:dyDescent="0.4">
      <c r="A5768">
        <v>3510034</v>
      </c>
      <c r="B5768" t="s">
        <v>1636</v>
      </c>
      <c r="C5768" t="s">
        <v>5806</v>
      </c>
      <c r="D5768" t="s">
        <v>3877</v>
      </c>
    </row>
    <row r="5769" spans="1:4" x14ac:dyDescent="0.4">
      <c r="A5769">
        <v>3510021</v>
      </c>
      <c r="B5769" t="s">
        <v>1636</v>
      </c>
      <c r="C5769" t="s">
        <v>5806</v>
      </c>
      <c r="D5769" t="s">
        <v>5811</v>
      </c>
    </row>
    <row r="5770" spans="1:4" x14ac:dyDescent="0.4">
      <c r="A5770">
        <v>3510004</v>
      </c>
      <c r="B5770" t="s">
        <v>1636</v>
      </c>
      <c r="C5770" t="s">
        <v>5806</v>
      </c>
      <c r="D5770" t="s">
        <v>199</v>
      </c>
    </row>
    <row r="5771" spans="1:4" x14ac:dyDescent="0.4">
      <c r="A5771">
        <v>3510005</v>
      </c>
      <c r="B5771" t="s">
        <v>1636</v>
      </c>
      <c r="C5771" t="s">
        <v>5806</v>
      </c>
      <c r="D5771" t="s">
        <v>5812</v>
      </c>
    </row>
    <row r="5772" spans="1:4" x14ac:dyDescent="0.4">
      <c r="A5772">
        <v>3510033</v>
      </c>
      <c r="B5772" t="s">
        <v>1636</v>
      </c>
      <c r="C5772" t="s">
        <v>5806</v>
      </c>
      <c r="D5772" t="s">
        <v>5813</v>
      </c>
    </row>
    <row r="5773" spans="1:4" x14ac:dyDescent="0.4">
      <c r="A5773">
        <v>3510022</v>
      </c>
      <c r="B5773" t="s">
        <v>1636</v>
      </c>
      <c r="C5773" t="s">
        <v>5806</v>
      </c>
      <c r="D5773" t="s">
        <v>5814</v>
      </c>
    </row>
    <row r="5774" spans="1:4" x14ac:dyDescent="0.4">
      <c r="A5774">
        <v>3510013</v>
      </c>
      <c r="B5774" t="s">
        <v>1636</v>
      </c>
      <c r="C5774" t="s">
        <v>5806</v>
      </c>
      <c r="D5774" t="s">
        <v>5815</v>
      </c>
    </row>
    <row r="5775" spans="1:4" x14ac:dyDescent="0.4">
      <c r="A5775">
        <v>3510014</v>
      </c>
      <c r="B5775" t="s">
        <v>1636</v>
      </c>
      <c r="C5775" t="s">
        <v>5806</v>
      </c>
      <c r="D5775" t="s">
        <v>5816</v>
      </c>
    </row>
    <row r="5776" spans="1:4" x14ac:dyDescent="0.4">
      <c r="A5776">
        <v>3510011</v>
      </c>
      <c r="B5776" t="s">
        <v>1636</v>
      </c>
      <c r="C5776" t="s">
        <v>5806</v>
      </c>
      <c r="D5776" t="s">
        <v>403</v>
      </c>
    </row>
    <row r="5777" spans="1:4" x14ac:dyDescent="0.4">
      <c r="A5777">
        <v>3510023</v>
      </c>
      <c r="B5777" t="s">
        <v>1636</v>
      </c>
      <c r="C5777" t="s">
        <v>5806</v>
      </c>
      <c r="D5777" t="s">
        <v>5817</v>
      </c>
    </row>
    <row r="5778" spans="1:4" x14ac:dyDescent="0.4">
      <c r="A5778">
        <v>3510025</v>
      </c>
      <c r="B5778" t="s">
        <v>1636</v>
      </c>
      <c r="C5778" t="s">
        <v>5806</v>
      </c>
      <c r="D5778" t="s">
        <v>5818</v>
      </c>
    </row>
    <row r="5779" spans="1:4" x14ac:dyDescent="0.4">
      <c r="A5779">
        <v>3510031</v>
      </c>
      <c r="B5779" t="s">
        <v>1636</v>
      </c>
      <c r="C5779" t="s">
        <v>5806</v>
      </c>
      <c r="D5779" t="s">
        <v>5819</v>
      </c>
    </row>
    <row r="5780" spans="1:4" x14ac:dyDescent="0.4">
      <c r="A5780">
        <v>3530000</v>
      </c>
      <c r="B5780" t="s">
        <v>1636</v>
      </c>
      <c r="C5780" t="s">
        <v>5820</v>
      </c>
    </row>
    <row r="5781" spans="1:4" x14ac:dyDescent="0.4">
      <c r="A5781">
        <v>3530007</v>
      </c>
      <c r="B5781" t="s">
        <v>1636</v>
      </c>
      <c r="C5781" t="s">
        <v>5820</v>
      </c>
      <c r="D5781" t="s">
        <v>3324</v>
      </c>
    </row>
    <row r="5782" spans="1:4" x14ac:dyDescent="0.4">
      <c r="A5782">
        <v>3530001</v>
      </c>
      <c r="B5782" t="s">
        <v>1636</v>
      </c>
      <c r="C5782" t="s">
        <v>5820</v>
      </c>
      <c r="D5782" t="s">
        <v>5821</v>
      </c>
    </row>
    <row r="5783" spans="1:4" x14ac:dyDescent="0.4">
      <c r="A5783">
        <v>3530005</v>
      </c>
      <c r="B5783" t="s">
        <v>1636</v>
      </c>
      <c r="C5783" t="s">
        <v>5820</v>
      </c>
      <c r="D5783" t="s">
        <v>72</v>
      </c>
    </row>
    <row r="5784" spans="1:4" x14ac:dyDescent="0.4">
      <c r="A5784">
        <v>3530003</v>
      </c>
      <c r="B5784" t="s">
        <v>1636</v>
      </c>
      <c r="C5784" t="s">
        <v>5820</v>
      </c>
      <c r="D5784" t="s">
        <v>5822</v>
      </c>
    </row>
    <row r="5785" spans="1:4" x14ac:dyDescent="0.4">
      <c r="A5785">
        <v>3530006</v>
      </c>
      <c r="B5785" t="s">
        <v>1636</v>
      </c>
      <c r="C5785" t="s">
        <v>5820</v>
      </c>
      <c r="D5785" t="s">
        <v>5823</v>
      </c>
    </row>
    <row r="5786" spans="1:4" x14ac:dyDescent="0.4">
      <c r="A5786">
        <v>3530002</v>
      </c>
      <c r="B5786" t="s">
        <v>1636</v>
      </c>
      <c r="C5786" t="s">
        <v>5820</v>
      </c>
      <c r="D5786" t="s">
        <v>5824</v>
      </c>
    </row>
    <row r="5787" spans="1:4" x14ac:dyDescent="0.4">
      <c r="A5787">
        <v>3530004</v>
      </c>
      <c r="B5787" t="s">
        <v>1636</v>
      </c>
      <c r="C5787" t="s">
        <v>5820</v>
      </c>
      <c r="D5787" t="s">
        <v>403</v>
      </c>
    </row>
    <row r="5788" spans="1:4" x14ac:dyDescent="0.4">
      <c r="A5788">
        <v>3530008</v>
      </c>
      <c r="B5788" t="s">
        <v>1636</v>
      </c>
      <c r="C5788" t="s">
        <v>5820</v>
      </c>
      <c r="D5788" t="s">
        <v>5825</v>
      </c>
    </row>
    <row r="5789" spans="1:4" x14ac:dyDescent="0.4">
      <c r="A5789">
        <v>3510100</v>
      </c>
      <c r="B5789" t="s">
        <v>1636</v>
      </c>
      <c r="C5789" t="s">
        <v>4318</v>
      </c>
    </row>
    <row r="5790" spans="1:4" x14ac:dyDescent="0.4">
      <c r="A5790">
        <v>3510111</v>
      </c>
      <c r="B5790" t="s">
        <v>1636</v>
      </c>
      <c r="C5790" t="s">
        <v>4318</v>
      </c>
      <c r="D5790" t="s">
        <v>5826</v>
      </c>
    </row>
    <row r="5791" spans="1:4" x14ac:dyDescent="0.4">
      <c r="A5791">
        <v>3510101</v>
      </c>
      <c r="B5791" t="s">
        <v>1636</v>
      </c>
      <c r="C5791" t="s">
        <v>4318</v>
      </c>
      <c r="D5791" t="s">
        <v>5827</v>
      </c>
    </row>
    <row r="5792" spans="1:4" x14ac:dyDescent="0.4">
      <c r="A5792">
        <v>3510102</v>
      </c>
      <c r="B5792" t="s">
        <v>1636</v>
      </c>
      <c r="C5792" t="s">
        <v>4318</v>
      </c>
      <c r="D5792" t="s">
        <v>3908</v>
      </c>
    </row>
    <row r="5793" spans="1:4" x14ac:dyDescent="0.4">
      <c r="A5793">
        <v>3590042</v>
      </c>
      <c r="B5793" t="s">
        <v>1636</v>
      </c>
      <c r="C5793" t="s">
        <v>4278</v>
      </c>
      <c r="D5793" t="s">
        <v>745</v>
      </c>
    </row>
    <row r="5794" spans="1:4" x14ac:dyDescent="0.4">
      <c r="A5794">
        <v>3590035</v>
      </c>
      <c r="B5794" t="s">
        <v>1636</v>
      </c>
      <c r="C5794" t="s">
        <v>4278</v>
      </c>
      <c r="D5794" t="s">
        <v>5828</v>
      </c>
    </row>
    <row r="5795" spans="1:4" x14ac:dyDescent="0.4">
      <c r="A5795">
        <v>3591163</v>
      </c>
      <c r="B5795" t="s">
        <v>1636</v>
      </c>
      <c r="C5795" t="s">
        <v>4278</v>
      </c>
      <c r="D5795" t="s">
        <v>5829</v>
      </c>
    </row>
    <row r="5796" spans="1:4" x14ac:dyDescent="0.4">
      <c r="A5796">
        <v>3591126</v>
      </c>
      <c r="B5796" t="s">
        <v>1636</v>
      </c>
      <c r="C5796" t="s">
        <v>4278</v>
      </c>
      <c r="D5796" t="s">
        <v>5830</v>
      </c>
    </row>
    <row r="5797" spans="1:4" x14ac:dyDescent="0.4">
      <c r="A5797">
        <v>3591144</v>
      </c>
      <c r="B5797" t="s">
        <v>1636</v>
      </c>
      <c r="C5797" t="s">
        <v>4278</v>
      </c>
      <c r="D5797" t="s">
        <v>5831</v>
      </c>
    </row>
    <row r="5798" spans="1:4" x14ac:dyDescent="0.4">
      <c r="A5798">
        <v>3590047</v>
      </c>
      <c r="B5798" t="s">
        <v>1636</v>
      </c>
      <c r="C5798" t="s">
        <v>4278</v>
      </c>
      <c r="D5798" t="s">
        <v>4676</v>
      </c>
    </row>
    <row r="5799" spans="1:4" x14ac:dyDescent="0.4">
      <c r="A5799">
        <v>3591167</v>
      </c>
      <c r="B5799" t="s">
        <v>1636</v>
      </c>
      <c r="C5799" t="s">
        <v>4278</v>
      </c>
      <c r="D5799" t="s">
        <v>1929</v>
      </c>
    </row>
    <row r="5800" spans="1:4" x14ac:dyDescent="0.4">
      <c r="A5800">
        <v>3590034</v>
      </c>
      <c r="B5800" t="s">
        <v>1636</v>
      </c>
      <c r="C5800" t="s">
        <v>4278</v>
      </c>
      <c r="D5800" t="s">
        <v>5832</v>
      </c>
    </row>
    <row r="5801" spans="1:4" x14ac:dyDescent="0.4">
      <c r="A5801">
        <v>3591106</v>
      </c>
      <c r="B5801" t="s">
        <v>1636</v>
      </c>
      <c r="C5801" t="s">
        <v>4278</v>
      </c>
      <c r="D5801" t="s">
        <v>5833</v>
      </c>
    </row>
    <row r="5802" spans="1:4" x14ac:dyDescent="0.4">
      <c r="A5802">
        <v>3591124</v>
      </c>
      <c r="B5802" t="s">
        <v>1636</v>
      </c>
      <c r="C5802" t="s">
        <v>4278</v>
      </c>
      <c r="D5802" t="s">
        <v>5834</v>
      </c>
    </row>
    <row r="5803" spans="1:4" x14ac:dyDescent="0.4">
      <c r="A5803">
        <v>3591116</v>
      </c>
      <c r="B5803" t="s">
        <v>1636</v>
      </c>
      <c r="C5803" t="s">
        <v>4278</v>
      </c>
      <c r="D5803" t="s">
        <v>1526</v>
      </c>
    </row>
    <row r="5804" spans="1:4" x14ac:dyDescent="0.4">
      <c r="A5804">
        <v>3590021</v>
      </c>
      <c r="B5804" t="s">
        <v>1636</v>
      </c>
      <c r="C5804" t="s">
        <v>4278</v>
      </c>
      <c r="D5804" t="s">
        <v>5835</v>
      </c>
    </row>
    <row r="5805" spans="1:4" x14ac:dyDescent="0.4">
      <c r="A5805">
        <v>3590023</v>
      </c>
      <c r="B5805" t="s">
        <v>1636</v>
      </c>
      <c r="C5805" t="s">
        <v>4278</v>
      </c>
      <c r="D5805" t="s">
        <v>5836</v>
      </c>
    </row>
    <row r="5806" spans="1:4" x14ac:dyDescent="0.4">
      <c r="A5806">
        <v>3590015</v>
      </c>
      <c r="B5806" t="s">
        <v>1636</v>
      </c>
      <c r="C5806" t="s">
        <v>4278</v>
      </c>
      <c r="D5806" t="s">
        <v>5837</v>
      </c>
    </row>
    <row r="5807" spans="1:4" x14ac:dyDescent="0.4">
      <c r="A5807">
        <v>3591123</v>
      </c>
      <c r="B5807" t="s">
        <v>1636</v>
      </c>
      <c r="C5807" t="s">
        <v>4278</v>
      </c>
      <c r="D5807" t="s">
        <v>1603</v>
      </c>
    </row>
    <row r="5808" spans="1:4" x14ac:dyDescent="0.4">
      <c r="A5808">
        <v>3591127</v>
      </c>
      <c r="B5808" t="s">
        <v>1636</v>
      </c>
      <c r="C5808" t="s">
        <v>4278</v>
      </c>
      <c r="D5808" t="s">
        <v>5838</v>
      </c>
    </row>
    <row r="5809" spans="1:4" x14ac:dyDescent="0.4">
      <c r="A5809">
        <v>3591165</v>
      </c>
      <c r="B5809" t="s">
        <v>1636</v>
      </c>
      <c r="C5809" t="s">
        <v>4278</v>
      </c>
      <c r="D5809" t="s">
        <v>467</v>
      </c>
    </row>
    <row r="5810" spans="1:4" x14ac:dyDescent="0.4">
      <c r="A5810">
        <v>3590022</v>
      </c>
      <c r="B5810" t="s">
        <v>1636</v>
      </c>
      <c r="C5810" t="s">
        <v>4278</v>
      </c>
      <c r="D5810" t="s">
        <v>210</v>
      </c>
    </row>
    <row r="5811" spans="1:4" x14ac:dyDescent="0.4">
      <c r="A5811">
        <v>3591132</v>
      </c>
      <c r="B5811" t="s">
        <v>1636</v>
      </c>
      <c r="C5811" t="s">
        <v>4278</v>
      </c>
      <c r="D5811" t="s">
        <v>5839</v>
      </c>
    </row>
    <row r="5812" spans="1:4" x14ac:dyDescent="0.4">
      <c r="A5812">
        <v>3590027</v>
      </c>
      <c r="B5812" t="s">
        <v>1636</v>
      </c>
      <c r="C5812" t="s">
        <v>4278</v>
      </c>
      <c r="D5812" t="s">
        <v>5840</v>
      </c>
    </row>
    <row r="5813" spans="1:4" x14ac:dyDescent="0.4">
      <c r="A5813">
        <v>3590044</v>
      </c>
      <c r="B5813" t="s">
        <v>1636</v>
      </c>
      <c r="C5813" t="s">
        <v>4278</v>
      </c>
      <c r="D5813" t="s">
        <v>505</v>
      </c>
    </row>
    <row r="5814" spans="1:4" x14ac:dyDescent="0.4">
      <c r="A5814">
        <v>3591164</v>
      </c>
      <c r="B5814" t="s">
        <v>1636</v>
      </c>
      <c r="C5814" t="s">
        <v>4278</v>
      </c>
      <c r="D5814" t="s">
        <v>5841</v>
      </c>
    </row>
    <row r="5815" spans="1:4" x14ac:dyDescent="0.4">
      <c r="A5815">
        <v>3591111</v>
      </c>
      <c r="B5815" t="s">
        <v>1636</v>
      </c>
      <c r="C5815" t="s">
        <v>4278</v>
      </c>
      <c r="D5815" t="s">
        <v>1611</v>
      </c>
    </row>
    <row r="5816" spans="1:4" x14ac:dyDescent="0.4">
      <c r="A5816">
        <v>3591125</v>
      </c>
      <c r="B5816" t="s">
        <v>1636</v>
      </c>
      <c r="C5816" t="s">
        <v>4278</v>
      </c>
      <c r="D5816" t="s">
        <v>5842</v>
      </c>
    </row>
    <row r="5817" spans="1:4" x14ac:dyDescent="0.4">
      <c r="A5817">
        <v>3590011</v>
      </c>
      <c r="B5817" t="s">
        <v>1636</v>
      </c>
      <c r="C5817" t="s">
        <v>4278</v>
      </c>
      <c r="D5817" t="s">
        <v>5843</v>
      </c>
    </row>
    <row r="5818" spans="1:4" x14ac:dyDescent="0.4">
      <c r="A5818">
        <v>3590045</v>
      </c>
      <c r="B5818" t="s">
        <v>1636</v>
      </c>
      <c r="C5818" t="s">
        <v>4278</v>
      </c>
      <c r="D5818" t="s">
        <v>5628</v>
      </c>
    </row>
    <row r="5819" spans="1:4" x14ac:dyDescent="0.4">
      <c r="A5819">
        <v>3591143</v>
      </c>
      <c r="B5819" t="s">
        <v>1636</v>
      </c>
      <c r="C5819" t="s">
        <v>4278</v>
      </c>
      <c r="D5819" t="s">
        <v>5844</v>
      </c>
    </row>
    <row r="5820" spans="1:4" x14ac:dyDescent="0.4">
      <c r="A5820">
        <v>3591115</v>
      </c>
      <c r="B5820" t="s">
        <v>1636</v>
      </c>
      <c r="C5820" t="s">
        <v>4278</v>
      </c>
      <c r="D5820" t="s">
        <v>3510</v>
      </c>
    </row>
    <row r="5821" spans="1:4" x14ac:dyDescent="0.4">
      <c r="A5821">
        <v>3591121</v>
      </c>
      <c r="B5821" t="s">
        <v>1636</v>
      </c>
      <c r="C5821" t="s">
        <v>4278</v>
      </c>
      <c r="D5821" t="s">
        <v>1841</v>
      </c>
    </row>
    <row r="5822" spans="1:4" x14ac:dyDescent="0.4">
      <c r="A5822">
        <v>3591145</v>
      </c>
      <c r="B5822" t="s">
        <v>1636</v>
      </c>
      <c r="C5822" t="s">
        <v>4278</v>
      </c>
      <c r="D5822" t="s">
        <v>3728</v>
      </c>
    </row>
    <row r="5823" spans="1:4" x14ac:dyDescent="0.4">
      <c r="A5823">
        <v>3590043</v>
      </c>
      <c r="B5823" t="s">
        <v>1636</v>
      </c>
      <c r="C5823" t="s">
        <v>4278</v>
      </c>
      <c r="D5823" t="s">
        <v>518</v>
      </c>
    </row>
    <row r="5824" spans="1:4" x14ac:dyDescent="0.4">
      <c r="A5824">
        <v>3591117</v>
      </c>
      <c r="B5824" t="s">
        <v>1636</v>
      </c>
      <c r="C5824" t="s">
        <v>4278</v>
      </c>
      <c r="D5824" t="s">
        <v>1092</v>
      </c>
    </row>
    <row r="5825" spans="1:4" x14ac:dyDescent="0.4">
      <c r="A5825">
        <v>3591151</v>
      </c>
      <c r="B5825" t="s">
        <v>1636</v>
      </c>
      <c r="C5825" t="s">
        <v>4278</v>
      </c>
      <c r="D5825" t="s">
        <v>5845</v>
      </c>
    </row>
    <row r="5826" spans="1:4" x14ac:dyDescent="0.4">
      <c r="A5826">
        <v>3590032</v>
      </c>
      <c r="B5826" t="s">
        <v>1636</v>
      </c>
      <c r="C5826" t="s">
        <v>4278</v>
      </c>
      <c r="D5826" t="s">
        <v>32</v>
      </c>
    </row>
    <row r="5827" spans="1:4" x14ac:dyDescent="0.4">
      <c r="A5827">
        <v>3591162</v>
      </c>
      <c r="B5827" t="s">
        <v>1636</v>
      </c>
      <c r="C5827" t="s">
        <v>4278</v>
      </c>
      <c r="D5827" t="s">
        <v>5846</v>
      </c>
    </row>
    <row r="5828" spans="1:4" x14ac:dyDescent="0.4">
      <c r="A5828">
        <v>3570000</v>
      </c>
      <c r="B5828" t="s">
        <v>1636</v>
      </c>
      <c r="C5828" t="s">
        <v>5847</v>
      </c>
    </row>
    <row r="5829" spans="1:4" x14ac:dyDescent="0.4">
      <c r="A5829">
        <v>3570003</v>
      </c>
      <c r="B5829" t="s">
        <v>1636</v>
      </c>
      <c r="C5829" t="s">
        <v>5847</v>
      </c>
      <c r="D5829" t="s">
        <v>2072</v>
      </c>
    </row>
    <row r="5830" spans="1:4" x14ac:dyDescent="0.4">
      <c r="A5830">
        <v>3570128</v>
      </c>
      <c r="B5830" t="s">
        <v>1636</v>
      </c>
      <c r="C5830" t="s">
        <v>5847</v>
      </c>
      <c r="D5830" t="s">
        <v>5848</v>
      </c>
    </row>
    <row r="5831" spans="1:4" x14ac:dyDescent="0.4">
      <c r="A5831">
        <v>3570216</v>
      </c>
      <c r="B5831" t="s">
        <v>1636</v>
      </c>
      <c r="C5831" t="s">
        <v>5847</v>
      </c>
      <c r="D5831" t="s">
        <v>5849</v>
      </c>
    </row>
    <row r="5832" spans="1:4" x14ac:dyDescent="0.4">
      <c r="A5832">
        <v>3570013</v>
      </c>
      <c r="B5832" t="s">
        <v>1636</v>
      </c>
      <c r="C5832" t="s">
        <v>5847</v>
      </c>
      <c r="D5832" t="s">
        <v>5850</v>
      </c>
    </row>
    <row r="5833" spans="1:4" x14ac:dyDescent="0.4">
      <c r="A5833">
        <v>3570046</v>
      </c>
      <c r="B5833" t="s">
        <v>1636</v>
      </c>
      <c r="C5833" t="s">
        <v>5847</v>
      </c>
      <c r="D5833" t="s">
        <v>5851</v>
      </c>
    </row>
    <row r="5834" spans="1:4" x14ac:dyDescent="0.4">
      <c r="A5834">
        <v>3570034</v>
      </c>
      <c r="B5834" t="s">
        <v>1636</v>
      </c>
      <c r="C5834" t="s">
        <v>5847</v>
      </c>
      <c r="D5834" t="s">
        <v>1526</v>
      </c>
    </row>
    <row r="5835" spans="1:4" x14ac:dyDescent="0.4">
      <c r="A5835">
        <v>3570037</v>
      </c>
      <c r="B5835" t="s">
        <v>1636</v>
      </c>
      <c r="C5835" t="s">
        <v>5847</v>
      </c>
      <c r="D5835" t="s">
        <v>1653</v>
      </c>
    </row>
    <row r="5836" spans="1:4" x14ac:dyDescent="0.4">
      <c r="A5836">
        <v>3570212</v>
      </c>
      <c r="B5836" t="s">
        <v>1636</v>
      </c>
      <c r="C5836" t="s">
        <v>5847</v>
      </c>
      <c r="D5836" t="s">
        <v>5852</v>
      </c>
    </row>
    <row r="5837" spans="1:4" x14ac:dyDescent="0.4">
      <c r="A5837">
        <v>3570023</v>
      </c>
      <c r="B5837" t="s">
        <v>1636</v>
      </c>
      <c r="C5837" t="s">
        <v>5847</v>
      </c>
      <c r="D5837" t="s">
        <v>5853</v>
      </c>
    </row>
    <row r="5838" spans="1:4" x14ac:dyDescent="0.4">
      <c r="A5838">
        <v>3570048</v>
      </c>
      <c r="B5838" t="s">
        <v>1636</v>
      </c>
      <c r="C5838" t="s">
        <v>5847</v>
      </c>
      <c r="D5838" t="s">
        <v>5854</v>
      </c>
    </row>
    <row r="5839" spans="1:4" x14ac:dyDescent="0.4">
      <c r="A5839">
        <v>3570065</v>
      </c>
      <c r="B5839" t="s">
        <v>1636</v>
      </c>
      <c r="C5839" t="s">
        <v>5847</v>
      </c>
      <c r="D5839" t="s">
        <v>5855</v>
      </c>
    </row>
    <row r="5840" spans="1:4" x14ac:dyDescent="0.4">
      <c r="A5840">
        <v>3570047</v>
      </c>
      <c r="B5840" t="s">
        <v>1636</v>
      </c>
      <c r="C5840" t="s">
        <v>5847</v>
      </c>
      <c r="D5840" t="s">
        <v>5856</v>
      </c>
    </row>
    <row r="5841" spans="1:4" x14ac:dyDescent="0.4">
      <c r="A5841">
        <v>3570045</v>
      </c>
      <c r="B5841" t="s">
        <v>1636</v>
      </c>
      <c r="C5841" t="s">
        <v>5847</v>
      </c>
      <c r="D5841" t="s">
        <v>5857</v>
      </c>
    </row>
    <row r="5842" spans="1:4" x14ac:dyDescent="0.4">
      <c r="A5842">
        <v>3570125</v>
      </c>
      <c r="B5842" t="s">
        <v>1636</v>
      </c>
      <c r="C5842" t="s">
        <v>5847</v>
      </c>
      <c r="D5842" t="s">
        <v>5858</v>
      </c>
    </row>
    <row r="5843" spans="1:4" x14ac:dyDescent="0.4">
      <c r="A5843">
        <v>3570056</v>
      </c>
      <c r="B5843" t="s">
        <v>1636</v>
      </c>
      <c r="C5843" t="s">
        <v>5847</v>
      </c>
      <c r="D5843" t="s">
        <v>5859</v>
      </c>
    </row>
    <row r="5844" spans="1:4" x14ac:dyDescent="0.4">
      <c r="A5844">
        <v>3570055</v>
      </c>
      <c r="B5844" t="s">
        <v>1636</v>
      </c>
      <c r="C5844" t="s">
        <v>5847</v>
      </c>
      <c r="D5844" t="s">
        <v>5860</v>
      </c>
    </row>
    <row r="5845" spans="1:4" x14ac:dyDescent="0.4">
      <c r="A5845">
        <v>3570206</v>
      </c>
      <c r="B5845" t="s">
        <v>1636</v>
      </c>
      <c r="C5845" t="s">
        <v>5847</v>
      </c>
      <c r="D5845" t="s">
        <v>5861</v>
      </c>
    </row>
    <row r="5846" spans="1:4" x14ac:dyDescent="0.4">
      <c r="A5846">
        <v>3570111</v>
      </c>
      <c r="B5846" t="s">
        <v>1636</v>
      </c>
      <c r="C5846" t="s">
        <v>5847</v>
      </c>
      <c r="D5846" t="s">
        <v>5862</v>
      </c>
    </row>
    <row r="5847" spans="1:4" x14ac:dyDescent="0.4">
      <c r="A5847">
        <v>3570053</v>
      </c>
      <c r="B5847" t="s">
        <v>1636</v>
      </c>
      <c r="C5847" t="s">
        <v>5847</v>
      </c>
      <c r="D5847" t="s">
        <v>5863</v>
      </c>
    </row>
    <row r="5848" spans="1:4" x14ac:dyDescent="0.4">
      <c r="A5848">
        <v>3570127</v>
      </c>
      <c r="B5848" t="s">
        <v>1636</v>
      </c>
      <c r="C5848" t="s">
        <v>5847</v>
      </c>
      <c r="D5848" t="s">
        <v>5864</v>
      </c>
    </row>
    <row r="5849" spans="1:4" x14ac:dyDescent="0.4">
      <c r="A5849">
        <v>3570051</v>
      </c>
      <c r="B5849" t="s">
        <v>1636</v>
      </c>
      <c r="C5849" t="s">
        <v>5847</v>
      </c>
      <c r="D5849" t="s">
        <v>5865</v>
      </c>
    </row>
    <row r="5850" spans="1:4" x14ac:dyDescent="0.4">
      <c r="A5850">
        <v>3570011</v>
      </c>
      <c r="B5850" t="s">
        <v>1636</v>
      </c>
      <c r="C5850" t="s">
        <v>5847</v>
      </c>
      <c r="D5850" t="s">
        <v>5866</v>
      </c>
    </row>
    <row r="5851" spans="1:4" x14ac:dyDescent="0.4">
      <c r="A5851">
        <v>3570044</v>
      </c>
      <c r="B5851" t="s">
        <v>1636</v>
      </c>
      <c r="C5851" t="s">
        <v>5847</v>
      </c>
      <c r="D5851" t="s">
        <v>5867</v>
      </c>
    </row>
    <row r="5852" spans="1:4" x14ac:dyDescent="0.4">
      <c r="A5852">
        <v>3570201</v>
      </c>
      <c r="B5852" t="s">
        <v>1636</v>
      </c>
      <c r="C5852" t="s">
        <v>5847</v>
      </c>
      <c r="D5852" t="s">
        <v>5868</v>
      </c>
    </row>
    <row r="5853" spans="1:4" x14ac:dyDescent="0.4">
      <c r="A5853">
        <v>3570064</v>
      </c>
      <c r="B5853" t="s">
        <v>1636</v>
      </c>
      <c r="C5853" t="s">
        <v>5847</v>
      </c>
      <c r="D5853" t="s">
        <v>5869</v>
      </c>
    </row>
    <row r="5854" spans="1:4" x14ac:dyDescent="0.4">
      <c r="A5854">
        <v>3570068</v>
      </c>
      <c r="B5854" t="s">
        <v>1636</v>
      </c>
      <c r="C5854" t="s">
        <v>5847</v>
      </c>
      <c r="D5854" t="s">
        <v>5870</v>
      </c>
    </row>
    <row r="5855" spans="1:4" x14ac:dyDescent="0.4">
      <c r="A5855">
        <v>3570066</v>
      </c>
      <c r="B5855" t="s">
        <v>1636</v>
      </c>
      <c r="C5855" t="s">
        <v>5847</v>
      </c>
      <c r="D5855" t="s">
        <v>5871</v>
      </c>
    </row>
    <row r="5856" spans="1:4" x14ac:dyDescent="0.4">
      <c r="A5856">
        <v>3570015</v>
      </c>
      <c r="B5856" t="s">
        <v>1636</v>
      </c>
      <c r="C5856" t="s">
        <v>5847</v>
      </c>
      <c r="D5856" t="s">
        <v>2091</v>
      </c>
    </row>
    <row r="5857" spans="1:4" x14ac:dyDescent="0.4">
      <c r="A5857">
        <v>3570204</v>
      </c>
      <c r="B5857" t="s">
        <v>1636</v>
      </c>
      <c r="C5857" t="s">
        <v>5847</v>
      </c>
      <c r="D5857" t="s">
        <v>5872</v>
      </c>
    </row>
    <row r="5858" spans="1:4" x14ac:dyDescent="0.4">
      <c r="A5858">
        <v>3570067</v>
      </c>
      <c r="B5858" t="s">
        <v>1636</v>
      </c>
      <c r="C5858" t="s">
        <v>5847</v>
      </c>
      <c r="D5858" t="s">
        <v>5873</v>
      </c>
    </row>
    <row r="5859" spans="1:4" x14ac:dyDescent="0.4">
      <c r="A5859">
        <v>3570215</v>
      </c>
      <c r="B5859" t="s">
        <v>1636</v>
      </c>
      <c r="C5859" t="s">
        <v>5847</v>
      </c>
      <c r="D5859" t="s">
        <v>5874</v>
      </c>
    </row>
    <row r="5860" spans="1:4" x14ac:dyDescent="0.4">
      <c r="A5860">
        <v>3570213</v>
      </c>
      <c r="B5860" t="s">
        <v>1636</v>
      </c>
      <c r="C5860" t="s">
        <v>5847</v>
      </c>
      <c r="D5860" t="s">
        <v>5875</v>
      </c>
    </row>
    <row r="5861" spans="1:4" x14ac:dyDescent="0.4">
      <c r="A5861">
        <v>3570025</v>
      </c>
      <c r="B5861" t="s">
        <v>1636</v>
      </c>
      <c r="C5861" t="s">
        <v>5847</v>
      </c>
      <c r="D5861" t="s">
        <v>255</v>
      </c>
    </row>
    <row r="5862" spans="1:4" x14ac:dyDescent="0.4">
      <c r="A5862">
        <v>3570218</v>
      </c>
      <c r="B5862" t="s">
        <v>1636</v>
      </c>
      <c r="C5862" t="s">
        <v>5847</v>
      </c>
      <c r="D5862" t="s">
        <v>4910</v>
      </c>
    </row>
    <row r="5863" spans="1:4" x14ac:dyDescent="0.4">
      <c r="A5863">
        <v>3570126</v>
      </c>
      <c r="B5863" t="s">
        <v>1636</v>
      </c>
      <c r="C5863" t="s">
        <v>5847</v>
      </c>
      <c r="D5863" t="s">
        <v>5876</v>
      </c>
    </row>
    <row r="5864" spans="1:4" x14ac:dyDescent="0.4">
      <c r="A5864">
        <v>3570016</v>
      </c>
      <c r="B5864" t="s">
        <v>1636</v>
      </c>
      <c r="C5864" t="s">
        <v>5847</v>
      </c>
      <c r="D5864" t="s">
        <v>5877</v>
      </c>
    </row>
    <row r="5865" spans="1:4" x14ac:dyDescent="0.4">
      <c r="A5865">
        <v>3570012</v>
      </c>
      <c r="B5865" t="s">
        <v>1636</v>
      </c>
      <c r="C5865" t="s">
        <v>5847</v>
      </c>
      <c r="D5865" t="s">
        <v>5878</v>
      </c>
    </row>
    <row r="5866" spans="1:4" x14ac:dyDescent="0.4">
      <c r="A5866">
        <v>3570054</v>
      </c>
      <c r="B5866" t="s">
        <v>1636</v>
      </c>
      <c r="C5866" t="s">
        <v>5847</v>
      </c>
      <c r="D5866" t="s">
        <v>5879</v>
      </c>
    </row>
    <row r="5867" spans="1:4" x14ac:dyDescent="0.4">
      <c r="A5867">
        <v>3570112</v>
      </c>
      <c r="B5867" t="s">
        <v>1636</v>
      </c>
      <c r="C5867" t="s">
        <v>5847</v>
      </c>
      <c r="D5867" t="s">
        <v>5880</v>
      </c>
    </row>
    <row r="5868" spans="1:4" x14ac:dyDescent="0.4">
      <c r="A5868">
        <v>3570052</v>
      </c>
      <c r="B5868" t="s">
        <v>1636</v>
      </c>
      <c r="C5868" t="s">
        <v>5847</v>
      </c>
      <c r="D5868" t="s">
        <v>5881</v>
      </c>
    </row>
    <row r="5869" spans="1:4" x14ac:dyDescent="0.4">
      <c r="A5869">
        <v>3570205</v>
      </c>
      <c r="B5869" t="s">
        <v>1636</v>
      </c>
      <c r="C5869" t="s">
        <v>5847</v>
      </c>
      <c r="D5869" t="s">
        <v>5827</v>
      </c>
    </row>
    <row r="5870" spans="1:4" x14ac:dyDescent="0.4">
      <c r="A5870">
        <v>3570022</v>
      </c>
      <c r="B5870" t="s">
        <v>1636</v>
      </c>
      <c r="C5870" t="s">
        <v>5847</v>
      </c>
      <c r="D5870" t="s">
        <v>5787</v>
      </c>
    </row>
    <row r="5871" spans="1:4" x14ac:dyDescent="0.4">
      <c r="A5871">
        <v>3570004</v>
      </c>
      <c r="B5871" t="s">
        <v>1636</v>
      </c>
      <c r="C5871" t="s">
        <v>5847</v>
      </c>
      <c r="D5871" t="s">
        <v>367</v>
      </c>
    </row>
    <row r="5872" spans="1:4" x14ac:dyDescent="0.4">
      <c r="A5872">
        <v>3570049</v>
      </c>
      <c r="B5872" t="s">
        <v>1636</v>
      </c>
      <c r="C5872" t="s">
        <v>5847</v>
      </c>
      <c r="D5872" t="s">
        <v>5882</v>
      </c>
    </row>
    <row r="5873" spans="1:4" x14ac:dyDescent="0.4">
      <c r="A5873">
        <v>3570202</v>
      </c>
      <c r="B5873" t="s">
        <v>1636</v>
      </c>
      <c r="C5873" t="s">
        <v>5847</v>
      </c>
      <c r="D5873" t="s">
        <v>2672</v>
      </c>
    </row>
    <row r="5874" spans="1:4" x14ac:dyDescent="0.4">
      <c r="A5874">
        <v>3570002</v>
      </c>
      <c r="B5874" t="s">
        <v>1636</v>
      </c>
      <c r="C5874" t="s">
        <v>5847</v>
      </c>
      <c r="D5874" t="s">
        <v>5883</v>
      </c>
    </row>
    <row r="5875" spans="1:4" x14ac:dyDescent="0.4">
      <c r="A5875">
        <v>3570038</v>
      </c>
      <c r="B5875" t="s">
        <v>1636</v>
      </c>
      <c r="C5875" t="s">
        <v>5847</v>
      </c>
      <c r="D5875" t="s">
        <v>802</v>
      </c>
    </row>
    <row r="5876" spans="1:4" x14ac:dyDescent="0.4">
      <c r="A5876">
        <v>3570121</v>
      </c>
      <c r="B5876" t="s">
        <v>1636</v>
      </c>
      <c r="C5876" t="s">
        <v>5847</v>
      </c>
      <c r="D5876" t="s">
        <v>5884</v>
      </c>
    </row>
    <row r="5877" spans="1:4" x14ac:dyDescent="0.4">
      <c r="A5877">
        <v>3570122</v>
      </c>
      <c r="B5877" t="s">
        <v>1636</v>
      </c>
      <c r="C5877" t="s">
        <v>5847</v>
      </c>
      <c r="D5877" t="s">
        <v>5885</v>
      </c>
    </row>
    <row r="5878" spans="1:4" x14ac:dyDescent="0.4">
      <c r="A5878">
        <v>3570123</v>
      </c>
      <c r="B5878" t="s">
        <v>1636</v>
      </c>
      <c r="C5878" t="s">
        <v>5847</v>
      </c>
      <c r="D5878" t="s">
        <v>5886</v>
      </c>
    </row>
    <row r="5879" spans="1:4" x14ac:dyDescent="0.4">
      <c r="A5879">
        <v>3570006</v>
      </c>
      <c r="B5879" t="s">
        <v>1636</v>
      </c>
      <c r="C5879" t="s">
        <v>5847</v>
      </c>
      <c r="D5879" t="s">
        <v>1588</v>
      </c>
    </row>
    <row r="5880" spans="1:4" x14ac:dyDescent="0.4">
      <c r="A5880">
        <v>3570203</v>
      </c>
      <c r="B5880" t="s">
        <v>1636</v>
      </c>
      <c r="C5880" t="s">
        <v>5847</v>
      </c>
      <c r="D5880" t="s">
        <v>2212</v>
      </c>
    </row>
    <row r="5881" spans="1:4" x14ac:dyDescent="0.4">
      <c r="A5881">
        <v>3570062</v>
      </c>
      <c r="B5881" t="s">
        <v>1636</v>
      </c>
      <c r="C5881" t="s">
        <v>5847</v>
      </c>
      <c r="D5881" t="s">
        <v>1758</v>
      </c>
    </row>
    <row r="5882" spans="1:4" x14ac:dyDescent="0.4">
      <c r="A5882">
        <v>3570061</v>
      </c>
      <c r="B5882" t="s">
        <v>1636</v>
      </c>
      <c r="C5882" t="s">
        <v>5847</v>
      </c>
      <c r="D5882" t="s">
        <v>5887</v>
      </c>
    </row>
    <row r="5883" spans="1:4" x14ac:dyDescent="0.4">
      <c r="A5883">
        <v>3570021</v>
      </c>
      <c r="B5883" t="s">
        <v>1636</v>
      </c>
      <c r="C5883" t="s">
        <v>5847</v>
      </c>
      <c r="D5883" t="s">
        <v>5888</v>
      </c>
    </row>
    <row r="5884" spans="1:4" x14ac:dyDescent="0.4">
      <c r="A5884">
        <v>3570033</v>
      </c>
      <c r="B5884" t="s">
        <v>1636</v>
      </c>
      <c r="C5884" t="s">
        <v>5847</v>
      </c>
      <c r="D5884" t="s">
        <v>479</v>
      </c>
    </row>
    <row r="5885" spans="1:4" x14ac:dyDescent="0.4">
      <c r="A5885">
        <v>3570124</v>
      </c>
      <c r="B5885" t="s">
        <v>1636</v>
      </c>
      <c r="C5885" t="s">
        <v>5847</v>
      </c>
      <c r="D5885" t="s">
        <v>5889</v>
      </c>
    </row>
    <row r="5886" spans="1:4" x14ac:dyDescent="0.4">
      <c r="A5886">
        <v>3570005</v>
      </c>
      <c r="B5886" t="s">
        <v>1636</v>
      </c>
      <c r="C5886" t="s">
        <v>5847</v>
      </c>
      <c r="D5886" t="s">
        <v>26</v>
      </c>
    </row>
    <row r="5887" spans="1:4" x14ac:dyDescent="0.4">
      <c r="A5887">
        <v>3570063</v>
      </c>
      <c r="B5887" t="s">
        <v>1636</v>
      </c>
      <c r="C5887" t="s">
        <v>5847</v>
      </c>
      <c r="D5887" t="s">
        <v>5890</v>
      </c>
    </row>
    <row r="5888" spans="1:4" x14ac:dyDescent="0.4">
      <c r="A5888">
        <v>3570211</v>
      </c>
      <c r="B5888" t="s">
        <v>1636</v>
      </c>
      <c r="C5888" t="s">
        <v>5847</v>
      </c>
      <c r="D5888" t="s">
        <v>689</v>
      </c>
    </row>
    <row r="5889" spans="1:4" x14ac:dyDescent="0.4">
      <c r="A5889">
        <v>3570014</v>
      </c>
      <c r="B5889" t="s">
        <v>1636</v>
      </c>
      <c r="C5889" t="s">
        <v>5847</v>
      </c>
      <c r="D5889" t="s">
        <v>3778</v>
      </c>
    </row>
    <row r="5890" spans="1:4" x14ac:dyDescent="0.4">
      <c r="A5890">
        <v>3570032</v>
      </c>
      <c r="B5890" t="s">
        <v>1636</v>
      </c>
      <c r="C5890" t="s">
        <v>5847</v>
      </c>
      <c r="D5890" t="s">
        <v>403</v>
      </c>
    </row>
    <row r="5891" spans="1:4" x14ac:dyDescent="0.4">
      <c r="A5891">
        <v>3570043</v>
      </c>
      <c r="B5891" t="s">
        <v>1636</v>
      </c>
      <c r="C5891" t="s">
        <v>5847</v>
      </c>
      <c r="D5891" t="s">
        <v>5891</v>
      </c>
    </row>
    <row r="5892" spans="1:4" x14ac:dyDescent="0.4">
      <c r="A5892">
        <v>3570041</v>
      </c>
      <c r="B5892" t="s">
        <v>1636</v>
      </c>
      <c r="C5892" t="s">
        <v>5847</v>
      </c>
      <c r="D5892" t="s">
        <v>5892</v>
      </c>
    </row>
    <row r="5893" spans="1:4" x14ac:dyDescent="0.4">
      <c r="A5893">
        <v>3570024</v>
      </c>
      <c r="B5893" t="s">
        <v>1636</v>
      </c>
      <c r="C5893" t="s">
        <v>5847</v>
      </c>
      <c r="D5893" t="s">
        <v>1611</v>
      </c>
    </row>
    <row r="5894" spans="1:4" x14ac:dyDescent="0.4">
      <c r="A5894">
        <v>3570214</v>
      </c>
      <c r="B5894" t="s">
        <v>1636</v>
      </c>
      <c r="C5894" t="s">
        <v>5847</v>
      </c>
      <c r="D5894" t="s">
        <v>659</v>
      </c>
    </row>
    <row r="5895" spans="1:4" x14ac:dyDescent="0.4">
      <c r="A5895">
        <v>3570217</v>
      </c>
      <c r="B5895" t="s">
        <v>1636</v>
      </c>
      <c r="C5895" t="s">
        <v>5847</v>
      </c>
      <c r="D5895" t="s">
        <v>5893</v>
      </c>
    </row>
    <row r="5896" spans="1:4" x14ac:dyDescent="0.4">
      <c r="A5896">
        <v>3570036</v>
      </c>
      <c r="B5896" t="s">
        <v>1636</v>
      </c>
      <c r="C5896" t="s">
        <v>5847</v>
      </c>
      <c r="D5896" t="s">
        <v>1615</v>
      </c>
    </row>
    <row r="5897" spans="1:4" x14ac:dyDescent="0.4">
      <c r="A5897">
        <v>3570001</v>
      </c>
      <c r="B5897" t="s">
        <v>1636</v>
      </c>
      <c r="C5897" t="s">
        <v>5847</v>
      </c>
      <c r="D5897" t="s">
        <v>5894</v>
      </c>
    </row>
    <row r="5898" spans="1:4" x14ac:dyDescent="0.4">
      <c r="A5898">
        <v>3570042</v>
      </c>
      <c r="B5898" t="s">
        <v>1636</v>
      </c>
      <c r="C5898" t="s">
        <v>5847</v>
      </c>
      <c r="D5898" t="s">
        <v>5895</v>
      </c>
    </row>
    <row r="5899" spans="1:4" x14ac:dyDescent="0.4">
      <c r="A5899">
        <v>3570035</v>
      </c>
      <c r="B5899" t="s">
        <v>1636</v>
      </c>
      <c r="C5899" t="s">
        <v>5847</v>
      </c>
      <c r="D5899" t="s">
        <v>2529</v>
      </c>
    </row>
    <row r="5900" spans="1:4" x14ac:dyDescent="0.4">
      <c r="A5900">
        <v>3570031</v>
      </c>
      <c r="B5900" t="s">
        <v>1636</v>
      </c>
      <c r="C5900" t="s">
        <v>5847</v>
      </c>
      <c r="D5900" t="s">
        <v>5896</v>
      </c>
    </row>
    <row r="5901" spans="1:4" x14ac:dyDescent="0.4">
      <c r="A5901">
        <v>3470000</v>
      </c>
      <c r="B5901" t="s">
        <v>1636</v>
      </c>
      <c r="C5901" t="s">
        <v>5897</v>
      </c>
    </row>
    <row r="5902" spans="1:4" x14ac:dyDescent="0.4">
      <c r="A5902">
        <v>3470057</v>
      </c>
      <c r="B5902" t="s">
        <v>1636</v>
      </c>
      <c r="C5902" t="s">
        <v>5897</v>
      </c>
      <c r="D5902" t="s">
        <v>4075</v>
      </c>
    </row>
    <row r="5903" spans="1:4" x14ac:dyDescent="0.4">
      <c r="A5903">
        <v>3470047</v>
      </c>
      <c r="B5903" t="s">
        <v>1636</v>
      </c>
      <c r="C5903" t="s">
        <v>5897</v>
      </c>
      <c r="D5903" t="s">
        <v>5898</v>
      </c>
    </row>
    <row r="5904" spans="1:4" x14ac:dyDescent="0.4">
      <c r="A5904">
        <v>3470024</v>
      </c>
      <c r="B5904" t="s">
        <v>1636</v>
      </c>
      <c r="C5904" t="s">
        <v>5897</v>
      </c>
      <c r="D5904" t="s">
        <v>5899</v>
      </c>
    </row>
    <row r="5905" spans="1:4" x14ac:dyDescent="0.4">
      <c r="A5905">
        <v>3470010</v>
      </c>
      <c r="B5905" t="s">
        <v>1636</v>
      </c>
      <c r="C5905" t="s">
        <v>5897</v>
      </c>
      <c r="D5905" t="s">
        <v>5900</v>
      </c>
    </row>
    <row r="5906" spans="1:4" x14ac:dyDescent="0.4">
      <c r="A5906">
        <v>3470001</v>
      </c>
      <c r="B5906" t="s">
        <v>1636</v>
      </c>
      <c r="C5906" t="s">
        <v>5897</v>
      </c>
      <c r="D5906" t="s">
        <v>5901</v>
      </c>
    </row>
    <row r="5907" spans="1:4" x14ac:dyDescent="0.4">
      <c r="A5907">
        <v>3470027</v>
      </c>
      <c r="B5907" t="s">
        <v>1636</v>
      </c>
      <c r="C5907" t="s">
        <v>5897</v>
      </c>
      <c r="D5907" t="s">
        <v>3825</v>
      </c>
    </row>
    <row r="5908" spans="1:4" x14ac:dyDescent="0.4">
      <c r="A5908">
        <v>3470058</v>
      </c>
      <c r="B5908" t="s">
        <v>1636</v>
      </c>
      <c r="C5908" t="s">
        <v>5897</v>
      </c>
      <c r="D5908" t="s">
        <v>5902</v>
      </c>
    </row>
    <row r="5909" spans="1:4" x14ac:dyDescent="0.4">
      <c r="A5909">
        <v>3470003</v>
      </c>
      <c r="B5909" t="s">
        <v>1636</v>
      </c>
      <c r="C5909" t="s">
        <v>5897</v>
      </c>
      <c r="D5909" t="s">
        <v>5903</v>
      </c>
    </row>
    <row r="5910" spans="1:4" x14ac:dyDescent="0.4">
      <c r="A5910">
        <v>3470006</v>
      </c>
      <c r="B5910" t="s">
        <v>1636</v>
      </c>
      <c r="C5910" t="s">
        <v>5897</v>
      </c>
      <c r="D5910" t="s">
        <v>5904</v>
      </c>
    </row>
    <row r="5911" spans="1:4" x14ac:dyDescent="0.4">
      <c r="A5911">
        <v>3470014</v>
      </c>
      <c r="B5911" t="s">
        <v>1636</v>
      </c>
      <c r="C5911" t="s">
        <v>5897</v>
      </c>
      <c r="D5911" t="s">
        <v>3749</v>
      </c>
    </row>
    <row r="5912" spans="1:4" x14ac:dyDescent="0.4">
      <c r="A5912">
        <v>3470011</v>
      </c>
      <c r="B5912" t="s">
        <v>1636</v>
      </c>
      <c r="C5912" t="s">
        <v>5897</v>
      </c>
      <c r="D5912" t="s">
        <v>5905</v>
      </c>
    </row>
    <row r="5913" spans="1:4" x14ac:dyDescent="0.4">
      <c r="A5913">
        <v>3470013</v>
      </c>
      <c r="B5913" t="s">
        <v>1636</v>
      </c>
      <c r="C5913" t="s">
        <v>5897</v>
      </c>
      <c r="D5913" t="s">
        <v>1485</v>
      </c>
    </row>
    <row r="5914" spans="1:4" x14ac:dyDescent="0.4">
      <c r="A5914">
        <v>3470023</v>
      </c>
      <c r="B5914" t="s">
        <v>1636</v>
      </c>
      <c r="C5914" t="s">
        <v>5897</v>
      </c>
      <c r="D5914" t="s">
        <v>5906</v>
      </c>
    </row>
    <row r="5915" spans="1:4" x14ac:dyDescent="0.4">
      <c r="A5915">
        <v>3470063</v>
      </c>
      <c r="B5915" t="s">
        <v>1636</v>
      </c>
      <c r="C5915" t="s">
        <v>5897</v>
      </c>
      <c r="D5915" t="s">
        <v>5869</v>
      </c>
    </row>
    <row r="5916" spans="1:4" x14ac:dyDescent="0.4">
      <c r="A5916">
        <v>3470041</v>
      </c>
      <c r="B5916" t="s">
        <v>1636</v>
      </c>
      <c r="C5916" t="s">
        <v>5897</v>
      </c>
      <c r="D5916" t="s">
        <v>5907</v>
      </c>
    </row>
    <row r="5917" spans="1:4" x14ac:dyDescent="0.4">
      <c r="A5917">
        <v>3470042</v>
      </c>
      <c r="B5917" t="s">
        <v>1636</v>
      </c>
      <c r="C5917" t="s">
        <v>5897</v>
      </c>
      <c r="D5917" t="s">
        <v>5908</v>
      </c>
    </row>
    <row r="5918" spans="1:4" x14ac:dyDescent="0.4">
      <c r="A5918">
        <v>3470033</v>
      </c>
      <c r="B5918" t="s">
        <v>1636</v>
      </c>
      <c r="C5918" t="s">
        <v>5897</v>
      </c>
      <c r="D5918" t="s">
        <v>5909</v>
      </c>
    </row>
    <row r="5919" spans="1:4" x14ac:dyDescent="0.4">
      <c r="A5919">
        <v>3470005</v>
      </c>
      <c r="B5919" t="s">
        <v>1636</v>
      </c>
      <c r="C5919" t="s">
        <v>5897</v>
      </c>
      <c r="D5919" t="s">
        <v>5910</v>
      </c>
    </row>
    <row r="5920" spans="1:4" x14ac:dyDescent="0.4">
      <c r="A5920">
        <v>3470007</v>
      </c>
      <c r="B5920" t="s">
        <v>1636</v>
      </c>
      <c r="C5920" t="s">
        <v>5897</v>
      </c>
      <c r="D5920" t="s">
        <v>5911</v>
      </c>
    </row>
    <row r="5921" spans="1:4" x14ac:dyDescent="0.4">
      <c r="A5921">
        <v>3470053</v>
      </c>
      <c r="B5921" t="s">
        <v>1636</v>
      </c>
      <c r="C5921" t="s">
        <v>5897</v>
      </c>
      <c r="D5921" t="s">
        <v>433</v>
      </c>
    </row>
    <row r="5922" spans="1:4" x14ac:dyDescent="0.4">
      <c r="A5922">
        <v>3470061</v>
      </c>
      <c r="B5922" t="s">
        <v>1636</v>
      </c>
      <c r="C5922" t="s">
        <v>5897</v>
      </c>
      <c r="D5922" t="s">
        <v>3908</v>
      </c>
    </row>
    <row r="5923" spans="1:4" x14ac:dyDescent="0.4">
      <c r="A5923">
        <v>3470002</v>
      </c>
      <c r="B5923" t="s">
        <v>1636</v>
      </c>
      <c r="C5923" t="s">
        <v>5897</v>
      </c>
      <c r="D5923" t="s">
        <v>5912</v>
      </c>
    </row>
    <row r="5924" spans="1:4" x14ac:dyDescent="0.4">
      <c r="A5924">
        <v>3470068</v>
      </c>
      <c r="B5924" t="s">
        <v>1636</v>
      </c>
      <c r="C5924" t="s">
        <v>5897</v>
      </c>
      <c r="D5924" t="s">
        <v>5913</v>
      </c>
    </row>
    <row r="5925" spans="1:4" x14ac:dyDescent="0.4">
      <c r="A5925">
        <v>3470012</v>
      </c>
      <c r="B5925" t="s">
        <v>1636</v>
      </c>
      <c r="C5925" t="s">
        <v>5897</v>
      </c>
      <c r="D5925" t="s">
        <v>5914</v>
      </c>
    </row>
    <row r="5926" spans="1:4" x14ac:dyDescent="0.4">
      <c r="A5926">
        <v>3470055</v>
      </c>
      <c r="B5926" t="s">
        <v>1636</v>
      </c>
      <c r="C5926" t="s">
        <v>5897</v>
      </c>
      <c r="D5926" t="s">
        <v>184</v>
      </c>
    </row>
    <row r="5927" spans="1:4" x14ac:dyDescent="0.4">
      <c r="A5927">
        <v>3470034</v>
      </c>
      <c r="B5927" t="s">
        <v>1636</v>
      </c>
      <c r="C5927" t="s">
        <v>5897</v>
      </c>
      <c r="D5927" t="s">
        <v>5915</v>
      </c>
    </row>
    <row r="5928" spans="1:4" x14ac:dyDescent="0.4">
      <c r="A5928">
        <v>3470064</v>
      </c>
      <c r="B5928" t="s">
        <v>1636</v>
      </c>
      <c r="C5928" t="s">
        <v>5897</v>
      </c>
      <c r="D5928" t="s">
        <v>5916</v>
      </c>
    </row>
    <row r="5929" spans="1:4" x14ac:dyDescent="0.4">
      <c r="A5929">
        <v>3470051</v>
      </c>
      <c r="B5929" t="s">
        <v>1636</v>
      </c>
      <c r="C5929" t="s">
        <v>5897</v>
      </c>
      <c r="D5929" t="s">
        <v>5917</v>
      </c>
    </row>
    <row r="5930" spans="1:4" x14ac:dyDescent="0.4">
      <c r="A5930">
        <v>3470056</v>
      </c>
      <c r="B5930" t="s">
        <v>1636</v>
      </c>
      <c r="C5930" t="s">
        <v>5897</v>
      </c>
      <c r="D5930" t="s">
        <v>5918</v>
      </c>
    </row>
    <row r="5931" spans="1:4" x14ac:dyDescent="0.4">
      <c r="A5931">
        <v>3470008</v>
      </c>
      <c r="B5931" t="s">
        <v>1636</v>
      </c>
      <c r="C5931" t="s">
        <v>5897</v>
      </c>
      <c r="D5931" t="s">
        <v>5919</v>
      </c>
    </row>
    <row r="5932" spans="1:4" x14ac:dyDescent="0.4">
      <c r="A5932">
        <v>3470019</v>
      </c>
      <c r="B5932" t="s">
        <v>1636</v>
      </c>
      <c r="C5932" t="s">
        <v>5897</v>
      </c>
      <c r="D5932" t="s">
        <v>5920</v>
      </c>
    </row>
    <row r="5933" spans="1:4" x14ac:dyDescent="0.4">
      <c r="A5933">
        <v>3470032</v>
      </c>
      <c r="B5933" t="s">
        <v>1636</v>
      </c>
      <c r="C5933" t="s">
        <v>5897</v>
      </c>
      <c r="D5933" t="s">
        <v>5921</v>
      </c>
    </row>
    <row r="5934" spans="1:4" x14ac:dyDescent="0.4">
      <c r="A5934">
        <v>3470016</v>
      </c>
      <c r="B5934" t="s">
        <v>1636</v>
      </c>
      <c r="C5934" t="s">
        <v>5897</v>
      </c>
      <c r="D5934" t="s">
        <v>5922</v>
      </c>
    </row>
    <row r="5935" spans="1:4" x14ac:dyDescent="0.4">
      <c r="A5935">
        <v>3470018</v>
      </c>
      <c r="B5935" t="s">
        <v>1636</v>
      </c>
      <c r="C5935" t="s">
        <v>5897</v>
      </c>
      <c r="D5935" t="s">
        <v>5602</v>
      </c>
    </row>
    <row r="5936" spans="1:4" x14ac:dyDescent="0.4">
      <c r="A5936">
        <v>3470046</v>
      </c>
      <c r="B5936" t="s">
        <v>1636</v>
      </c>
      <c r="C5936" t="s">
        <v>5897</v>
      </c>
      <c r="D5936" t="s">
        <v>5923</v>
      </c>
    </row>
    <row r="5937" spans="1:4" x14ac:dyDescent="0.4">
      <c r="A5937">
        <v>3470045</v>
      </c>
      <c r="B5937" t="s">
        <v>1636</v>
      </c>
      <c r="C5937" t="s">
        <v>5897</v>
      </c>
      <c r="D5937" t="s">
        <v>1605</v>
      </c>
    </row>
    <row r="5938" spans="1:4" x14ac:dyDescent="0.4">
      <c r="A5938">
        <v>3470054</v>
      </c>
      <c r="B5938" t="s">
        <v>1636</v>
      </c>
      <c r="C5938" t="s">
        <v>5897</v>
      </c>
      <c r="D5938" t="s">
        <v>5924</v>
      </c>
    </row>
    <row r="5939" spans="1:4" x14ac:dyDescent="0.4">
      <c r="A5939">
        <v>3470021</v>
      </c>
      <c r="B5939" t="s">
        <v>1636</v>
      </c>
      <c r="C5939" t="s">
        <v>5897</v>
      </c>
      <c r="D5939" t="s">
        <v>5925</v>
      </c>
    </row>
    <row r="5940" spans="1:4" x14ac:dyDescent="0.4">
      <c r="A5940">
        <v>3470004</v>
      </c>
      <c r="B5940" t="s">
        <v>1636</v>
      </c>
      <c r="C5940" t="s">
        <v>5897</v>
      </c>
      <c r="D5940" t="s">
        <v>4691</v>
      </c>
    </row>
    <row r="5941" spans="1:4" x14ac:dyDescent="0.4">
      <c r="A5941">
        <v>3470066</v>
      </c>
      <c r="B5941" t="s">
        <v>1636</v>
      </c>
      <c r="C5941" t="s">
        <v>5897</v>
      </c>
      <c r="D5941" t="s">
        <v>403</v>
      </c>
    </row>
    <row r="5942" spans="1:4" x14ac:dyDescent="0.4">
      <c r="A5942">
        <v>3470052</v>
      </c>
      <c r="B5942" t="s">
        <v>1636</v>
      </c>
      <c r="C5942" t="s">
        <v>5897</v>
      </c>
      <c r="D5942" t="s">
        <v>5926</v>
      </c>
    </row>
    <row r="5943" spans="1:4" x14ac:dyDescent="0.4">
      <c r="A5943">
        <v>3470022</v>
      </c>
      <c r="B5943" t="s">
        <v>1636</v>
      </c>
      <c r="C5943" t="s">
        <v>5897</v>
      </c>
      <c r="D5943" t="s">
        <v>5927</v>
      </c>
    </row>
    <row r="5944" spans="1:4" x14ac:dyDescent="0.4">
      <c r="A5944">
        <v>3470015</v>
      </c>
      <c r="B5944" t="s">
        <v>1636</v>
      </c>
      <c r="C5944" t="s">
        <v>5897</v>
      </c>
      <c r="D5944" t="s">
        <v>5928</v>
      </c>
    </row>
    <row r="5945" spans="1:4" x14ac:dyDescent="0.4">
      <c r="A5945">
        <v>3470028</v>
      </c>
      <c r="B5945" t="s">
        <v>1636</v>
      </c>
      <c r="C5945" t="s">
        <v>5897</v>
      </c>
      <c r="D5945" t="s">
        <v>5929</v>
      </c>
    </row>
    <row r="5946" spans="1:4" x14ac:dyDescent="0.4">
      <c r="A5946">
        <v>3470017</v>
      </c>
      <c r="B5946" t="s">
        <v>1636</v>
      </c>
      <c r="C5946" t="s">
        <v>5897</v>
      </c>
      <c r="D5946" t="s">
        <v>5930</v>
      </c>
    </row>
    <row r="5947" spans="1:4" x14ac:dyDescent="0.4">
      <c r="A5947">
        <v>3470031</v>
      </c>
      <c r="B5947" t="s">
        <v>1636</v>
      </c>
      <c r="C5947" t="s">
        <v>5897</v>
      </c>
      <c r="D5947" t="s">
        <v>1615</v>
      </c>
    </row>
    <row r="5948" spans="1:4" x14ac:dyDescent="0.4">
      <c r="A5948">
        <v>3470067</v>
      </c>
      <c r="B5948" t="s">
        <v>1636</v>
      </c>
      <c r="C5948" t="s">
        <v>5897</v>
      </c>
      <c r="D5948" t="s">
        <v>5931</v>
      </c>
    </row>
    <row r="5949" spans="1:4" x14ac:dyDescent="0.4">
      <c r="A5949">
        <v>3470062</v>
      </c>
      <c r="B5949" t="s">
        <v>1636</v>
      </c>
      <c r="C5949" t="s">
        <v>5897</v>
      </c>
      <c r="D5949" t="s">
        <v>5932</v>
      </c>
    </row>
    <row r="5950" spans="1:4" x14ac:dyDescent="0.4">
      <c r="A5950">
        <v>3470043</v>
      </c>
      <c r="B5950" t="s">
        <v>1636</v>
      </c>
      <c r="C5950" t="s">
        <v>5897</v>
      </c>
      <c r="D5950" t="s">
        <v>5933</v>
      </c>
    </row>
    <row r="5951" spans="1:4" x14ac:dyDescent="0.4">
      <c r="A5951">
        <v>3470065</v>
      </c>
      <c r="B5951" t="s">
        <v>1636</v>
      </c>
      <c r="C5951" t="s">
        <v>5897</v>
      </c>
      <c r="D5951" t="s">
        <v>1841</v>
      </c>
    </row>
    <row r="5952" spans="1:4" x14ac:dyDescent="0.4">
      <c r="A5952">
        <v>3470026</v>
      </c>
      <c r="B5952" t="s">
        <v>1636</v>
      </c>
      <c r="C5952" t="s">
        <v>5897</v>
      </c>
      <c r="D5952" t="s">
        <v>5934</v>
      </c>
    </row>
    <row r="5953" spans="1:4" x14ac:dyDescent="0.4">
      <c r="A5953">
        <v>3470044</v>
      </c>
      <c r="B5953" t="s">
        <v>1636</v>
      </c>
      <c r="C5953" t="s">
        <v>5897</v>
      </c>
      <c r="D5953" t="s">
        <v>5935</v>
      </c>
    </row>
    <row r="5954" spans="1:4" x14ac:dyDescent="0.4">
      <c r="A5954">
        <v>3470025</v>
      </c>
      <c r="B5954" t="s">
        <v>1636</v>
      </c>
      <c r="C5954" t="s">
        <v>5897</v>
      </c>
      <c r="D5954" t="s">
        <v>5936</v>
      </c>
    </row>
    <row r="5955" spans="1:4" x14ac:dyDescent="0.4">
      <c r="A5955">
        <v>3670000</v>
      </c>
      <c r="B5955" t="s">
        <v>1636</v>
      </c>
      <c r="C5955" t="s">
        <v>5937</v>
      </c>
    </row>
    <row r="5956" spans="1:4" x14ac:dyDescent="0.4">
      <c r="A5956">
        <v>3670026</v>
      </c>
      <c r="B5956" t="s">
        <v>1636</v>
      </c>
      <c r="C5956" t="s">
        <v>5937</v>
      </c>
      <c r="D5956" t="s">
        <v>3387</v>
      </c>
    </row>
    <row r="5957" spans="1:4" x14ac:dyDescent="0.4">
      <c r="A5957">
        <v>3670075</v>
      </c>
      <c r="B5957" t="s">
        <v>1636</v>
      </c>
      <c r="C5957" t="s">
        <v>5937</v>
      </c>
      <c r="D5957" t="s">
        <v>590</v>
      </c>
    </row>
    <row r="5958" spans="1:4" x14ac:dyDescent="0.4">
      <c r="A5958">
        <v>3670027</v>
      </c>
      <c r="B5958" t="s">
        <v>1636</v>
      </c>
      <c r="C5958" t="s">
        <v>5937</v>
      </c>
      <c r="D5958" t="s">
        <v>5938</v>
      </c>
    </row>
    <row r="5959" spans="1:4" x14ac:dyDescent="0.4">
      <c r="A5959">
        <v>3670036</v>
      </c>
      <c r="B5959" t="s">
        <v>1636</v>
      </c>
      <c r="C5959" t="s">
        <v>5937</v>
      </c>
      <c r="D5959" t="s">
        <v>2009</v>
      </c>
    </row>
    <row r="5960" spans="1:4" x14ac:dyDescent="0.4">
      <c r="A5960">
        <v>3670038</v>
      </c>
      <c r="B5960" t="s">
        <v>1636</v>
      </c>
      <c r="C5960" t="s">
        <v>5937</v>
      </c>
      <c r="D5960" t="s">
        <v>5939</v>
      </c>
    </row>
    <row r="5961" spans="1:4" x14ac:dyDescent="0.4">
      <c r="A5961">
        <v>3670016</v>
      </c>
      <c r="B5961" t="s">
        <v>1636</v>
      </c>
      <c r="C5961" t="s">
        <v>5937</v>
      </c>
      <c r="D5961" t="s">
        <v>5940</v>
      </c>
    </row>
    <row r="5962" spans="1:4" x14ac:dyDescent="0.4">
      <c r="A5962">
        <v>3670041</v>
      </c>
      <c r="B5962" t="s">
        <v>1636</v>
      </c>
      <c r="C5962" t="s">
        <v>5937</v>
      </c>
      <c r="D5962" t="s">
        <v>5941</v>
      </c>
    </row>
    <row r="5963" spans="1:4" x14ac:dyDescent="0.4">
      <c r="A5963">
        <v>3670061</v>
      </c>
      <c r="B5963" t="s">
        <v>1636</v>
      </c>
      <c r="C5963" t="s">
        <v>5937</v>
      </c>
      <c r="D5963" t="s">
        <v>838</v>
      </c>
    </row>
    <row r="5964" spans="1:4" x14ac:dyDescent="0.4">
      <c r="A5964">
        <v>3670062</v>
      </c>
      <c r="B5964" t="s">
        <v>1636</v>
      </c>
      <c r="C5964" t="s">
        <v>5937</v>
      </c>
      <c r="D5964" t="s">
        <v>5942</v>
      </c>
    </row>
    <row r="5965" spans="1:4" x14ac:dyDescent="0.4">
      <c r="A5965">
        <v>3670045</v>
      </c>
      <c r="B5965" t="s">
        <v>1636</v>
      </c>
      <c r="C5965" t="s">
        <v>5937</v>
      </c>
      <c r="D5965" t="s">
        <v>3828</v>
      </c>
    </row>
    <row r="5966" spans="1:4" x14ac:dyDescent="0.4">
      <c r="A5966">
        <v>3670007</v>
      </c>
      <c r="B5966" t="s">
        <v>1636</v>
      </c>
      <c r="C5966" t="s">
        <v>5937</v>
      </c>
      <c r="D5966" t="s">
        <v>5943</v>
      </c>
    </row>
    <row r="5967" spans="1:4" x14ac:dyDescent="0.4">
      <c r="A5967">
        <v>3670031</v>
      </c>
      <c r="B5967" t="s">
        <v>1636</v>
      </c>
      <c r="C5967" t="s">
        <v>5937</v>
      </c>
      <c r="D5967" t="s">
        <v>5944</v>
      </c>
    </row>
    <row r="5968" spans="1:4" x14ac:dyDescent="0.4">
      <c r="A5968">
        <v>3670037</v>
      </c>
      <c r="B5968" t="s">
        <v>1636</v>
      </c>
      <c r="C5968" t="s">
        <v>5937</v>
      </c>
      <c r="D5968" t="s">
        <v>5945</v>
      </c>
    </row>
    <row r="5969" spans="1:4" x14ac:dyDescent="0.4">
      <c r="A5969">
        <v>3670052</v>
      </c>
      <c r="B5969" t="s">
        <v>1636</v>
      </c>
      <c r="C5969" t="s">
        <v>5937</v>
      </c>
      <c r="D5969" t="s">
        <v>1100</v>
      </c>
    </row>
    <row r="5970" spans="1:4" x14ac:dyDescent="0.4">
      <c r="A5970">
        <v>3670005</v>
      </c>
      <c r="B5970" t="s">
        <v>1636</v>
      </c>
      <c r="C5970" t="s">
        <v>5937</v>
      </c>
      <c r="D5970" t="s">
        <v>5946</v>
      </c>
    </row>
    <row r="5971" spans="1:4" x14ac:dyDescent="0.4">
      <c r="A5971">
        <v>3670032</v>
      </c>
      <c r="B5971" t="s">
        <v>1636</v>
      </c>
      <c r="C5971" t="s">
        <v>5937</v>
      </c>
      <c r="D5971" t="s">
        <v>5947</v>
      </c>
    </row>
    <row r="5972" spans="1:4" x14ac:dyDescent="0.4">
      <c r="A5972">
        <v>1076124</v>
      </c>
      <c r="B5972" t="s">
        <v>815</v>
      </c>
      <c r="C5972" t="s">
        <v>818</v>
      </c>
      <c r="D5972" t="s">
        <v>5948</v>
      </c>
    </row>
    <row r="5973" spans="1:4" x14ac:dyDescent="0.4">
      <c r="A5973">
        <v>1076125</v>
      </c>
      <c r="B5973" t="s">
        <v>815</v>
      </c>
      <c r="C5973" t="s">
        <v>818</v>
      </c>
      <c r="D5973" t="s">
        <v>5949</v>
      </c>
    </row>
    <row r="5974" spans="1:4" x14ac:dyDescent="0.4">
      <c r="A5974">
        <v>1076126</v>
      </c>
      <c r="B5974" t="s">
        <v>815</v>
      </c>
      <c r="C5974" t="s">
        <v>818</v>
      </c>
      <c r="D5974" t="s">
        <v>5950</v>
      </c>
    </row>
    <row r="5975" spans="1:4" x14ac:dyDescent="0.4">
      <c r="A5975">
        <v>1076127</v>
      </c>
      <c r="B5975" t="s">
        <v>815</v>
      </c>
      <c r="C5975" t="s">
        <v>818</v>
      </c>
      <c r="D5975" t="s">
        <v>5951</v>
      </c>
    </row>
    <row r="5976" spans="1:4" x14ac:dyDescent="0.4">
      <c r="A5976">
        <v>1076128</v>
      </c>
      <c r="B5976" t="s">
        <v>815</v>
      </c>
      <c r="C5976" t="s">
        <v>818</v>
      </c>
      <c r="D5976" t="s">
        <v>5952</v>
      </c>
    </row>
    <row r="5977" spans="1:4" x14ac:dyDescent="0.4">
      <c r="A5977">
        <v>1076129</v>
      </c>
      <c r="B5977" t="s">
        <v>815</v>
      </c>
      <c r="C5977" t="s">
        <v>818</v>
      </c>
      <c r="D5977" t="s">
        <v>5953</v>
      </c>
    </row>
    <row r="5978" spans="1:4" x14ac:dyDescent="0.4">
      <c r="A5978">
        <v>1076130</v>
      </c>
      <c r="B5978" t="s">
        <v>815</v>
      </c>
      <c r="C5978" t="s">
        <v>818</v>
      </c>
      <c r="D5978" t="s">
        <v>5954</v>
      </c>
    </row>
    <row r="5979" spans="1:4" x14ac:dyDescent="0.4">
      <c r="A5979">
        <v>1076390</v>
      </c>
      <c r="B5979" t="s">
        <v>815</v>
      </c>
      <c r="C5979" t="s">
        <v>818</v>
      </c>
      <c r="D5979" t="s">
        <v>5955</v>
      </c>
    </row>
    <row r="5980" spans="1:4" x14ac:dyDescent="0.4">
      <c r="A5980">
        <v>1076301</v>
      </c>
      <c r="B5980" t="s">
        <v>815</v>
      </c>
      <c r="C5980" t="s">
        <v>818</v>
      </c>
      <c r="D5980" t="s">
        <v>5956</v>
      </c>
    </row>
    <row r="5981" spans="1:4" x14ac:dyDescent="0.4">
      <c r="A5981">
        <v>1076302</v>
      </c>
      <c r="B5981" t="s">
        <v>815</v>
      </c>
      <c r="C5981" t="s">
        <v>818</v>
      </c>
      <c r="D5981" t="s">
        <v>5957</v>
      </c>
    </row>
    <row r="5982" spans="1:4" x14ac:dyDescent="0.4">
      <c r="A5982">
        <v>1076303</v>
      </c>
      <c r="B5982" t="s">
        <v>815</v>
      </c>
      <c r="C5982" t="s">
        <v>818</v>
      </c>
      <c r="D5982" t="s">
        <v>5958</v>
      </c>
    </row>
    <row r="5983" spans="1:4" x14ac:dyDescent="0.4">
      <c r="A5983">
        <v>1076304</v>
      </c>
      <c r="B5983" t="s">
        <v>815</v>
      </c>
      <c r="C5983" t="s">
        <v>818</v>
      </c>
      <c r="D5983" t="s">
        <v>5959</v>
      </c>
    </row>
    <row r="5984" spans="1:4" x14ac:dyDescent="0.4">
      <c r="A5984">
        <v>1076305</v>
      </c>
      <c r="B5984" t="s">
        <v>815</v>
      </c>
      <c r="C5984" t="s">
        <v>818</v>
      </c>
      <c r="D5984" t="s">
        <v>5960</v>
      </c>
    </row>
    <row r="5985" spans="1:4" x14ac:dyDescent="0.4">
      <c r="A5985">
        <v>1076306</v>
      </c>
      <c r="B5985" t="s">
        <v>815</v>
      </c>
      <c r="C5985" t="s">
        <v>818</v>
      </c>
      <c r="D5985" t="s">
        <v>5961</v>
      </c>
    </row>
    <row r="5986" spans="1:4" x14ac:dyDescent="0.4">
      <c r="A5986">
        <v>1076307</v>
      </c>
      <c r="B5986" t="s">
        <v>815</v>
      </c>
      <c r="C5986" t="s">
        <v>818</v>
      </c>
      <c r="D5986" t="s">
        <v>5962</v>
      </c>
    </row>
    <row r="5987" spans="1:4" x14ac:dyDescent="0.4">
      <c r="A5987">
        <v>1076308</v>
      </c>
      <c r="B5987" t="s">
        <v>815</v>
      </c>
      <c r="C5987" t="s">
        <v>818</v>
      </c>
      <c r="D5987" t="s">
        <v>5963</v>
      </c>
    </row>
    <row r="5988" spans="1:4" x14ac:dyDescent="0.4">
      <c r="A5988">
        <v>1076309</v>
      </c>
      <c r="B5988" t="s">
        <v>815</v>
      </c>
      <c r="C5988" t="s">
        <v>818</v>
      </c>
      <c r="D5988" t="s">
        <v>5964</v>
      </c>
    </row>
    <row r="5989" spans="1:4" x14ac:dyDescent="0.4">
      <c r="A5989">
        <v>1076310</v>
      </c>
      <c r="B5989" t="s">
        <v>815</v>
      </c>
      <c r="C5989" t="s">
        <v>818</v>
      </c>
      <c r="D5989" t="s">
        <v>5965</v>
      </c>
    </row>
    <row r="5990" spans="1:4" x14ac:dyDescent="0.4">
      <c r="A5990">
        <v>1076311</v>
      </c>
      <c r="B5990" t="s">
        <v>815</v>
      </c>
      <c r="C5990" t="s">
        <v>818</v>
      </c>
      <c r="D5990" t="s">
        <v>5966</v>
      </c>
    </row>
    <row r="5991" spans="1:4" x14ac:dyDescent="0.4">
      <c r="A5991">
        <v>1076312</v>
      </c>
      <c r="B5991" t="s">
        <v>815</v>
      </c>
      <c r="C5991" t="s">
        <v>818</v>
      </c>
      <c r="D5991" t="s">
        <v>5967</v>
      </c>
    </row>
    <row r="5992" spans="1:4" x14ac:dyDescent="0.4">
      <c r="A5992">
        <v>1076313</v>
      </c>
      <c r="B5992" t="s">
        <v>815</v>
      </c>
      <c r="C5992" t="s">
        <v>818</v>
      </c>
      <c r="D5992" t="s">
        <v>5968</v>
      </c>
    </row>
    <row r="5993" spans="1:4" x14ac:dyDescent="0.4">
      <c r="A5993">
        <v>1076314</v>
      </c>
      <c r="B5993" t="s">
        <v>815</v>
      </c>
      <c r="C5993" t="s">
        <v>818</v>
      </c>
      <c r="D5993" t="s">
        <v>5969</v>
      </c>
    </row>
    <row r="5994" spans="1:4" x14ac:dyDescent="0.4">
      <c r="A5994">
        <v>1076315</v>
      </c>
      <c r="B5994" t="s">
        <v>815</v>
      </c>
      <c r="C5994" t="s">
        <v>818</v>
      </c>
      <c r="D5994" t="s">
        <v>5970</v>
      </c>
    </row>
    <row r="5995" spans="1:4" x14ac:dyDescent="0.4">
      <c r="A5995">
        <v>1076316</v>
      </c>
      <c r="B5995" t="s">
        <v>815</v>
      </c>
      <c r="C5995" t="s">
        <v>818</v>
      </c>
      <c r="D5995" t="s">
        <v>5971</v>
      </c>
    </row>
    <row r="5996" spans="1:4" x14ac:dyDescent="0.4">
      <c r="A5996">
        <v>1076317</v>
      </c>
      <c r="B5996" t="s">
        <v>815</v>
      </c>
      <c r="C5996" t="s">
        <v>818</v>
      </c>
      <c r="D5996" t="s">
        <v>5972</v>
      </c>
    </row>
    <row r="5997" spans="1:4" x14ac:dyDescent="0.4">
      <c r="A5997">
        <v>1076318</v>
      </c>
      <c r="B5997" t="s">
        <v>815</v>
      </c>
      <c r="C5997" t="s">
        <v>818</v>
      </c>
      <c r="D5997" t="s">
        <v>5973</v>
      </c>
    </row>
    <row r="5998" spans="1:4" x14ac:dyDescent="0.4">
      <c r="A5998">
        <v>1076319</v>
      </c>
      <c r="B5998" t="s">
        <v>815</v>
      </c>
      <c r="C5998" t="s">
        <v>818</v>
      </c>
      <c r="D5998" t="s">
        <v>5974</v>
      </c>
    </row>
    <row r="5999" spans="1:4" x14ac:dyDescent="0.4">
      <c r="A5999">
        <v>1076320</v>
      </c>
      <c r="B5999" t="s">
        <v>815</v>
      </c>
      <c r="C5999" t="s">
        <v>818</v>
      </c>
      <c r="D5999" t="s">
        <v>5975</v>
      </c>
    </row>
    <row r="6000" spans="1:4" x14ac:dyDescent="0.4">
      <c r="A6000">
        <v>1076321</v>
      </c>
      <c r="B6000" t="s">
        <v>815</v>
      </c>
      <c r="C6000" t="s">
        <v>818</v>
      </c>
      <c r="D6000" t="s">
        <v>5976</v>
      </c>
    </row>
    <row r="6001" spans="1:4" x14ac:dyDescent="0.4">
      <c r="A6001">
        <v>1076322</v>
      </c>
      <c r="B6001" t="s">
        <v>815</v>
      </c>
      <c r="C6001" t="s">
        <v>818</v>
      </c>
      <c r="D6001" t="s">
        <v>5977</v>
      </c>
    </row>
    <row r="6002" spans="1:4" x14ac:dyDescent="0.4">
      <c r="A6002">
        <v>1076323</v>
      </c>
      <c r="B6002" t="s">
        <v>815</v>
      </c>
      <c r="C6002" t="s">
        <v>818</v>
      </c>
      <c r="D6002" t="s">
        <v>5978</v>
      </c>
    </row>
    <row r="6003" spans="1:4" x14ac:dyDescent="0.4">
      <c r="A6003">
        <v>1076324</v>
      </c>
      <c r="B6003" t="s">
        <v>815</v>
      </c>
      <c r="C6003" t="s">
        <v>818</v>
      </c>
      <c r="D6003" t="s">
        <v>5979</v>
      </c>
    </row>
    <row r="6004" spans="1:4" x14ac:dyDescent="0.4">
      <c r="A6004">
        <v>1076325</v>
      </c>
      <c r="B6004" t="s">
        <v>815</v>
      </c>
      <c r="C6004" t="s">
        <v>818</v>
      </c>
      <c r="D6004" t="s">
        <v>5980</v>
      </c>
    </row>
    <row r="6005" spans="1:4" x14ac:dyDescent="0.4">
      <c r="A6005">
        <v>1076326</v>
      </c>
      <c r="B6005" t="s">
        <v>815</v>
      </c>
      <c r="C6005" t="s">
        <v>818</v>
      </c>
      <c r="D6005" t="s">
        <v>5981</v>
      </c>
    </row>
    <row r="6006" spans="1:4" x14ac:dyDescent="0.4">
      <c r="A6006">
        <v>1076327</v>
      </c>
      <c r="B6006" t="s">
        <v>815</v>
      </c>
      <c r="C6006" t="s">
        <v>818</v>
      </c>
      <c r="D6006" t="s">
        <v>5982</v>
      </c>
    </row>
    <row r="6007" spans="1:4" x14ac:dyDescent="0.4">
      <c r="A6007">
        <v>1076328</v>
      </c>
      <c r="B6007" t="s">
        <v>815</v>
      </c>
      <c r="C6007" t="s">
        <v>818</v>
      </c>
      <c r="D6007" t="s">
        <v>5983</v>
      </c>
    </row>
    <row r="6008" spans="1:4" x14ac:dyDescent="0.4">
      <c r="A6008">
        <v>1076329</v>
      </c>
      <c r="B6008" t="s">
        <v>815</v>
      </c>
      <c r="C6008" t="s">
        <v>818</v>
      </c>
      <c r="D6008" t="s">
        <v>5984</v>
      </c>
    </row>
    <row r="6009" spans="1:4" x14ac:dyDescent="0.4">
      <c r="A6009">
        <v>1076330</v>
      </c>
      <c r="B6009" t="s">
        <v>815</v>
      </c>
      <c r="C6009" t="s">
        <v>818</v>
      </c>
      <c r="D6009" t="s">
        <v>5985</v>
      </c>
    </row>
    <row r="6010" spans="1:4" x14ac:dyDescent="0.4">
      <c r="A6010">
        <v>1076331</v>
      </c>
      <c r="B6010" t="s">
        <v>815</v>
      </c>
      <c r="C6010" t="s">
        <v>818</v>
      </c>
      <c r="D6010" t="s">
        <v>5986</v>
      </c>
    </row>
    <row r="6011" spans="1:4" x14ac:dyDescent="0.4">
      <c r="A6011">
        <v>1076332</v>
      </c>
      <c r="B6011" t="s">
        <v>815</v>
      </c>
      <c r="C6011" t="s">
        <v>818</v>
      </c>
      <c r="D6011" t="s">
        <v>5987</v>
      </c>
    </row>
    <row r="6012" spans="1:4" x14ac:dyDescent="0.4">
      <c r="A6012">
        <v>1076333</v>
      </c>
      <c r="B6012" t="s">
        <v>815</v>
      </c>
      <c r="C6012" t="s">
        <v>818</v>
      </c>
      <c r="D6012" t="s">
        <v>5988</v>
      </c>
    </row>
    <row r="6013" spans="1:4" x14ac:dyDescent="0.4">
      <c r="A6013">
        <v>1076334</v>
      </c>
      <c r="B6013" t="s">
        <v>815</v>
      </c>
      <c r="C6013" t="s">
        <v>818</v>
      </c>
      <c r="D6013" t="s">
        <v>5989</v>
      </c>
    </row>
    <row r="6014" spans="1:4" x14ac:dyDescent="0.4">
      <c r="A6014">
        <v>1076335</v>
      </c>
      <c r="B6014" t="s">
        <v>815</v>
      </c>
      <c r="C6014" t="s">
        <v>818</v>
      </c>
      <c r="D6014" t="s">
        <v>5990</v>
      </c>
    </row>
    <row r="6015" spans="1:4" x14ac:dyDescent="0.4">
      <c r="A6015">
        <v>1076336</v>
      </c>
      <c r="B6015" t="s">
        <v>815</v>
      </c>
      <c r="C6015" t="s">
        <v>818</v>
      </c>
      <c r="D6015" t="s">
        <v>5991</v>
      </c>
    </row>
    <row r="6016" spans="1:4" x14ac:dyDescent="0.4">
      <c r="A6016">
        <v>1076337</v>
      </c>
      <c r="B6016" t="s">
        <v>815</v>
      </c>
      <c r="C6016" t="s">
        <v>818</v>
      </c>
      <c r="D6016" t="s">
        <v>5992</v>
      </c>
    </row>
    <row r="6017" spans="1:4" x14ac:dyDescent="0.4">
      <c r="A6017">
        <v>1076338</v>
      </c>
      <c r="B6017" t="s">
        <v>815</v>
      </c>
      <c r="C6017" t="s">
        <v>818</v>
      </c>
      <c r="D6017" t="s">
        <v>5993</v>
      </c>
    </row>
    <row r="6018" spans="1:4" x14ac:dyDescent="0.4">
      <c r="A6018">
        <v>1076339</v>
      </c>
      <c r="B6018" t="s">
        <v>815</v>
      </c>
      <c r="C6018" t="s">
        <v>818</v>
      </c>
      <c r="D6018" t="s">
        <v>5994</v>
      </c>
    </row>
    <row r="6019" spans="1:4" x14ac:dyDescent="0.4">
      <c r="A6019">
        <v>1076290</v>
      </c>
      <c r="B6019" t="s">
        <v>815</v>
      </c>
      <c r="C6019" t="s">
        <v>818</v>
      </c>
      <c r="D6019" t="s">
        <v>5995</v>
      </c>
    </row>
    <row r="6020" spans="1:4" x14ac:dyDescent="0.4">
      <c r="A6020">
        <v>1076201</v>
      </c>
      <c r="B6020" t="s">
        <v>815</v>
      </c>
      <c r="C6020" t="s">
        <v>818</v>
      </c>
      <c r="D6020" t="s">
        <v>5996</v>
      </c>
    </row>
    <row r="6021" spans="1:4" x14ac:dyDescent="0.4">
      <c r="A6021">
        <v>1076202</v>
      </c>
      <c r="B6021" t="s">
        <v>815</v>
      </c>
      <c r="C6021" t="s">
        <v>818</v>
      </c>
      <c r="D6021" t="s">
        <v>5997</v>
      </c>
    </row>
    <row r="6022" spans="1:4" x14ac:dyDescent="0.4">
      <c r="A6022">
        <v>1076203</v>
      </c>
      <c r="B6022" t="s">
        <v>815</v>
      </c>
      <c r="C6022" t="s">
        <v>818</v>
      </c>
      <c r="D6022" t="s">
        <v>5998</v>
      </c>
    </row>
    <row r="6023" spans="1:4" x14ac:dyDescent="0.4">
      <c r="A6023">
        <v>1076204</v>
      </c>
      <c r="B6023" t="s">
        <v>815</v>
      </c>
      <c r="C6023" t="s">
        <v>818</v>
      </c>
      <c r="D6023" t="s">
        <v>5999</v>
      </c>
    </row>
    <row r="6024" spans="1:4" x14ac:dyDescent="0.4">
      <c r="A6024">
        <v>1076205</v>
      </c>
      <c r="B6024" t="s">
        <v>815</v>
      </c>
      <c r="C6024" t="s">
        <v>818</v>
      </c>
      <c r="D6024" t="s">
        <v>6000</v>
      </c>
    </row>
    <row r="6025" spans="1:4" x14ac:dyDescent="0.4">
      <c r="A6025">
        <v>1076206</v>
      </c>
      <c r="B6025" t="s">
        <v>815</v>
      </c>
      <c r="C6025" t="s">
        <v>818</v>
      </c>
      <c r="D6025" t="s">
        <v>6001</v>
      </c>
    </row>
    <row r="6026" spans="1:4" x14ac:dyDescent="0.4">
      <c r="A6026">
        <v>1076207</v>
      </c>
      <c r="B6026" t="s">
        <v>815</v>
      </c>
      <c r="C6026" t="s">
        <v>818</v>
      </c>
      <c r="D6026" t="s">
        <v>6002</v>
      </c>
    </row>
    <row r="6027" spans="1:4" x14ac:dyDescent="0.4">
      <c r="A6027">
        <v>1076208</v>
      </c>
      <c r="B6027" t="s">
        <v>815</v>
      </c>
      <c r="C6027" t="s">
        <v>818</v>
      </c>
      <c r="D6027" t="s">
        <v>6003</v>
      </c>
    </row>
    <row r="6028" spans="1:4" x14ac:dyDescent="0.4">
      <c r="A6028">
        <v>1076209</v>
      </c>
      <c r="B6028" t="s">
        <v>815</v>
      </c>
      <c r="C6028" t="s">
        <v>818</v>
      </c>
      <c r="D6028" t="s">
        <v>6004</v>
      </c>
    </row>
    <row r="6029" spans="1:4" x14ac:dyDescent="0.4">
      <c r="A6029">
        <v>1076210</v>
      </c>
      <c r="B6029" t="s">
        <v>815</v>
      </c>
      <c r="C6029" t="s">
        <v>818</v>
      </c>
      <c r="D6029" t="s">
        <v>6005</v>
      </c>
    </row>
    <row r="6030" spans="1:4" x14ac:dyDescent="0.4">
      <c r="A6030">
        <v>1076211</v>
      </c>
      <c r="B6030" t="s">
        <v>815</v>
      </c>
      <c r="C6030" t="s">
        <v>818</v>
      </c>
      <c r="D6030" t="s">
        <v>6006</v>
      </c>
    </row>
    <row r="6031" spans="1:4" x14ac:dyDescent="0.4">
      <c r="A6031">
        <v>1076212</v>
      </c>
      <c r="B6031" t="s">
        <v>815</v>
      </c>
      <c r="C6031" t="s">
        <v>818</v>
      </c>
      <c r="D6031" t="s">
        <v>6007</v>
      </c>
    </row>
    <row r="6032" spans="1:4" x14ac:dyDescent="0.4">
      <c r="A6032">
        <v>1076213</v>
      </c>
      <c r="B6032" t="s">
        <v>815</v>
      </c>
      <c r="C6032" t="s">
        <v>818</v>
      </c>
      <c r="D6032" t="s">
        <v>6008</v>
      </c>
    </row>
    <row r="6033" spans="1:4" x14ac:dyDescent="0.4">
      <c r="A6033">
        <v>1076214</v>
      </c>
      <c r="B6033" t="s">
        <v>815</v>
      </c>
      <c r="C6033" t="s">
        <v>818</v>
      </c>
      <c r="D6033" t="s">
        <v>6009</v>
      </c>
    </row>
    <row r="6034" spans="1:4" x14ac:dyDescent="0.4">
      <c r="A6034">
        <v>1076215</v>
      </c>
      <c r="B6034" t="s">
        <v>815</v>
      </c>
      <c r="C6034" t="s">
        <v>818</v>
      </c>
      <c r="D6034" t="s">
        <v>6010</v>
      </c>
    </row>
    <row r="6035" spans="1:4" x14ac:dyDescent="0.4">
      <c r="A6035">
        <v>3670042</v>
      </c>
      <c r="B6035" t="s">
        <v>1636</v>
      </c>
      <c r="C6035" t="s">
        <v>5937</v>
      </c>
      <c r="D6035" t="s">
        <v>6011</v>
      </c>
    </row>
    <row r="6036" spans="1:4" x14ac:dyDescent="0.4">
      <c r="A6036">
        <v>3430042</v>
      </c>
      <c r="B6036" t="s">
        <v>1636</v>
      </c>
      <c r="C6036" t="s">
        <v>4314</v>
      </c>
      <c r="D6036" t="s">
        <v>6012</v>
      </c>
    </row>
    <row r="6037" spans="1:4" x14ac:dyDescent="0.4">
      <c r="A6037">
        <v>3430041</v>
      </c>
      <c r="B6037" t="s">
        <v>1636</v>
      </c>
      <c r="C6037" t="s">
        <v>4314</v>
      </c>
      <c r="D6037" t="s">
        <v>6013</v>
      </c>
    </row>
    <row r="6038" spans="1:4" x14ac:dyDescent="0.4">
      <c r="A6038">
        <v>3430825</v>
      </c>
      <c r="B6038" t="s">
        <v>1636</v>
      </c>
      <c r="C6038" t="s">
        <v>4314</v>
      </c>
      <c r="D6038" t="s">
        <v>6014</v>
      </c>
    </row>
    <row r="6039" spans="1:4" x14ac:dyDescent="0.4">
      <c r="A6039">
        <v>3430013</v>
      </c>
      <c r="B6039" t="s">
        <v>1636</v>
      </c>
      <c r="C6039" t="s">
        <v>4314</v>
      </c>
      <c r="D6039" t="s">
        <v>192</v>
      </c>
    </row>
    <row r="6040" spans="1:4" x14ac:dyDescent="0.4">
      <c r="A6040">
        <v>3430817</v>
      </c>
      <c r="B6040" t="s">
        <v>1636</v>
      </c>
      <c r="C6040" t="s">
        <v>4314</v>
      </c>
      <c r="D6040" t="s">
        <v>1585</v>
      </c>
    </row>
    <row r="6041" spans="1:4" x14ac:dyDescent="0.4">
      <c r="A6041">
        <v>3430853</v>
      </c>
      <c r="B6041" t="s">
        <v>1636</v>
      </c>
      <c r="C6041" t="s">
        <v>4314</v>
      </c>
      <c r="D6041" t="s">
        <v>4604</v>
      </c>
    </row>
    <row r="6042" spans="1:4" x14ac:dyDescent="0.4">
      <c r="A6042">
        <v>3430855</v>
      </c>
      <c r="B6042" t="s">
        <v>1636</v>
      </c>
      <c r="C6042" t="s">
        <v>4314</v>
      </c>
      <c r="D6042" t="s">
        <v>1413</v>
      </c>
    </row>
    <row r="6043" spans="1:4" x14ac:dyDescent="0.4">
      <c r="A6043">
        <v>3430822</v>
      </c>
      <c r="B6043" t="s">
        <v>1636</v>
      </c>
      <c r="C6043" t="s">
        <v>4314</v>
      </c>
      <c r="D6043" t="s">
        <v>6015</v>
      </c>
    </row>
    <row r="6044" spans="1:4" x14ac:dyDescent="0.4">
      <c r="A6044">
        <v>3430801</v>
      </c>
      <c r="B6044" t="s">
        <v>1636</v>
      </c>
      <c r="C6044" t="s">
        <v>4314</v>
      </c>
      <c r="D6044" t="s">
        <v>6016</v>
      </c>
    </row>
    <row r="6045" spans="1:4" x14ac:dyDescent="0.4">
      <c r="A6045">
        <v>3430846</v>
      </c>
      <c r="B6045" t="s">
        <v>1636</v>
      </c>
      <c r="C6045" t="s">
        <v>4314</v>
      </c>
      <c r="D6045" t="s">
        <v>6017</v>
      </c>
    </row>
    <row r="6046" spans="1:4" x14ac:dyDescent="0.4">
      <c r="A6046">
        <v>3430015</v>
      </c>
      <c r="B6046" t="s">
        <v>1636</v>
      </c>
      <c r="C6046" t="s">
        <v>4314</v>
      </c>
      <c r="D6046" t="s">
        <v>6018</v>
      </c>
    </row>
    <row r="6047" spans="1:4" x14ac:dyDescent="0.4">
      <c r="A6047">
        <v>3430022</v>
      </c>
      <c r="B6047" t="s">
        <v>1636</v>
      </c>
      <c r="C6047" t="s">
        <v>4314</v>
      </c>
      <c r="D6047" t="s">
        <v>6019</v>
      </c>
    </row>
    <row r="6048" spans="1:4" x14ac:dyDescent="0.4">
      <c r="A6048">
        <v>3430023</v>
      </c>
      <c r="B6048" t="s">
        <v>1636</v>
      </c>
      <c r="C6048" t="s">
        <v>4314</v>
      </c>
      <c r="D6048" t="s">
        <v>6020</v>
      </c>
    </row>
    <row r="6049" spans="1:4" x14ac:dyDescent="0.4">
      <c r="A6049">
        <v>3430814</v>
      </c>
      <c r="B6049" t="s">
        <v>1636</v>
      </c>
      <c r="C6049" t="s">
        <v>4314</v>
      </c>
      <c r="D6049" t="s">
        <v>6021</v>
      </c>
    </row>
    <row r="6050" spans="1:4" x14ac:dyDescent="0.4">
      <c r="A6050">
        <v>3430002</v>
      </c>
      <c r="B6050" t="s">
        <v>1636</v>
      </c>
      <c r="C6050" t="s">
        <v>4314</v>
      </c>
      <c r="D6050" t="s">
        <v>4022</v>
      </c>
    </row>
    <row r="6051" spans="1:4" x14ac:dyDescent="0.4">
      <c r="A6051">
        <v>3430001</v>
      </c>
      <c r="B6051" t="s">
        <v>1636</v>
      </c>
      <c r="C6051" t="s">
        <v>4314</v>
      </c>
      <c r="D6051" t="s">
        <v>6022</v>
      </c>
    </row>
    <row r="6052" spans="1:4" x14ac:dyDescent="0.4">
      <c r="A6052">
        <v>3430032</v>
      </c>
      <c r="B6052" t="s">
        <v>1636</v>
      </c>
      <c r="C6052" t="s">
        <v>4314</v>
      </c>
      <c r="D6052" t="s">
        <v>6023</v>
      </c>
    </row>
    <row r="6053" spans="1:4" x14ac:dyDescent="0.4">
      <c r="A6053">
        <v>3430003</v>
      </c>
      <c r="B6053" t="s">
        <v>1636</v>
      </c>
      <c r="C6053" t="s">
        <v>4314</v>
      </c>
      <c r="D6053" t="s">
        <v>6024</v>
      </c>
    </row>
    <row r="6054" spans="1:4" x14ac:dyDescent="0.4">
      <c r="A6054">
        <v>3430011</v>
      </c>
      <c r="B6054" t="s">
        <v>1636</v>
      </c>
      <c r="C6054" t="s">
        <v>4314</v>
      </c>
      <c r="D6054" t="s">
        <v>6025</v>
      </c>
    </row>
    <row r="6055" spans="1:4" x14ac:dyDescent="0.4">
      <c r="A6055">
        <v>3430012</v>
      </c>
      <c r="B6055" t="s">
        <v>1636</v>
      </c>
      <c r="C6055" t="s">
        <v>4314</v>
      </c>
      <c r="D6055" t="s">
        <v>6026</v>
      </c>
    </row>
    <row r="6056" spans="1:4" x14ac:dyDescent="0.4">
      <c r="A6056">
        <v>3430804</v>
      </c>
      <c r="B6056" t="s">
        <v>1636</v>
      </c>
      <c r="C6056" t="s">
        <v>4314</v>
      </c>
      <c r="D6056" t="s">
        <v>6027</v>
      </c>
    </row>
    <row r="6057" spans="1:4" x14ac:dyDescent="0.4">
      <c r="A6057">
        <v>3430845</v>
      </c>
      <c r="B6057" t="s">
        <v>1636</v>
      </c>
      <c r="C6057" t="s">
        <v>4314</v>
      </c>
      <c r="D6057" t="s">
        <v>6028</v>
      </c>
    </row>
    <row r="6058" spans="1:4" x14ac:dyDescent="0.4">
      <c r="A6058">
        <v>3430832</v>
      </c>
      <c r="B6058" t="s">
        <v>1636</v>
      </c>
      <c r="C6058" t="s">
        <v>4314</v>
      </c>
      <c r="D6058" t="s">
        <v>1615</v>
      </c>
    </row>
    <row r="6059" spans="1:4" x14ac:dyDescent="0.4">
      <c r="A6059">
        <v>3430014</v>
      </c>
      <c r="B6059" t="s">
        <v>1636</v>
      </c>
      <c r="C6059" t="s">
        <v>4314</v>
      </c>
      <c r="D6059" t="s">
        <v>398</v>
      </c>
    </row>
    <row r="6060" spans="1:4" x14ac:dyDescent="0.4">
      <c r="A6060">
        <v>3430806</v>
      </c>
      <c r="B6060" t="s">
        <v>1636</v>
      </c>
      <c r="C6060" t="s">
        <v>4314</v>
      </c>
      <c r="D6060" t="s">
        <v>5844</v>
      </c>
    </row>
    <row r="6061" spans="1:4" x14ac:dyDescent="0.4">
      <c r="A6061">
        <v>3430007</v>
      </c>
      <c r="B6061" t="s">
        <v>1636</v>
      </c>
      <c r="C6061" t="s">
        <v>4314</v>
      </c>
      <c r="D6061" t="s">
        <v>6029</v>
      </c>
    </row>
    <row r="6062" spans="1:4" x14ac:dyDescent="0.4">
      <c r="A6062">
        <v>3430815</v>
      </c>
      <c r="B6062" t="s">
        <v>1636</v>
      </c>
      <c r="C6062" t="s">
        <v>4314</v>
      </c>
      <c r="D6062" t="s">
        <v>6030</v>
      </c>
    </row>
    <row r="6063" spans="1:4" x14ac:dyDescent="0.4">
      <c r="A6063">
        <v>3430046</v>
      </c>
      <c r="B6063" t="s">
        <v>1636</v>
      </c>
      <c r="C6063" t="s">
        <v>4314</v>
      </c>
      <c r="D6063" t="s">
        <v>6031</v>
      </c>
    </row>
    <row r="6064" spans="1:4" x14ac:dyDescent="0.4">
      <c r="A6064">
        <v>3430047</v>
      </c>
      <c r="B6064" t="s">
        <v>1636</v>
      </c>
      <c r="C6064" t="s">
        <v>4314</v>
      </c>
      <c r="D6064" t="s">
        <v>6032</v>
      </c>
    </row>
    <row r="6065" spans="1:4" x14ac:dyDescent="0.4">
      <c r="A6065">
        <v>3430856</v>
      </c>
      <c r="B6065" t="s">
        <v>1636</v>
      </c>
      <c r="C6065" t="s">
        <v>4314</v>
      </c>
      <c r="D6065" t="s">
        <v>6033</v>
      </c>
    </row>
    <row r="6066" spans="1:4" x14ac:dyDescent="0.4">
      <c r="A6066">
        <v>3430812</v>
      </c>
      <c r="B6066" t="s">
        <v>1636</v>
      </c>
      <c r="C6066" t="s">
        <v>4314</v>
      </c>
      <c r="D6066" t="s">
        <v>2529</v>
      </c>
    </row>
    <row r="6067" spans="1:4" x14ac:dyDescent="0.4">
      <c r="A6067">
        <v>3430816</v>
      </c>
      <c r="B6067" t="s">
        <v>1636</v>
      </c>
      <c r="C6067" t="s">
        <v>4314</v>
      </c>
      <c r="D6067" t="s">
        <v>518</v>
      </c>
    </row>
    <row r="6068" spans="1:4" x14ac:dyDescent="0.4">
      <c r="A6068">
        <v>3430824</v>
      </c>
      <c r="B6068" t="s">
        <v>1636</v>
      </c>
      <c r="C6068" t="s">
        <v>4314</v>
      </c>
      <c r="D6068" t="s">
        <v>6034</v>
      </c>
    </row>
    <row r="6069" spans="1:4" x14ac:dyDescent="0.4">
      <c r="A6069">
        <v>3350000</v>
      </c>
      <c r="B6069" t="s">
        <v>1636</v>
      </c>
      <c r="C6069" t="s">
        <v>6035</v>
      </c>
    </row>
    <row r="6070" spans="1:4" x14ac:dyDescent="0.4">
      <c r="A6070">
        <v>3350001</v>
      </c>
      <c r="B6070" t="s">
        <v>1636</v>
      </c>
      <c r="C6070" t="s">
        <v>6035</v>
      </c>
      <c r="D6070" t="s">
        <v>3548</v>
      </c>
    </row>
    <row r="6071" spans="1:4" x14ac:dyDescent="0.4">
      <c r="A6071">
        <v>3350004</v>
      </c>
      <c r="B6071" t="s">
        <v>1636</v>
      </c>
      <c r="C6071" t="s">
        <v>6035</v>
      </c>
      <c r="D6071" t="s">
        <v>184</v>
      </c>
    </row>
    <row r="6072" spans="1:4" x14ac:dyDescent="0.4">
      <c r="A6072">
        <v>3350002</v>
      </c>
      <c r="B6072" t="s">
        <v>1636</v>
      </c>
      <c r="C6072" t="s">
        <v>6035</v>
      </c>
      <c r="D6072" t="s">
        <v>6036</v>
      </c>
    </row>
    <row r="6073" spans="1:4" x14ac:dyDescent="0.4">
      <c r="A6073">
        <v>3350005</v>
      </c>
      <c r="B6073" t="s">
        <v>1636</v>
      </c>
      <c r="C6073" t="s">
        <v>6035</v>
      </c>
      <c r="D6073" t="s">
        <v>3142</v>
      </c>
    </row>
    <row r="6074" spans="1:4" x14ac:dyDescent="0.4">
      <c r="A6074">
        <v>3350003</v>
      </c>
      <c r="B6074" t="s">
        <v>1636</v>
      </c>
      <c r="C6074" t="s">
        <v>6035</v>
      </c>
      <c r="D6074" t="s">
        <v>1615</v>
      </c>
    </row>
    <row r="6075" spans="1:4" x14ac:dyDescent="0.4">
      <c r="A6075">
        <v>3350000</v>
      </c>
      <c r="B6075" t="s">
        <v>1636</v>
      </c>
      <c r="C6075" t="s">
        <v>6037</v>
      </c>
    </row>
    <row r="6076" spans="1:4" x14ac:dyDescent="0.4">
      <c r="A6076">
        <v>3350022</v>
      </c>
      <c r="B6076" t="s">
        <v>1636</v>
      </c>
      <c r="C6076" t="s">
        <v>6037</v>
      </c>
      <c r="D6076" t="s">
        <v>6038</v>
      </c>
    </row>
    <row r="6077" spans="1:4" x14ac:dyDescent="0.4">
      <c r="A6077">
        <v>3350015</v>
      </c>
      <c r="B6077" t="s">
        <v>1636</v>
      </c>
      <c r="C6077" t="s">
        <v>6037</v>
      </c>
      <c r="D6077" t="s">
        <v>6039</v>
      </c>
    </row>
    <row r="6078" spans="1:4" x14ac:dyDescent="0.4">
      <c r="A6078">
        <v>3350013</v>
      </c>
      <c r="B6078" t="s">
        <v>1636</v>
      </c>
      <c r="C6078" t="s">
        <v>6037</v>
      </c>
      <c r="D6078" t="s">
        <v>6040</v>
      </c>
    </row>
    <row r="6079" spans="1:4" x14ac:dyDescent="0.4">
      <c r="A6079">
        <v>3350014</v>
      </c>
      <c r="B6079" t="s">
        <v>1636</v>
      </c>
      <c r="C6079" t="s">
        <v>6037</v>
      </c>
      <c r="D6079" t="s">
        <v>6041</v>
      </c>
    </row>
    <row r="6080" spans="1:4" x14ac:dyDescent="0.4">
      <c r="A6080">
        <v>3350034</v>
      </c>
      <c r="B6080" t="s">
        <v>1636</v>
      </c>
      <c r="C6080" t="s">
        <v>6037</v>
      </c>
      <c r="D6080" t="s">
        <v>6042</v>
      </c>
    </row>
    <row r="6081" spans="1:4" x14ac:dyDescent="0.4">
      <c r="A6081">
        <v>3350035</v>
      </c>
      <c r="B6081" t="s">
        <v>1636</v>
      </c>
      <c r="C6081" t="s">
        <v>6037</v>
      </c>
      <c r="D6081" t="s">
        <v>6043</v>
      </c>
    </row>
    <row r="6082" spans="1:4" x14ac:dyDescent="0.4">
      <c r="A6082">
        <v>3350033</v>
      </c>
      <c r="B6082" t="s">
        <v>1636</v>
      </c>
      <c r="C6082" t="s">
        <v>6037</v>
      </c>
      <c r="D6082" t="s">
        <v>6044</v>
      </c>
    </row>
    <row r="6083" spans="1:4" x14ac:dyDescent="0.4">
      <c r="A6083">
        <v>3350037</v>
      </c>
      <c r="B6083" t="s">
        <v>1636</v>
      </c>
      <c r="C6083" t="s">
        <v>6037</v>
      </c>
      <c r="D6083" t="s">
        <v>6045</v>
      </c>
    </row>
    <row r="6084" spans="1:4" x14ac:dyDescent="0.4">
      <c r="A6084">
        <v>3350011</v>
      </c>
      <c r="B6084" t="s">
        <v>1636</v>
      </c>
      <c r="C6084" t="s">
        <v>6037</v>
      </c>
      <c r="D6084" t="s">
        <v>6046</v>
      </c>
    </row>
    <row r="6085" spans="1:4" x14ac:dyDescent="0.4">
      <c r="A6085">
        <v>3350016</v>
      </c>
      <c r="B6085" t="s">
        <v>1636</v>
      </c>
      <c r="C6085" t="s">
        <v>6037</v>
      </c>
      <c r="D6085" t="s">
        <v>6047</v>
      </c>
    </row>
    <row r="6086" spans="1:4" x14ac:dyDescent="0.4">
      <c r="A6086">
        <v>3350024</v>
      </c>
      <c r="B6086" t="s">
        <v>1636</v>
      </c>
      <c r="C6086" t="s">
        <v>6037</v>
      </c>
      <c r="D6086" t="s">
        <v>6048</v>
      </c>
    </row>
    <row r="6087" spans="1:4" x14ac:dyDescent="0.4">
      <c r="A6087">
        <v>3350012</v>
      </c>
      <c r="B6087" t="s">
        <v>1636</v>
      </c>
      <c r="C6087" t="s">
        <v>6037</v>
      </c>
      <c r="D6087" t="s">
        <v>1585</v>
      </c>
    </row>
    <row r="6088" spans="1:4" x14ac:dyDescent="0.4">
      <c r="A6088">
        <v>3350021</v>
      </c>
      <c r="B6088" t="s">
        <v>1636</v>
      </c>
      <c r="C6088" t="s">
        <v>6037</v>
      </c>
      <c r="D6088" t="s">
        <v>6049</v>
      </c>
    </row>
    <row r="6089" spans="1:4" x14ac:dyDescent="0.4">
      <c r="A6089">
        <v>3350026</v>
      </c>
      <c r="B6089" t="s">
        <v>1636</v>
      </c>
      <c r="C6089" t="s">
        <v>6037</v>
      </c>
      <c r="D6089" t="s">
        <v>6050</v>
      </c>
    </row>
    <row r="6090" spans="1:4" x14ac:dyDescent="0.4">
      <c r="A6090">
        <v>3350036</v>
      </c>
      <c r="B6090" t="s">
        <v>1636</v>
      </c>
      <c r="C6090" t="s">
        <v>6037</v>
      </c>
      <c r="D6090" t="s">
        <v>6051</v>
      </c>
    </row>
    <row r="6091" spans="1:4" x14ac:dyDescent="0.4">
      <c r="A6091">
        <v>3350027</v>
      </c>
      <c r="B6091" t="s">
        <v>1636</v>
      </c>
      <c r="C6091" t="s">
        <v>6037</v>
      </c>
      <c r="D6091" t="s">
        <v>1692</v>
      </c>
    </row>
    <row r="6092" spans="1:4" x14ac:dyDescent="0.4">
      <c r="A6092">
        <v>3350031</v>
      </c>
      <c r="B6092" t="s">
        <v>1636</v>
      </c>
      <c r="C6092" t="s">
        <v>6037</v>
      </c>
      <c r="D6092" t="s">
        <v>6052</v>
      </c>
    </row>
    <row r="6093" spans="1:4" x14ac:dyDescent="0.4">
      <c r="A6093">
        <v>3350032</v>
      </c>
      <c r="B6093" t="s">
        <v>1636</v>
      </c>
      <c r="C6093" t="s">
        <v>6037</v>
      </c>
      <c r="D6093" t="s">
        <v>6053</v>
      </c>
    </row>
    <row r="6094" spans="1:4" x14ac:dyDescent="0.4">
      <c r="A6094">
        <v>3350023</v>
      </c>
      <c r="B6094" t="s">
        <v>1636</v>
      </c>
      <c r="C6094" t="s">
        <v>6037</v>
      </c>
      <c r="D6094" t="s">
        <v>403</v>
      </c>
    </row>
    <row r="6095" spans="1:4" x14ac:dyDescent="0.4">
      <c r="A6095">
        <v>3350025</v>
      </c>
      <c r="B6095" t="s">
        <v>1636</v>
      </c>
      <c r="C6095" t="s">
        <v>6037</v>
      </c>
      <c r="D6095" t="s">
        <v>1615</v>
      </c>
    </row>
    <row r="6096" spans="1:4" x14ac:dyDescent="0.4">
      <c r="A6096">
        <v>3580000</v>
      </c>
      <c r="B6096" t="s">
        <v>1636</v>
      </c>
      <c r="C6096" t="s">
        <v>4316</v>
      </c>
    </row>
    <row r="6097" spans="1:4" x14ac:dyDescent="0.4">
      <c r="A6097">
        <v>3580002</v>
      </c>
      <c r="B6097" t="s">
        <v>1636</v>
      </c>
      <c r="C6097" t="s">
        <v>4316</v>
      </c>
      <c r="D6097" t="s">
        <v>1526</v>
      </c>
    </row>
    <row r="6098" spans="1:4" x14ac:dyDescent="0.4">
      <c r="A6098">
        <v>3580031</v>
      </c>
      <c r="B6098" t="s">
        <v>1636</v>
      </c>
      <c r="C6098" t="s">
        <v>4316</v>
      </c>
      <c r="D6098" t="s">
        <v>6054</v>
      </c>
    </row>
    <row r="6099" spans="1:4" x14ac:dyDescent="0.4">
      <c r="A6099">
        <v>3580027</v>
      </c>
      <c r="B6099" t="s">
        <v>1636</v>
      </c>
      <c r="C6099" t="s">
        <v>4316</v>
      </c>
      <c r="D6099" t="s">
        <v>6055</v>
      </c>
    </row>
    <row r="6100" spans="1:4" x14ac:dyDescent="0.4">
      <c r="A6100">
        <v>3580051</v>
      </c>
      <c r="B6100" t="s">
        <v>1636</v>
      </c>
      <c r="C6100" t="s">
        <v>4316</v>
      </c>
      <c r="D6100" t="s">
        <v>6056</v>
      </c>
    </row>
    <row r="6101" spans="1:4" x14ac:dyDescent="0.4">
      <c r="A6101">
        <v>3580023</v>
      </c>
      <c r="B6101" t="s">
        <v>1636</v>
      </c>
      <c r="C6101" t="s">
        <v>4316</v>
      </c>
      <c r="D6101" t="s">
        <v>6057</v>
      </c>
    </row>
    <row r="6102" spans="1:4" x14ac:dyDescent="0.4">
      <c r="A6102">
        <v>3580022</v>
      </c>
      <c r="B6102" t="s">
        <v>1636</v>
      </c>
      <c r="C6102" t="s">
        <v>4316</v>
      </c>
      <c r="D6102" t="s">
        <v>6058</v>
      </c>
    </row>
    <row r="6103" spans="1:4" x14ac:dyDescent="0.4">
      <c r="A6103">
        <v>3580004</v>
      </c>
      <c r="B6103" t="s">
        <v>1636</v>
      </c>
      <c r="C6103" t="s">
        <v>4316</v>
      </c>
      <c r="D6103" t="s">
        <v>6059</v>
      </c>
    </row>
    <row r="6104" spans="1:4" x14ac:dyDescent="0.4">
      <c r="A6104">
        <v>3580006</v>
      </c>
      <c r="B6104" t="s">
        <v>1636</v>
      </c>
      <c r="C6104" t="s">
        <v>4316</v>
      </c>
      <c r="D6104" t="s">
        <v>3605</v>
      </c>
    </row>
    <row r="6105" spans="1:4" x14ac:dyDescent="0.4">
      <c r="A6105">
        <v>3580048</v>
      </c>
      <c r="B6105" t="s">
        <v>1636</v>
      </c>
      <c r="C6105" t="s">
        <v>4316</v>
      </c>
      <c r="D6105" t="s">
        <v>6060</v>
      </c>
    </row>
    <row r="6106" spans="1:4" x14ac:dyDescent="0.4">
      <c r="A6106">
        <v>3580013</v>
      </c>
      <c r="B6106" t="s">
        <v>1636</v>
      </c>
      <c r="C6106" t="s">
        <v>4316</v>
      </c>
      <c r="D6106" t="s">
        <v>6061</v>
      </c>
    </row>
    <row r="6107" spans="1:4" x14ac:dyDescent="0.4">
      <c r="A6107">
        <v>3580042</v>
      </c>
      <c r="B6107" t="s">
        <v>1636</v>
      </c>
      <c r="C6107" t="s">
        <v>4316</v>
      </c>
      <c r="D6107" t="s">
        <v>6062</v>
      </c>
    </row>
    <row r="6108" spans="1:4" x14ac:dyDescent="0.4">
      <c r="A6108">
        <v>3580008</v>
      </c>
      <c r="B6108" t="s">
        <v>1636</v>
      </c>
      <c r="C6108" t="s">
        <v>4316</v>
      </c>
      <c r="D6108" t="s">
        <v>4844</v>
      </c>
    </row>
    <row r="6109" spans="1:4" x14ac:dyDescent="0.4">
      <c r="A6109">
        <v>3580024</v>
      </c>
      <c r="B6109" t="s">
        <v>1636</v>
      </c>
      <c r="C6109" t="s">
        <v>4316</v>
      </c>
      <c r="D6109" t="s">
        <v>6063</v>
      </c>
    </row>
    <row r="6110" spans="1:4" x14ac:dyDescent="0.4">
      <c r="A6110">
        <v>3580007</v>
      </c>
      <c r="B6110" t="s">
        <v>1636</v>
      </c>
      <c r="C6110" t="s">
        <v>4316</v>
      </c>
      <c r="D6110" t="s">
        <v>6064</v>
      </c>
    </row>
    <row r="6111" spans="1:4" x14ac:dyDescent="0.4">
      <c r="A6111">
        <v>3580001</v>
      </c>
      <c r="B6111" t="s">
        <v>1636</v>
      </c>
      <c r="C6111" t="s">
        <v>4316</v>
      </c>
      <c r="D6111" t="s">
        <v>6065</v>
      </c>
    </row>
    <row r="6112" spans="1:4" x14ac:dyDescent="0.4">
      <c r="A6112">
        <v>3580017</v>
      </c>
      <c r="B6112" t="s">
        <v>1636</v>
      </c>
      <c r="C6112" t="s">
        <v>4316</v>
      </c>
      <c r="D6112" t="s">
        <v>6066</v>
      </c>
    </row>
    <row r="6113" spans="1:4" x14ac:dyDescent="0.4">
      <c r="A6113">
        <v>3580026</v>
      </c>
      <c r="B6113" t="s">
        <v>1636</v>
      </c>
      <c r="C6113" t="s">
        <v>4316</v>
      </c>
      <c r="D6113" t="s">
        <v>3893</v>
      </c>
    </row>
    <row r="6114" spans="1:4" x14ac:dyDescent="0.4">
      <c r="A6114">
        <v>3580032</v>
      </c>
      <c r="B6114" t="s">
        <v>1636</v>
      </c>
      <c r="C6114" t="s">
        <v>4316</v>
      </c>
      <c r="D6114" t="s">
        <v>6067</v>
      </c>
    </row>
    <row r="6115" spans="1:4" x14ac:dyDescent="0.4">
      <c r="A6115">
        <v>3580033</v>
      </c>
      <c r="B6115" t="s">
        <v>1636</v>
      </c>
      <c r="C6115" t="s">
        <v>4316</v>
      </c>
      <c r="D6115" t="s">
        <v>6068</v>
      </c>
    </row>
    <row r="6116" spans="1:4" x14ac:dyDescent="0.4">
      <c r="A6116">
        <v>3580011</v>
      </c>
      <c r="B6116" t="s">
        <v>1636</v>
      </c>
      <c r="C6116" t="s">
        <v>4316</v>
      </c>
      <c r="D6116" t="s">
        <v>6069</v>
      </c>
    </row>
    <row r="6117" spans="1:4" x14ac:dyDescent="0.4">
      <c r="A6117">
        <v>3670044</v>
      </c>
      <c r="B6117" t="s">
        <v>1636</v>
      </c>
      <c r="C6117" t="s">
        <v>5937</v>
      </c>
      <c r="D6117" t="s">
        <v>6070</v>
      </c>
    </row>
    <row r="6118" spans="1:4" x14ac:dyDescent="0.4">
      <c r="A6118">
        <v>3670213</v>
      </c>
      <c r="B6118" t="s">
        <v>1636</v>
      </c>
      <c r="C6118" t="s">
        <v>5937</v>
      </c>
      <c r="D6118" t="s">
        <v>6071</v>
      </c>
    </row>
    <row r="6119" spans="1:4" x14ac:dyDescent="0.4">
      <c r="A6119">
        <v>3670225</v>
      </c>
      <c r="B6119" t="s">
        <v>1636</v>
      </c>
      <c r="C6119" t="s">
        <v>5937</v>
      </c>
      <c r="D6119" t="s">
        <v>6072</v>
      </c>
    </row>
    <row r="6120" spans="1:4" x14ac:dyDescent="0.4">
      <c r="A6120">
        <v>3670251</v>
      </c>
      <c r="B6120" t="s">
        <v>1636</v>
      </c>
      <c r="C6120" t="s">
        <v>5937</v>
      </c>
      <c r="D6120" t="s">
        <v>6073</v>
      </c>
    </row>
    <row r="6121" spans="1:4" x14ac:dyDescent="0.4">
      <c r="A6121">
        <v>3670203</v>
      </c>
      <c r="B6121" t="s">
        <v>1636</v>
      </c>
      <c r="C6121" t="s">
        <v>5937</v>
      </c>
      <c r="D6121" t="s">
        <v>6074</v>
      </c>
    </row>
    <row r="6122" spans="1:4" x14ac:dyDescent="0.4">
      <c r="A6122">
        <v>3670254</v>
      </c>
      <c r="B6122" t="s">
        <v>1636</v>
      </c>
      <c r="C6122" t="s">
        <v>5937</v>
      </c>
      <c r="D6122" t="s">
        <v>6075</v>
      </c>
    </row>
    <row r="6123" spans="1:4" x14ac:dyDescent="0.4">
      <c r="A6123">
        <v>3670216</v>
      </c>
      <c r="B6123" t="s">
        <v>1636</v>
      </c>
      <c r="C6123" t="s">
        <v>5937</v>
      </c>
      <c r="D6123" t="s">
        <v>6076</v>
      </c>
    </row>
    <row r="6124" spans="1:4" x14ac:dyDescent="0.4">
      <c r="A6124">
        <v>3670205</v>
      </c>
      <c r="B6124" t="s">
        <v>1636</v>
      </c>
      <c r="C6124" t="s">
        <v>5937</v>
      </c>
      <c r="D6124" t="s">
        <v>6077</v>
      </c>
    </row>
    <row r="6125" spans="1:4" x14ac:dyDescent="0.4">
      <c r="A6125">
        <v>3670211</v>
      </c>
      <c r="B6125" t="s">
        <v>1636</v>
      </c>
      <c r="C6125" t="s">
        <v>5937</v>
      </c>
      <c r="D6125" t="s">
        <v>6078</v>
      </c>
    </row>
    <row r="6126" spans="1:4" x14ac:dyDescent="0.4">
      <c r="A6126">
        <v>3670206</v>
      </c>
      <c r="B6126" t="s">
        <v>1636</v>
      </c>
      <c r="C6126" t="s">
        <v>5937</v>
      </c>
      <c r="D6126" t="s">
        <v>6079</v>
      </c>
    </row>
    <row r="6127" spans="1:4" x14ac:dyDescent="0.4">
      <c r="A6127">
        <v>3670252</v>
      </c>
      <c r="B6127" t="s">
        <v>1636</v>
      </c>
      <c r="C6127" t="s">
        <v>5937</v>
      </c>
      <c r="D6127" t="s">
        <v>6080</v>
      </c>
    </row>
    <row r="6128" spans="1:4" x14ac:dyDescent="0.4">
      <c r="A6128">
        <v>3670253</v>
      </c>
      <c r="B6128" t="s">
        <v>1636</v>
      </c>
      <c r="C6128" t="s">
        <v>5937</v>
      </c>
      <c r="D6128" t="s">
        <v>6081</v>
      </c>
    </row>
    <row r="6129" spans="1:4" x14ac:dyDescent="0.4">
      <c r="A6129">
        <v>3670214</v>
      </c>
      <c r="B6129" t="s">
        <v>1636</v>
      </c>
      <c r="C6129" t="s">
        <v>5937</v>
      </c>
      <c r="D6129" t="s">
        <v>6082</v>
      </c>
    </row>
    <row r="6130" spans="1:4" x14ac:dyDescent="0.4">
      <c r="A6130">
        <v>3670212</v>
      </c>
      <c r="B6130" t="s">
        <v>1636</v>
      </c>
      <c r="C6130" t="s">
        <v>5937</v>
      </c>
      <c r="D6130" t="s">
        <v>6083</v>
      </c>
    </row>
    <row r="6131" spans="1:4" x14ac:dyDescent="0.4">
      <c r="A6131">
        <v>3670223</v>
      </c>
      <c r="B6131" t="s">
        <v>1636</v>
      </c>
      <c r="C6131" t="s">
        <v>5937</v>
      </c>
      <c r="D6131" t="s">
        <v>6084</v>
      </c>
    </row>
    <row r="6132" spans="1:4" x14ac:dyDescent="0.4">
      <c r="A6132">
        <v>3670202</v>
      </c>
      <c r="B6132" t="s">
        <v>1636</v>
      </c>
      <c r="C6132" t="s">
        <v>5937</v>
      </c>
      <c r="D6132" t="s">
        <v>6085</v>
      </c>
    </row>
    <row r="6133" spans="1:4" x14ac:dyDescent="0.4">
      <c r="A6133">
        <v>3670207</v>
      </c>
      <c r="B6133" t="s">
        <v>1636</v>
      </c>
      <c r="C6133" t="s">
        <v>5937</v>
      </c>
      <c r="D6133" t="s">
        <v>6086</v>
      </c>
    </row>
    <row r="6134" spans="1:4" x14ac:dyDescent="0.4">
      <c r="A6134">
        <v>3670201</v>
      </c>
      <c r="B6134" t="s">
        <v>1636</v>
      </c>
      <c r="C6134" t="s">
        <v>5937</v>
      </c>
      <c r="D6134" t="s">
        <v>6087</v>
      </c>
    </row>
    <row r="6135" spans="1:4" x14ac:dyDescent="0.4">
      <c r="A6135">
        <v>3670224</v>
      </c>
      <c r="B6135" t="s">
        <v>1636</v>
      </c>
      <c r="C6135" t="s">
        <v>5937</v>
      </c>
      <c r="D6135" t="s">
        <v>6088</v>
      </c>
    </row>
    <row r="6136" spans="1:4" x14ac:dyDescent="0.4">
      <c r="A6136">
        <v>3670222</v>
      </c>
      <c r="B6136" t="s">
        <v>1636</v>
      </c>
      <c r="C6136" t="s">
        <v>5937</v>
      </c>
      <c r="D6136" t="s">
        <v>6089</v>
      </c>
    </row>
    <row r="6137" spans="1:4" x14ac:dyDescent="0.4">
      <c r="A6137">
        <v>3670215</v>
      </c>
      <c r="B6137" t="s">
        <v>1636</v>
      </c>
      <c r="C6137" t="s">
        <v>5937</v>
      </c>
      <c r="D6137" t="s">
        <v>6090</v>
      </c>
    </row>
    <row r="6138" spans="1:4" x14ac:dyDescent="0.4">
      <c r="A6138">
        <v>3670217</v>
      </c>
      <c r="B6138" t="s">
        <v>1636</v>
      </c>
      <c r="C6138" t="s">
        <v>5937</v>
      </c>
      <c r="D6138" t="s">
        <v>6091</v>
      </c>
    </row>
    <row r="6139" spans="1:4" x14ac:dyDescent="0.4">
      <c r="A6139">
        <v>3670204</v>
      </c>
      <c r="B6139" t="s">
        <v>1636</v>
      </c>
      <c r="C6139" t="s">
        <v>5937</v>
      </c>
      <c r="D6139" t="s">
        <v>6092</v>
      </c>
    </row>
    <row r="6140" spans="1:4" x14ac:dyDescent="0.4">
      <c r="A6140">
        <v>3670221</v>
      </c>
      <c r="B6140" t="s">
        <v>1636</v>
      </c>
      <c r="C6140" t="s">
        <v>5937</v>
      </c>
      <c r="D6140" t="s">
        <v>6093</v>
      </c>
    </row>
    <row r="6141" spans="1:4" x14ac:dyDescent="0.4">
      <c r="A6141">
        <v>3670226</v>
      </c>
      <c r="B6141" t="s">
        <v>1636</v>
      </c>
      <c r="C6141" t="s">
        <v>5937</v>
      </c>
      <c r="D6141" t="s">
        <v>6094</v>
      </c>
    </row>
    <row r="6142" spans="1:4" x14ac:dyDescent="0.4">
      <c r="A6142">
        <v>3670023</v>
      </c>
      <c r="B6142" t="s">
        <v>1636</v>
      </c>
      <c r="C6142" t="s">
        <v>5937</v>
      </c>
      <c r="D6142" t="s">
        <v>728</v>
      </c>
    </row>
    <row r="6143" spans="1:4" x14ac:dyDescent="0.4">
      <c r="A6143">
        <v>3670011</v>
      </c>
      <c r="B6143" t="s">
        <v>1636</v>
      </c>
      <c r="C6143" t="s">
        <v>5937</v>
      </c>
      <c r="D6143" t="s">
        <v>6095</v>
      </c>
    </row>
    <row r="6144" spans="1:4" x14ac:dyDescent="0.4">
      <c r="A6144">
        <v>3670046</v>
      </c>
      <c r="B6144" t="s">
        <v>1636</v>
      </c>
      <c r="C6144" t="s">
        <v>5937</v>
      </c>
      <c r="D6144" t="s">
        <v>730</v>
      </c>
    </row>
    <row r="6145" spans="1:4" x14ac:dyDescent="0.4">
      <c r="A6145">
        <v>3670071</v>
      </c>
      <c r="B6145" t="s">
        <v>1636</v>
      </c>
      <c r="C6145" t="s">
        <v>5937</v>
      </c>
      <c r="D6145" t="s">
        <v>6096</v>
      </c>
    </row>
    <row r="6146" spans="1:4" x14ac:dyDescent="0.4">
      <c r="A6146">
        <v>3670039</v>
      </c>
      <c r="B6146" t="s">
        <v>1636</v>
      </c>
      <c r="C6146" t="s">
        <v>5937</v>
      </c>
      <c r="D6146" t="s">
        <v>6097</v>
      </c>
    </row>
    <row r="6147" spans="1:4" x14ac:dyDescent="0.4">
      <c r="A6147">
        <v>3670034</v>
      </c>
      <c r="B6147" t="s">
        <v>1636</v>
      </c>
      <c r="C6147" t="s">
        <v>5937</v>
      </c>
      <c r="D6147" t="s">
        <v>6098</v>
      </c>
    </row>
    <row r="6148" spans="1:4" x14ac:dyDescent="0.4">
      <c r="A6148">
        <v>3670001</v>
      </c>
      <c r="B6148" t="s">
        <v>1636</v>
      </c>
      <c r="C6148" t="s">
        <v>5937</v>
      </c>
      <c r="D6148" t="s">
        <v>6099</v>
      </c>
    </row>
    <row r="6149" spans="1:4" x14ac:dyDescent="0.4">
      <c r="A6149">
        <v>3670063</v>
      </c>
      <c r="B6149" t="s">
        <v>1636</v>
      </c>
      <c r="C6149" t="s">
        <v>5937</v>
      </c>
      <c r="D6149" t="s">
        <v>6100</v>
      </c>
    </row>
    <row r="6150" spans="1:4" x14ac:dyDescent="0.4">
      <c r="A6150">
        <v>3670074</v>
      </c>
      <c r="B6150" t="s">
        <v>1636</v>
      </c>
      <c r="C6150" t="s">
        <v>5937</v>
      </c>
      <c r="D6150" t="s">
        <v>6101</v>
      </c>
    </row>
    <row r="6151" spans="1:4" x14ac:dyDescent="0.4">
      <c r="A6151">
        <v>3670018</v>
      </c>
      <c r="B6151" t="s">
        <v>1636</v>
      </c>
      <c r="C6151" t="s">
        <v>5937</v>
      </c>
      <c r="D6151" t="s">
        <v>1569</v>
      </c>
    </row>
    <row r="6152" spans="1:4" x14ac:dyDescent="0.4">
      <c r="A6152">
        <v>3670003</v>
      </c>
      <c r="B6152" t="s">
        <v>1636</v>
      </c>
      <c r="C6152" t="s">
        <v>5937</v>
      </c>
      <c r="D6152" t="s">
        <v>1571</v>
      </c>
    </row>
    <row r="6153" spans="1:4" x14ac:dyDescent="0.4">
      <c r="A6153">
        <v>3670013</v>
      </c>
      <c r="B6153" t="s">
        <v>1636</v>
      </c>
      <c r="C6153" t="s">
        <v>5937</v>
      </c>
      <c r="D6153" t="s">
        <v>6102</v>
      </c>
    </row>
    <row r="6154" spans="1:4" x14ac:dyDescent="0.4">
      <c r="A6154">
        <v>3670006</v>
      </c>
      <c r="B6154" t="s">
        <v>1636</v>
      </c>
      <c r="C6154" t="s">
        <v>5937</v>
      </c>
      <c r="D6154" t="s">
        <v>443</v>
      </c>
    </row>
    <row r="6155" spans="1:4" x14ac:dyDescent="0.4">
      <c r="A6155">
        <v>3670053</v>
      </c>
      <c r="B6155" t="s">
        <v>1636</v>
      </c>
      <c r="C6155" t="s">
        <v>5937</v>
      </c>
      <c r="D6155" t="s">
        <v>184</v>
      </c>
    </row>
    <row r="6156" spans="1:4" x14ac:dyDescent="0.4">
      <c r="A6156">
        <v>3670054</v>
      </c>
      <c r="B6156" t="s">
        <v>1636</v>
      </c>
      <c r="C6156" t="s">
        <v>5937</v>
      </c>
      <c r="D6156" t="s">
        <v>2161</v>
      </c>
    </row>
    <row r="6157" spans="1:4" x14ac:dyDescent="0.4">
      <c r="A6157">
        <v>3670056</v>
      </c>
      <c r="B6157" t="s">
        <v>1636</v>
      </c>
      <c r="C6157" t="s">
        <v>5937</v>
      </c>
      <c r="D6157" t="s">
        <v>6103</v>
      </c>
    </row>
    <row r="6158" spans="1:4" x14ac:dyDescent="0.4">
      <c r="A6158">
        <v>3670025</v>
      </c>
      <c r="B6158" t="s">
        <v>1636</v>
      </c>
      <c r="C6158" t="s">
        <v>5937</v>
      </c>
      <c r="D6158" t="s">
        <v>6104</v>
      </c>
    </row>
    <row r="6159" spans="1:4" x14ac:dyDescent="0.4">
      <c r="A6159">
        <v>3670035</v>
      </c>
      <c r="B6159" t="s">
        <v>1636</v>
      </c>
      <c r="C6159" t="s">
        <v>5937</v>
      </c>
      <c r="D6159" t="s">
        <v>6105</v>
      </c>
    </row>
    <row r="6160" spans="1:4" x14ac:dyDescent="0.4">
      <c r="A6160">
        <v>3670002</v>
      </c>
      <c r="B6160" t="s">
        <v>1636</v>
      </c>
      <c r="C6160" t="s">
        <v>5937</v>
      </c>
      <c r="D6160" t="s">
        <v>6106</v>
      </c>
    </row>
    <row r="6161" spans="1:4" x14ac:dyDescent="0.4">
      <c r="A6161">
        <v>3670072</v>
      </c>
      <c r="B6161" t="s">
        <v>1636</v>
      </c>
      <c r="C6161" t="s">
        <v>5937</v>
      </c>
      <c r="D6161" t="s">
        <v>6107</v>
      </c>
    </row>
    <row r="6162" spans="1:4" x14ac:dyDescent="0.4">
      <c r="A6162">
        <v>3670024</v>
      </c>
      <c r="B6162" t="s">
        <v>1636</v>
      </c>
      <c r="C6162" t="s">
        <v>5937</v>
      </c>
      <c r="D6162" t="s">
        <v>6108</v>
      </c>
    </row>
    <row r="6163" spans="1:4" x14ac:dyDescent="0.4">
      <c r="A6163">
        <v>3670021</v>
      </c>
      <c r="B6163" t="s">
        <v>1636</v>
      </c>
      <c r="C6163" t="s">
        <v>5937</v>
      </c>
      <c r="D6163" t="s">
        <v>6109</v>
      </c>
    </row>
    <row r="6164" spans="1:4" x14ac:dyDescent="0.4">
      <c r="A6164">
        <v>3670033</v>
      </c>
      <c r="B6164" t="s">
        <v>1636</v>
      </c>
      <c r="C6164" t="s">
        <v>5937</v>
      </c>
      <c r="D6164" t="s">
        <v>6110</v>
      </c>
    </row>
    <row r="6165" spans="1:4" x14ac:dyDescent="0.4">
      <c r="A6165">
        <v>3670022</v>
      </c>
      <c r="B6165" t="s">
        <v>1636</v>
      </c>
      <c r="C6165" t="s">
        <v>5937</v>
      </c>
      <c r="D6165" t="s">
        <v>748</v>
      </c>
    </row>
    <row r="6166" spans="1:4" x14ac:dyDescent="0.4">
      <c r="A6166">
        <v>3670017</v>
      </c>
      <c r="B6166" t="s">
        <v>1636</v>
      </c>
      <c r="C6166" t="s">
        <v>5937</v>
      </c>
      <c r="D6166" t="s">
        <v>6111</v>
      </c>
    </row>
    <row r="6167" spans="1:4" x14ac:dyDescent="0.4">
      <c r="A6167">
        <v>3670014</v>
      </c>
      <c r="B6167" t="s">
        <v>1636</v>
      </c>
      <c r="C6167" t="s">
        <v>5937</v>
      </c>
      <c r="D6167" t="s">
        <v>6112</v>
      </c>
    </row>
    <row r="6168" spans="1:4" x14ac:dyDescent="0.4">
      <c r="A6168">
        <v>3670051</v>
      </c>
      <c r="B6168" t="s">
        <v>1636</v>
      </c>
      <c r="C6168" t="s">
        <v>5937</v>
      </c>
      <c r="D6168" t="s">
        <v>6113</v>
      </c>
    </row>
    <row r="6169" spans="1:4" x14ac:dyDescent="0.4">
      <c r="A6169">
        <v>3670047</v>
      </c>
      <c r="B6169" t="s">
        <v>1636</v>
      </c>
      <c r="C6169" t="s">
        <v>5937</v>
      </c>
      <c r="D6169" t="s">
        <v>4037</v>
      </c>
    </row>
    <row r="6170" spans="1:4" x14ac:dyDescent="0.4">
      <c r="A6170">
        <v>3670064</v>
      </c>
      <c r="B6170" t="s">
        <v>1636</v>
      </c>
      <c r="C6170" t="s">
        <v>5937</v>
      </c>
      <c r="D6170" t="s">
        <v>6114</v>
      </c>
    </row>
    <row r="6171" spans="1:4" x14ac:dyDescent="0.4">
      <c r="A6171">
        <v>3670043</v>
      </c>
      <c r="B6171" t="s">
        <v>1636</v>
      </c>
      <c r="C6171" t="s">
        <v>5937</v>
      </c>
      <c r="D6171" t="s">
        <v>757</v>
      </c>
    </row>
    <row r="6172" spans="1:4" x14ac:dyDescent="0.4">
      <c r="A6172">
        <v>3670048</v>
      </c>
      <c r="B6172" t="s">
        <v>1636</v>
      </c>
      <c r="C6172" t="s">
        <v>5937</v>
      </c>
      <c r="D6172" t="s">
        <v>659</v>
      </c>
    </row>
    <row r="6173" spans="1:4" x14ac:dyDescent="0.4">
      <c r="A6173">
        <v>3670073</v>
      </c>
      <c r="B6173" t="s">
        <v>1636</v>
      </c>
      <c r="C6173" t="s">
        <v>5937</v>
      </c>
      <c r="D6173" t="s">
        <v>6115</v>
      </c>
    </row>
    <row r="6174" spans="1:4" x14ac:dyDescent="0.4">
      <c r="A6174">
        <v>3670012</v>
      </c>
      <c r="B6174" t="s">
        <v>1636</v>
      </c>
      <c r="C6174" t="s">
        <v>5937</v>
      </c>
      <c r="D6174" t="s">
        <v>5819</v>
      </c>
    </row>
    <row r="6175" spans="1:4" x14ac:dyDescent="0.4">
      <c r="A6175">
        <v>3670015</v>
      </c>
      <c r="B6175" t="s">
        <v>1636</v>
      </c>
      <c r="C6175" t="s">
        <v>5937</v>
      </c>
      <c r="D6175" t="s">
        <v>6116</v>
      </c>
    </row>
    <row r="6176" spans="1:4" x14ac:dyDescent="0.4">
      <c r="A6176">
        <v>3670004</v>
      </c>
      <c r="B6176" t="s">
        <v>1636</v>
      </c>
      <c r="C6176" t="s">
        <v>5937</v>
      </c>
      <c r="D6176" t="s">
        <v>403</v>
      </c>
    </row>
    <row r="6177" spans="1:4" x14ac:dyDescent="0.4">
      <c r="A6177">
        <v>3670055</v>
      </c>
      <c r="B6177" t="s">
        <v>1636</v>
      </c>
      <c r="C6177" t="s">
        <v>5937</v>
      </c>
      <c r="D6177" t="s">
        <v>6117</v>
      </c>
    </row>
    <row r="6178" spans="1:4" x14ac:dyDescent="0.4">
      <c r="A6178">
        <v>3550000</v>
      </c>
      <c r="B6178" t="s">
        <v>1636</v>
      </c>
      <c r="C6178" t="s">
        <v>6118</v>
      </c>
    </row>
    <row r="6179" spans="1:4" x14ac:dyDescent="0.4">
      <c r="A6179">
        <v>3550072</v>
      </c>
      <c r="B6179" t="s">
        <v>1636</v>
      </c>
      <c r="C6179" t="s">
        <v>6118</v>
      </c>
      <c r="D6179" t="s">
        <v>6119</v>
      </c>
    </row>
    <row r="6180" spans="1:4" x14ac:dyDescent="0.4">
      <c r="A6180">
        <v>3550026</v>
      </c>
      <c r="B6180" t="s">
        <v>1636</v>
      </c>
      <c r="C6180" t="s">
        <v>6118</v>
      </c>
      <c r="D6180" t="s">
        <v>2587</v>
      </c>
    </row>
    <row r="6181" spans="1:4" x14ac:dyDescent="0.4">
      <c r="A6181">
        <v>3550006</v>
      </c>
      <c r="B6181" t="s">
        <v>1636</v>
      </c>
      <c r="C6181" t="s">
        <v>6118</v>
      </c>
      <c r="D6181" t="s">
        <v>6120</v>
      </c>
    </row>
    <row r="6182" spans="1:4" x14ac:dyDescent="0.4">
      <c r="A6182">
        <v>3550042</v>
      </c>
      <c r="B6182" t="s">
        <v>1636</v>
      </c>
      <c r="C6182" t="s">
        <v>6118</v>
      </c>
      <c r="D6182" t="s">
        <v>1713</v>
      </c>
    </row>
    <row r="6183" spans="1:4" x14ac:dyDescent="0.4">
      <c r="A6183">
        <v>3550065</v>
      </c>
      <c r="B6183" t="s">
        <v>1636</v>
      </c>
      <c r="C6183" t="s">
        <v>6118</v>
      </c>
      <c r="D6183" t="s">
        <v>6121</v>
      </c>
    </row>
    <row r="6184" spans="1:4" x14ac:dyDescent="0.4">
      <c r="A6184">
        <v>3550046</v>
      </c>
      <c r="B6184" t="s">
        <v>1636</v>
      </c>
      <c r="C6184" t="s">
        <v>6118</v>
      </c>
      <c r="D6184" t="s">
        <v>6122</v>
      </c>
    </row>
    <row r="6185" spans="1:4" x14ac:dyDescent="0.4">
      <c r="A6185">
        <v>3550008</v>
      </c>
      <c r="B6185" t="s">
        <v>1636</v>
      </c>
      <c r="C6185" t="s">
        <v>6118</v>
      </c>
      <c r="D6185" t="s">
        <v>1718</v>
      </c>
    </row>
    <row r="6186" spans="1:4" x14ac:dyDescent="0.4">
      <c r="A6186">
        <v>3550001</v>
      </c>
      <c r="B6186" t="s">
        <v>1636</v>
      </c>
      <c r="C6186" t="s">
        <v>6118</v>
      </c>
      <c r="D6186" t="s">
        <v>1719</v>
      </c>
    </row>
    <row r="6187" spans="1:4" x14ac:dyDescent="0.4">
      <c r="A6187">
        <v>3550022</v>
      </c>
      <c r="B6187" t="s">
        <v>1636</v>
      </c>
      <c r="C6187" t="s">
        <v>6118</v>
      </c>
      <c r="D6187" t="s">
        <v>6123</v>
      </c>
    </row>
    <row r="6188" spans="1:4" x14ac:dyDescent="0.4">
      <c r="A6188">
        <v>3550034</v>
      </c>
      <c r="B6188" t="s">
        <v>1636</v>
      </c>
      <c r="C6188" t="s">
        <v>6118</v>
      </c>
      <c r="D6188" t="s">
        <v>5280</v>
      </c>
    </row>
    <row r="6189" spans="1:4" x14ac:dyDescent="0.4">
      <c r="A6189">
        <v>3550074</v>
      </c>
      <c r="B6189" t="s">
        <v>1636</v>
      </c>
      <c r="C6189" t="s">
        <v>6118</v>
      </c>
      <c r="D6189" t="s">
        <v>6124</v>
      </c>
    </row>
    <row r="6190" spans="1:4" x14ac:dyDescent="0.4">
      <c r="A6190">
        <v>3550077</v>
      </c>
      <c r="B6190" t="s">
        <v>1636</v>
      </c>
      <c r="C6190" t="s">
        <v>6118</v>
      </c>
      <c r="D6190" t="s">
        <v>6125</v>
      </c>
    </row>
    <row r="6191" spans="1:4" x14ac:dyDescent="0.4">
      <c r="A6191">
        <v>3550011</v>
      </c>
      <c r="B6191" t="s">
        <v>1636</v>
      </c>
      <c r="C6191" t="s">
        <v>6118</v>
      </c>
      <c r="D6191" t="s">
        <v>6126</v>
      </c>
    </row>
    <row r="6192" spans="1:4" x14ac:dyDescent="0.4">
      <c r="A6192">
        <v>3550073</v>
      </c>
      <c r="B6192" t="s">
        <v>1636</v>
      </c>
      <c r="C6192" t="s">
        <v>6118</v>
      </c>
      <c r="D6192" t="s">
        <v>6127</v>
      </c>
    </row>
    <row r="6193" spans="1:4" x14ac:dyDescent="0.4">
      <c r="A6193">
        <v>3550061</v>
      </c>
      <c r="B6193" t="s">
        <v>1636</v>
      </c>
      <c r="C6193" t="s">
        <v>6118</v>
      </c>
      <c r="D6193" t="s">
        <v>6128</v>
      </c>
    </row>
    <row r="6194" spans="1:4" x14ac:dyDescent="0.4">
      <c r="A6194">
        <v>3550064</v>
      </c>
      <c r="B6194" t="s">
        <v>1636</v>
      </c>
      <c r="C6194" t="s">
        <v>6118</v>
      </c>
      <c r="D6194" t="s">
        <v>6129</v>
      </c>
    </row>
    <row r="6195" spans="1:4" x14ac:dyDescent="0.4">
      <c r="A6195">
        <v>3550066</v>
      </c>
      <c r="B6195" t="s">
        <v>1636</v>
      </c>
      <c r="C6195" t="s">
        <v>6118</v>
      </c>
      <c r="D6195" t="s">
        <v>6130</v>
      </c>
    </row>
    <row r="6196" spans="1:4" x14ac:dyDescent="0.4">
      <c r="A6196">
        <v>3550031</v>
      </c>
      <c r="B6196" t="s">
        <v>1636</v>
      </c>
      <c r="C6196" t="s">
        <v>6118</v>
      </c>
      <c r="D6196" t="s">
        <v>6131</v>
      </c>
    </row>
    <row r="6197" spans="1:4" x14ac:dyDescent="0.4">
      <c r="A6197">
        <v>3550013</v>
      </c>
      <c r="B6197" t="s">
        <v>1636</v>
      </c>
      <c r="C6197" t="s">
        <v>6118</v>
      </c>
      <c r="D6197" t="s">
        <v>6132</v>
      </c>
    </row>
    <row r="6198" spans="1:4" x14ac:dyDescent="0.4">
      <c r="A6198">
        <v>3550016</v>
      </c>
      <c r="B6198" t="s">
        <v>1636</v>
      </c>
      <c r="C6198" t="s">
        <v>6118</v>
      </c>
      <c r="D6198" t="s">
        <v>6133</v>
      </c>
    </row>
    <row r="6199" spans="1:4" x14ac:dyDescent="0.4">
      <c r="A6199">
        <v>3550025</v>
      </c>
      <c r="B6199" t="s">
        <v>1636</v>
      </c>
      <c r="C6199" t="s">
        <v>6118</v>
      </c>
      <c r="D6199" t="s">
        <v>72</v>
      </c>
    </row>
    <row r="6200" spans="1:4" x14ac:dyDescent="0.4">
      <c r="A6200">
        <v>3550052</v>
      </c>
      <c r="B6200" t="s">
        <v>1636</v>
      </c>
      <c r="C6200" t="s">
        <v>6118</v>
      </c>
      <c r="D6200" t="s">
        <v>6134</v>
      </c>
    </row>
    <row r="6201" spans="1:4" x14ac:dyDescent="0.4">
      <c r="A6201">
        <v>3550004</v>
      </c>
      <c r="B6201" t="s">
        <v>1636</v>
      </c>
      <c r="C6201" t="s">
        <v>6118</v>
      </c>
      <c r="D6201" t="s">
        <v>6135</v>
      </c>
    </row>
    <row r="6202" spans="1:4" x14ac:dyDescent="0.4">
      <c r="A6202">
        <v>3550075</v>
      </c>
      <c r="B6202" t="s">
        <v>1636</v>
      </c>
      <c r="C6202" t="s">
        <v>6118</v>
      </c>
      <c r="D6202" t="s">
        <v>6136</v>
      </c>
    </row>
    <row r="6203" spans="1:4" x14ac:dyDescent="0.4">
      <c r="A6203">
        <v>3550041</v>
      </c>
      <c r="B6203" t="s">
        <v>1636</v>
      </c>
      <c r="C6203" t="s">
        <v>6118</v>
      </c>
      <c r="D6203" t="s">
        <v>6137</v>
      </c>
    </row>
    <row r="6204" spans="1:4" x14ac:dyDescent="0.4">
      <c r="A6204">
        <v>3550076</v>
      </c>
      <c r="B6204" t="s">
        <v>1636</v>
      </c>
      <c r="C6204" t="s">
        <v>6118</v>
      </c>
      <c r="D6204" t="s">
        <v>6138</v>
      </c>
    </row>
    <row r="6205" spans="1:4" x14ac:dyDescent="0.4">
      <c r="A6205">
        <v>3550036</v>
      </c>
      <c r="B6205" t="s">
        <v>1636</v>
      </c>
      <c r="C6205" t="s">
        <v>6118</v>
      </c>
      <c r="D6205" t="s">
        <v>6139</v>
      </c>
    </row>
    <row r="6206" spans="1:4" x14ac:dyDescent="0.4">
      <c r="A6206">
        <v>3550044</v>
      </c>
      <c r="B6206" t="s">
        <v>1636</v>
      </c>
      <c r="C6206" t="s">
        <v>6118</v>
      </c>
      <c r="D6206" t="s">
        <v>6140</v>
      </c>
    </row>
    <row r="6207" spans="1:4" x14ac:dyDescent="0.4">
      <c r="A6207">
        <v>3550071</v>
      </c>
      <c r="B6207" t="s">
        <v>1636</v>
      </c>
      <c r="C6207" t="s">
        <v>6118</v>
      </c>
      <c r="D6207" t="s">
        <v>4311</v>
      </c>
    </row>
    <row r="6208" spans="1:4" x14ac:dyDescent="0.4">
      <c r="A6208">
        <v>3550032</v>
      </c>
      <c r="B6208" t="s">
        <v>1636</v>
      </c>
      <c r="C6208" t="s">
        <v>6118</v>
      </c>
      <c r="D6208" t="s">
        <v>6141</v>
      </c>
    </row>
    <row r="6209" spans="1:4" x14ac:dyDescent="0.4">
      <c r="A6209">
        <v>3550021</v>
      </c>
      <c r="B6209" t="s">
        <v>1636</v>
      </c>
      <c r="C6209" t="s">
        <v>6118</v>
      </c>
      <c r="D6209" t="s">
        <v>2324</v>
      </c>
    </row>
    <row r="6210" spans="1:4" x14ac:dyDescent="0.4">
      <c r="A6210">
        <v>3550019</v>
      </c>
      <c r="B6210" t="s">
        <v>1636</v>
      </c>
      <c r="C6210" t="s">
        <v>6118</v>
      </c>
      <c r="D6210" t="s">
        <v>6142</v>
      </c>
    </row>
    <row r="6211" spans="1:4" x14ac:dyDescent="0.4">
      <c r="A6211">
        <v>3550047</v>
      </c>
      <c r="B6211" t="s">
        <v>1636</v>
      </c>
      <c r="C6211" t="s">
        <v>6118</v>
      </c>
      <c r="D6211" t="s">
        <v>3884</v>
      </c>
    </row>
    <row r="6212" spans="1:4" x14ac:dyDescent="0.4">
      <c r="A6212">
        <v>3550053</v>
      </c>
      <c r="B6212" t="s">
        <v>1636</v>
      </c>
      <c r="C6212" t="s">
        <v>6118</v>
      </c>
      <c r="D6212" t="s">
        <v>6143</v>
      </c>
    </row>
    <row r="6213" spans="1:4" x14ac:dyDescent="0.4">
      <c r="A6213">
        <v>3550003</v>
      </c>
      <c r="B6213" t="s">
        <v>1636</v>
      </c>
      <c r="C6213" t="s">
        <v>6118</v>
      </c>
      <c r="D6213" t="s">
        <v>6144</v>
      </c>
    </row>
    <row r="6214" spans="1:4" x14ac:dyDescent="0.4">
      <c r="A6214">
        <v>3550062</v>
      </c>
      <c r="B6214" t="s">
        <v>1636</v>
      </c>
      <c r="C6214" t="s">
        <v>6118</v>
      </c>
      <c r="D6214" t="s">
        <v>6145</v>
      </c>
    </row>
    <row r="6215" spans="1:4" x14ac:dyDescent="0.4">
      <c r="A6215">
        <v>3550007</v>
      </c>
      <c r="B6215" t="s">
        <v>1636</v>
      </c>
      <c r="C6215" t="s">
        <v>6118</v>
      </c>
      <c r="D6215" t="s">
        <v>1928</v>
      </c>
    </row>
    <row r="6216" spans="1:4" x14ac:dyDescent="0.4">
      <c r="A6216">
        <v>3550051</v>
      </c>
      <c r="B6216" t="s">
        <v>1636</v>
      </c>
      <c r="C6216" t="s">
        <v>6118</v>
      </c>
      <c r="D6216" t="s">
        <v>6146</v>
      </c>
    </row>
    <row r="6217" spans="1:4" x14ac:dyDescent="0.4">
      <c r="A6217">
        <v>3550054</v>
      </c>
      <c r="B6217" t="s">
        <v>1636</v>
      </c>
      <c r="C6217" t="s">
        <v>6118</v>
      </c>
      <c r="D6217" t="s">
        <v>6147</v>
      </c>
    </row>
    <row r="6218" spans="1:4" x14ac:dyDescent="0.4">
      <c r="A6218">
        <v>3550043</v>
      </c>
      <c r="B6218" t="s">
        <v>1636</v>
      </c>
      <c r="C6218" t="s">
        <v>6118</v>
      </c>
      <c r="D6218" t="s">
        <v>6148</v>
      </c>
    </row>
    <row r="6219" spans="1:4" x14ac:dyDescent="0.4">
      <c r="A6219">
        <v>3550002</v>
      </c>
      <c r="B6219" t="s">
        <v>1636</v>
      </c>
      <c r="C6219" t="s">
        <v>6118</v>
      </c>
      <c r="D6219" t="s">
        <v>6149</v>
      </c>
    </row>
    <row r="6220" spans="1:4" x14ac:dyDescent="0.4">
      <c r="A6220">
        <v>3550012</v>
      </c>
      <c r="B6220" t="s">
        <v>1636</v>
      </c>
      <c r="C6220" t="s">
        <v>6118</v>
      </c>
      <c r="D6220" t="s">
        <v>1603</v>
      </c>
    </row>
    <row r="6221" spans="1:4" x14ac:dyDescent="0.4">
      <c r="A6221">
        <v>3550035</v>
      </c>
      <c r="B6221" t="s">
        <v>1636</v>
      </c>
      <c r="C6221" t="s">
        <v>6118</v>
      </c>
      <c r="D6221" t="s">
        <v>6150</v>
      </c>
    </row>
    <row r="6222" spans="1:4" x14ac:dyDescent="0.4">
      <c r="A6222">
        <v>3550015</v>
      </c>
      <c r="B6222" t="s">
        <v>1636</v>
      </c>
      <c r="C6222" t="s">
        <v>6118</v>
      </c>
      <c r="D6222" t="s">
        <v>403</v>
      </c>
    </row>
    <row r="6223" spans="1:4" x14ac:dyDescent="0.4">
      <c r="A6223">
        <v>3550055</v>
      </c>
      <c r="B6223" t="s">
        <v>1636</v>
      </c>
      <c r="C6223" t="s">
        <v>6118</v>
      </c>
      <c r="D6223" t="s">
        <v>2636</v>
      </c>
    </row>
    <row r="6224" spans="1:4" x14ac:dyDescent="0.4">
      <c r="A6224">
        <v>3550017</v>
      </c>
      <c r="B6224" t="s">
        <v>1636</v>
      </c>
      <c r="C6224" t="s">
        <v>6118</v>
      </c>
      <c r="D6224" t="s">
        <v>505</v>
      </c>
    </row>
    <row r="6225" spans="1:4" x14ac:dyDescent="0.4">
      <c r="A6225">
        <v>3550014</v>
      </c>
      <c r="B6225" t="s">
        <v>1636</v>
      </c>
      <c r="C6225" t="s">
        <v>6118</v>
      </c>
      <c r="D6225" t="s">
        <v>6151</v>
      </c>
    </row>
    <row r="6226" spans="1:4" x14ac:dyDescent="0.4">
      <c r="A6226">
        <v>3550005</v>
      </c>
      <c r="B6226" t="s">
        <v>1636</v>
      </c>
      <c r="C6226" t="s">
        <v>6118</v>
      </c>
      <c r="D6226" t="s">
        <v>6152</v>
      </c>
    </row>
    <row r="6227" spans="1:4" x14ac:dyDescent="0.4">
      <c r="A6227">
        <v>3550018</v>
      </c>
      <c r="B6227" t="s">
        <v>1636</v>
      </c>
      <c r="C6227" t="s">
        <v>6118</v>
      </c>
      <c r="D6227" t="s">
        <v>6153</v>
      </c>
    </row>
    <row r="6228" spans="1:4" x14ac:dyDescent="0.4">
      <c r="A6228">
        <v>3550027</v>
      </c>
      <c r="B6228" t="s">
        <v>1636</v>
      </c>
      <c r="C6228" t="s">
        <v>6118</v>
      </c>
      <c r="D6228" t="s">
        <v>6154</v>
      </c>
    </row>
    <row r="6229" spans="1:4" x14ac:dyDescent="0.4">
      <c r="A6229">
        <v>3550045</v>
      </c>
      <c r="B6229" t="s">
        <v>1636</v>
      </c>
      <c r="C6229" t="s">
        <v>6118</v>
      </c>
      <c r="D6229" t="s">
        <v>6155</v>
      </c>
    </row>
    <row r="6230" spans="1:4" x14ac:dyDescent="0.4">
      <c r="A6230">
        <v>3550063</v>
      </c>
      <c r="B6230" t="s">
        <v>1636</v>
      </c>
      <c r="C6230" t="s">
        <v>6118</v>
      </c>
      <c r="D6230" t="s">
        <v>6156</v>
      </c>
    </row>
    <row r="6231" spans="1:4" x14ac:dyDescent="0.4">
      <c r="A6231">
        <v>3550028</v>
      </c>
      <c r="B6231" t="s">
        <v>1636</v>
      </c>
      <c r="C6231" t="s">
        <v>6118</v>
      </c>
      <c r="D6231" t="s">
        <v>6157</v>
      </c>
    </row>
    <row r="6232" spans="1:4" x14ac:dyDescent="0.4">
      <c r="A6232">
        <v>3550033</v>
      </c>
      <c r="B6232" t="s">
        <v>1636</v>
      </c>
      <c r="C6232" t="s">
        <v>6118</v>
      </c>
      <c r="D6232" t="s">
        <v>3486</v>
      </c>
    </row>
    <row r="6233" spans="1:4" x14ac:dyDescent="0.4">
      <c r="A6233">
        <v>3550023</v>
      </c>
      <c r="B6233" t="s">
        <v>1636</v>
      </c>
      <c r="C6233" t="s">
        <v>6118</v>
      </c>
      <c r="D6233" t="s">
        <v>6158</v>
      </c>
    </row>
    <row r="6234" spans="1:4" x14ac:dyDescent="0.4">
      <c r="A6234">
        <v>3550024</v>
      </c>
      <c r="B6234" t="s">
        <v>1636</v>
      </c>
      <c r="C6234" t="s">
        <v>6118</v>
      </c>
      <c r="D6234" t="s">
        <v>6159</v>
      </c>
    </row>
    <row r="6235" spans="1:4" x14ac:dyDescent="0.4">
      <c r="A6235">
        <v>3550037</v>
      </c>
      <c r="B6235" t="s">
        <v>1636</v>
      </c>
      <c r="C6235" t="s">
        <v>6118</v>
      </c>
      <c r="D6235" t="s">
        <v>32</v>
      </c>
    </row>
    <row r="6236" spans="1:4" x14ac:dyDescent="0.4">
      <c r="A6236">
        <v>3440000</v>
      </c>
      <c r="B6236" t="s">
        <v>1636</v>
      </c>
      <c r="C6236" t="s">
        <v>6160</v>
      </c>
    </row>
    <row r="6237" spans="1:4" x14ac:dyDescent="0.4">
      <c r="A6237">
        <v>3440126</v>
      </c>
      <c r="B6237" t="s">
        <v>1636</v>
      </c>
      <c r="C6237" t="s">
        <v>6160</v>
      </c>
      <c r="D6237" t="s">
        <v>6161</v>
      </c>
    </row>
    <row r="6238" spans="1:4" x14ac:dyDescent="0.4">
      <c r="A6238">
        <v>3440015</v>
      </c>
      <c r="B6238" t="s">
        <v>1636</v>
      </c>
      <c r="C6238" t="s">
        <v>6160</v>
      </c>
      <c r="D6238" t="s">
        <v>4360</v>
      </c>
    </row>
    <row r="6239" spans="1:4" x14ac:dyDescent="0.4">
      <c r="A6239">
        <v>3440125</v>
      </c>
      <c r="B6239" t="s">
        <v>1636</v>
      </c>
      <c r="C6239" t="s">
        <v>6160</v>
      </c>
      <c r="D6239" t="s">
        <v>593</v>
      </c>
    </row>
    <row r="6240" spans="1:4" x14ac:dyDescent="0.4">
      <c r="A6240">
        <v>3440031</v>
      </c>
      <c r="B6240" t="s">
        <v>1636</v>
      </c>
      <c r="C6240" t="s">
        <v>6160</v>
      </c>
      <c r="D6240" t="s">
        <v>6162</v>
      </c>
    </row>
    <row r="6241" spans="1:4" x14ac:dyDescent="0.4">
      <c r="A6241">
        <v>3440004</v>
      </c>
      <c r="B6241" t="s">
        <v>1636</v>
      </c>
      <c r="C6241" t="s">
        <v>6160</v>
      </c>
      <c r="D6241" t="s">
        <v>6163</v>
      </c>
    </row>
    <row r="6242" spans="1:4" x14ac:dyDescent="0.4">
      <c r="A6242">
        <v>3440051</v>
      </c>
      <c r="B6242" t="s">
        <v>1636</v>
      </c>
      <c r="C6242" t="s">
        <v>6160</v>
      </c>
      <c r="D6242" t="s">
        <v>6164</v>
      </c>
    </row>
    <row r="6243" spans="1:4" x14ac:dyDescent="0.4">
      <c r="A6243">
        <v>3440052</v>
      </c>
      <c r="B6243" t="s">
        <v>1636</v>
      </c>
      <c r="C6243" t="s">
        <v>6160</v>
      </c>
      <c r="D6243" t="s">
        <v>1367</v>
      </c>
    </row>
    <row r="6244" spans="1:4" x14ac:dyDescent="0.4">
      <c r="A6244">
        <v>3440053</v>
      </c>
      <c r="B6244" t="s">
        <v>1636</v>
      </c>
      <c r="C6244" t="s">
        <v>6160</v>
      </c>
      <c r="D6244" t="s">
        <v>6165</v>
      </c>
    </row>
    <row r="6245" spans="1:4" x14ac:dyDescent="0.4">
      <c r="A6245">
        <v>3440135</v>
      </c>
      <c r="B6245" t="s">
        <v>1636</v>
      </c>
      <c r="C6245" t="s">
        <v>6160</v>
      </c>
      <c r="D6245" t="s">
        <v>6166</v>
      </c>
    </row>
    <row r="6246" spans="1:4" x14ac:dyDescent="0.4">
      <c r="A6246">
        <v>3440023</v>
      </c>
      <c r="B6246" t="s">
        <v>1636</v>
      </c>
      <c r="C6246" t="s">
        <v>6160</v>
      </c>
      <c r="D6246" t="s">
        <v>6167</v>
      </c>
    </row>
    <row r="6247" spans="1:4" x14ac:dyDescent="0.4">
      <c r="A6247">
        <v>3440038</v>
      </c>
      <c r="B6247" t="s">
        <v>1636</v>
      </c>
      <c r="C6247" t="s">
        <v>6160</v>
      </c>
      <c r="D6247" t="s">
        <v>416</v>
      </c>
    </row>
    <row r="6248" spans="1:4" x14ac:dyDescent="0.4">
      <c r="A6248">
        <v>3440022</v>
      </c>
      <c r="B6248" t="s">
        <v>1636</v>
      </c>
      <c r="C6248" t="s">
        <v>6160</v>
      </c>
      <c r="D6248" t="s">
        <v>6168</v>
      </c>
    </row>
    <row r="6249" spans="1:4" x14ac:dyDescent="0.4">
      <c r="A6249">
        <v>3440021</v>
      </c>
      <c r="B6249" t="s">
        <v>1636</v>
      </c>
      <c r="C6249" t="s">
        <v>6160</v>
      </c>
      <c r="D6249" t="s">
        <v>6169</v>
      </c>
    </row>
    <row r="6250" spans="1:4" x14ac:dyDescent="0.4">
      <c r="A6250">
        <v>3440116</v>
      </c>
      <c r="B6250" t="s">
        <v>1636</v>
      </c>
      <c r="C6250" t="s">
        <v>6160</v>
      </c>
      <c r="D6250" t="s">
        <v>6170</v>
      </c>
    </row>
    <row r="6251" spans="1:4" x14ac:dyDescent="0.4">
      <c r="A6251">
        <v>3440061</v>
      </c>
      <c r="B6251" t="s">
        <v>1636</v>
      </c>
      <c r="C6251" t="s">
        <v>6160</v>
      </c>
      <c r="D6251" t="s">
        <v>6171</v>
      </c>
    </row>
    <row r="6252" spans="1:4" x14ac:dyDescent="0.4">
      <c r="A6252">
        <v>3440062</v>
      </c>
      <c r="B6252" t="s">
        <v>1636</v>
      </c>
      <c r="C6252" t="s">
        <v>6160</v>
      </c>
      <c r="D6252" t="s">
        <v>6172</v>
      </c>
    </row>
    <row r="6253" spans="1:4" x14ac:dyDescent="0.4">
      <c r="A6253">
        <v>3440117</v>
      </c>
      <c r="B6253" t="s">
        <v>1636</v>
      </c>
      <c r="C6253" t="s">
        <v>6160</v>
      </c>
      <c r="D6253" t="s">
        <v>4393</v>
      </c>
    </row>
    <row r="6254" spans="1:4" x14ac:dyDescent="0.4">
      <c r="A6254">
        <v>3440037</v>
      </c>
      <c r="B6254" t="s">
        <v>1636</v>
      </c>
      <c r="C6254" t="s">
        <v>6160</v>
      </c>
      <c r="D6254" t="s">
        <v>6173</v>
      </c>
    </row>
    <row r="6255" spans="1:4" x14ac:dyDescent="0.4">
      <c r="A6255">
        <v>3440111</v>
      </c>
      <c r="B6255" t="s">
        <v>1636</v>
      </c>
      <c r="C6255" t="s">
        <v>6160</v>
      </c>
      <c r="D6255" t="s">
        <v>6174</v>
      </c>
    </row>
    <row r="6256" spans="1:4" x14ac:dyDescent="0.4">
      <c r="A6256">
        <v>3440103</v>
      </c>
      <c r="B6256" t="s">
        <v>1636</v>
      </c>
      <c r="C6256" t="s">
        <v>6160</v>
      </c>
      <c r="D6256" t="s">
        <v>6175</v>
      </c>
    </row>
    <row r="6257" spans="1:4" x14ac:dyDescent="0.4">
      <c r="A6257">
        <v>3440046</v>
      </c>
      <c r="B6257" t="s">
        <v>1636</v>
      </c>
      <c r="C6257" t="s">
        <v>6160</v>
      </c>
      <c r="D6257" t="s">
        <v>6176</v>
      </c>
    </row>
    <row r="6258" spans="1:4" x14ac:dyDescent="0.4">
      <c r="A6258">
        <v>3440121</v>
      </c>
      <c r="B6258" t="s">
        <v>1636</v>
      </c>
      <c r="C6258" t="s">
        <v>6160</v>
      </c>
      <c r="D6258" t="s">
        <v>6177</v>
      </c>
    </row>
    <row r="6259" spans="1:4" x14ac:dyDescent="0.4">
      <c r="A6259">
        <v>3440132</v>
      </c>
      <c r="B6259" t="s">
        <v>1636</v>
      </c>
      <c r="C6259" t="s">
        <v>6160</v>
      </c>
      <c r="D6259" t="s">
        <v>6178</v>
      </c>
    </row>
    <row r="6260" spans="1:4" x14ac:dyDescent="0.4">
      <c r="A6260">
        <v>3440106</v>
      </c>
      <c r="B6260" t="s">
        <v>1636</v>
      </c>
      <c r="C6260" t="s">
        <v>6160</v>
      </c>
      <c r="D6260" t="s">
        <v>1829</v>
      </c>
    </row>
    <row r="6261" spans="1:4" x14ac:dyDescent="0.4">
      <c r="A6261">
        <v>3440133</v>
      </c>
      <c r="B6261" t="s">
        <v>1636</v>
      </c>
      <c r="C6261" t="s">
        <v>6160</v>
      </c>
      <c r="D6261" t="s">
        <v>6179</v>
      </c>
    </row>
    <row r="6262" spans="1:4" x14ac:dyDescent="0.4">
      <c r="A6262">
        <v>3440136</v>
      </c>
      <c r="B6262" t="s">
        <v>1636</v>
      </c>
      <c r="C6262" t="s">
        <v>6160</v>
      </c>
      <c r="D6262" t="s">
        <v>6180</v>
      </c>
    </row>
    <row r="6263" spans="1:4" x14ac:dyDescent="0.4">
      <c r="A6263">
        <v>3440105</v>
      </c>
      <c r="B6263" t="s">
        <v>1636</v>
      </c>
      <c r="C6263" t="s">
        <v>6160</v>
      </c>
      <c r="D6263" t="s">
        <v>6181</v>
      </c>
    </row>
    <row r="6264" spans="1:4" x14ac:dyDescent="0.4">
      <c r="A6264">
        <v>3440007</v>
      </c>
      <c r="B6264" t="s">
        <v>1636</v>
      </c>
      <c r="C6264" t="s">
        <v>6160</v>
      </c>
      <c r="D6264" t="s">
        <v>6182</v>
      </c>
    </row>
    <row r="6265" spans="1:4" x14ac:dyDescent="0.4">
      <c r="A6265">
        <v>3440124</v>
      </c>
      <c r="B6265" t="s">
        <v>1636</v>
      </c>
      <c r="C6265" t="s">
        <v>6160</v>
      </c>
      <c r="D6265" t="s">
        <v>6183</v>
      </c>
    </row>
    <row r="6266" spans="1:4" x14ac:dyDescent="0.4">
      <c r="A6266">
        <v>3440115</v>
      </c>
      <c r="B6266" t="s">
        <v>1636</v>
      </c>
      <c r="C6266" t="s">
        <v>6160</v>
      </c>
      <c r="D6266" t="s">
        <v>6184</v>
      </c>
    </row>
    <row r="6267" spans="1:4" x14ac:dyDescent="0.4">
      <c r="A6267">
        <v>3440058</v>
      </c>
      <c r="B6267" t="s">
        <v>1636</v>
      </c>
      <c r="C6267" t="s">
        <v>6160</v>
      </c>
      <c r="D6267" t="s">
        <v>255</v>
      </c>
    </row>
    <row r="6268" spans="1:4" x14ac:dyDescent="0.4">
      <c r="A6268">
        <v>3440036</v>
      </c>
      <c r="B6268" t="s">
        <v>1636</v>
      </c>
      <c r="C6268" t="s">
        <v>6160</v>
      </c>
      <c r="D6268" t="s">
        <v>6185</v>
      </c>
    </row>
    <row r="6269" spans="1:4" x14ac:dyDescent="0.4">
      <c r="A6269">
        <v>3440104</v>
      </c>
      <c r="B6269" t="s">
        <v>1636</v>
      </c>
      <c r="C6269" t="s">
        <v>6160</v>
      </c>
      <c r="D6269" t="s">
        <v>6186</v>
      </c>
    </row>
    <row r="6270" spans="1:4" x14ac:dyDescent="0.4">
      <c r="A6270">
        <v>3440043</v>
      </c>
      <c r="B6270" t="s">
        <v>1636</v>
      </c>
      <c r="C6270" t="s">
        <v>6160</v>
      </c>
      <c r="D6270" t="s">
        <v>6187</v>
      </c>
    </row>
    <row r="6271" spans="1:4" x14ac:dyDescent="0.4">
      <c r="A6271">
        <v>3440122</v>
      </c>
      <c r="B6271" t="s">
        <v>1636</v>
      </c>
      <c r="C6271" t="s">
        <v>6160</v>
      </c>
      <c r="D6271" t="s">
        <v>6188</v>
      </c>
    </row>
    <row r="6272" spans="1:4" x14ac:dyDescent="0.4">
      <c r="A6272">
        <v>3440003</v>
      </c>
      <c r="B6272" t="s">
        <v>1636</v>
      </c>
      <c r="C6272" t="s">
        <v>6160</v>
      </c>
      <c r="D6272" t="s">
        <v>1101</v>
      </c>
    </row>
    <row r="6273" spans="1:4" x14ac:dyDescent="0.4">
      <c r="A6273">
        <v>3440113</v>
      </c>
      <c r="B6273" t="s">
        <v>1636</v>
      </c>
      <c r="C6273" t="s">
        <v>6160</v>
      </c>
      <c r="D6273" t="s">
        <v>6189</v>
      </c>
    </row>
    <row r="6274" spans="1:4" x14ac:dyDescent="0.4">
      <c r="A6274">
        <v>3440127</v>
      </c>
      <c r="B6274" t="s">
        <v>1636</v>
      </c>
      <c r="C6274" t="s">
        <v>6160</v>
      </c>
      <c r="D6274" t="s">
        <v>6190</v>
      </c>
    </row>
    <row r="6275" spans="1:4" x14ac:dyDescent="0.4">
      <c r="A6275">
        <v>3440034</v>
      </c>
      <c r="B6275" t="s">
        <v>1636</v>
      </c>
      <c r="C6275" t="s">
        <v>6160</v>
      </c>
      <c r="D6275" t="s">
        <v>6191</v>
      </c>
    </row>
    <row r="6276" spans="1:4" x14ac:dyDescent="0.4">
      <c r="A6276">
        <v>3440024</v>
      </c>
      <c r="B6276" t="s">
        <v>1636</v>
      </c>
      <c r="C6276" t="s">
        <v>6160</v>
      </c>
      <c r="D6276" t="s">
        <v>6192</v>
      </c>
    </row>
    <row r="6277" spans="1:4" x14ac:dyDescent="0.4">
      <c r="A6277">
        <v>3440026</v>
      </c>
      <c r="B6277" t="s">
        <v>1636</v>
      </c>
      <c r="C6277" t="s">
        <v>6160</v>
      </c>
      <c r="D6277" t="s">
        <v>6193</v>
      </c>
    </row>
    <row r="6278" spans="1:4" x14ac:dyDescent="0.4">
      <c r="A6278">
        <v>3440134</v>
      </c>
      <c r="B6278" t="s">
        <v>1636</v>
      </c>
      <c r="C6278" t="s">
        <v>6160</v>
      </c>
      <c r="D6278" t="s">
        <v>3916</v>
      </c>
    </row>
    <row r="6279" spans="1:4" x14ac:dyDescent="0.4">
      <c r="A6279">
        <v>3440067</v>
      </c>
      <c r="B6279" t="s">
        <v>1636</v>
      </c>
      <c r="C6279" t="s">
        <v>6160</v>
      </c>
      <c r="D6279" t="s">
        <v>184</v>
      </c>
    </row>
    <row r="6280" spans="1:4" x14ac:dyDescent="0.4">
      <c r="A6280">
        <v>3440013</v>
      </c>
      <c r="B6280" t="s">
        <v>1636</v>
      </c>
      <c r="C6280" t="s">
        <v>6160</v>
      </c>
      <c r="D6280" t="s">
        <v>6194</v>
      </c>
    </row>
    <row r="6281" spans="1:4" x14ac:dyDescent="0.4">
      <c r="A6281">
        <v>3440107</v>
      </c>
      <c r="B6281" t="s">
        <v>1636</v>
      </c>
      <c r="C6281" t="s">
        <v>6160</v>
      </c>
      <c r="D6281" t="s">
        <v>3859</v>
      </c>
    </row>
    <row r="6282" spans="1:4" x14ac:dyDescent="0.4">
      <c r="A6282">
        <v>3440045</v>
      </c>
      <c r="B6282" t="s">
        <v>1636</v>
      </c>
      <c r="C6282" t="s">
        <v>6160</v>
      </c>
      <c r="D6282" t="s">
        <v>6195</v>
      </c>
    </row>
    <row r="6283" spans="1:4" x14ac:dyDescent="0.4">
      <c r="A6283">
        <v>3440047</v>
      </c>
      <c r="B6283" t="s">
        <v>1636</v>
      </c>
      <c r="C6283" t="s">
        <v>6160</v>
      </c>
      <c r="D6283" t="s">
        <v>6196</v>
      </c>
    </row>
    <row r="6284" spans="1:4" x14ac:dyDescent="0.4">
      <c r="A6284">
        <v>3440014</v>
      </c>
      <c r="B6284" t="s">
        <v>1636</v>
      </c>
      <c r="C6284" t="s">
        <v>6160</v>
      </c>
      <c r="D6284" t="s">
        <v>6197</v>
      </c>
    </row>
    <row r="6285" spans="1:4" x14ac:dyDescent="0.4">
      <c r="A6285">
        <v>3440123</v>
      </c>
      <c r="B6285" t="s">
        <v>1636</v>
      </c>
      <c r="C6285" t="s">
        <v>6160</v>
      </c>
      <c r="D6285" t="s">
        <v>6198</v>
      </c>
    </row>
    <row r="6286" spans="1:4" x14ac:dyDescent="0.4">
      <c r="A6286">
        <v>3440056</v>
      </c>
      <c r="B6286" t="s">
        <v>1636</v>
      </c>
      <c r="C6286" t="s">
        <v>6160</v>
      </c>
      <c r="D6286" t="s">
        <v>6199</v>
      </c>
    </row>
    <row r="6287" spans="1:4" x14ac:dyDescent="0.4">
      <c r="A6287">
        <v>3440101</v>
      </c>
      <c r="B6287" t="s">
        <v>1636</v>
      </c>
      <c r="C6287" t="s">
        <v>6160</v>
      </c>
      <c r="D6287" t="s">
        <v>6200</v>
      </c>
    </row>
    <row r="6288" spans="1:4" x14ac:dyDescent="0.4">
      <c r="A6288">
        <v>3510113</v>
      </c>
      <c r="B6288" t="s">
        <v>1636</v>
      </c>
      <c r="C6288" t="s">
        <v>4318</v>
      </c>
      <c r="D6288" t="s">
        <v>184</v>
      </c>
    </row>
    <row r="6289" spans="1:4" x14ac:dyDescent="0.4">
      <c r="A6289">
        <v>3670231</v>
      </c>
      <c r="B6289" t="s">
        <v>1636</v>
      </c>
      <c r="C6289" t="s">
        <v>4443</v>
      </c>
      <c r="D6289" t="s">
        <v>6201</v>
      </c>
    </row>
    <row r="6290" spans="1:4" x14ac:dyDescent="0.4">
      <c r="A6290">
        <v>3670232</v>
      </c>
      <c r="B6290" t="s">
        <v>1636</v>
      </c>
      <c r="C6290" t="s">
        <v>4443</v>
      </c>
      <c r="D6290" t="s">
        <v>5073</v>
      </c>
    </row>
    <row r="6291" spans="1:4" x14ac:dyDescent="0.4">
      <c r="A6291">
        <v>3670233</v>
      </c>
      <c r="B6291" t="s">
        <v>1636</v>
      </c>
      <c r="C6291" t="s">
        <v>4443</v>
      </c>
      <c r="D6291" t="s">
        <v>6202</v>
      </c>
    </row>
    <row r="6292" spans="1:4" x14ac:dyDescent="0.4">
      <c r="A6292">
        <v>3670237</v>
      </c>
      <c r="B6292" t="s">
        <v>1636</v>
      </c>
      <c r="C6292" t="s">
        <v>4443</v>
      </c>
      <c r="D6292" t="s">
        <v>1347</v>
      </c>
    </row>
    <row r="6293" spans="1:4" x14ac:dyDescent="0.4">
      <c r="A6293">
        <v>3670242</v>
      </c>
      <c r="B6293" t="s">
        <v>1636</v>
      </c>
      <c r="C6293" t="s">
        <v>4443</v>
      </c>
      <c r="D6293" t="s">
        <v>6203</v>
      </c>
    </row>
    <row r="6294" spans="1:4" x14ac:dyDescent="0.4">
      <c r="A6294">
        <v>3670238</v>
      </c>
      <c r="B6294" t="s">
        <v>1636</v>
      </c>
      <c r="C6294" t="s">
        <v>4443</v>
      </c>
      <c r="D6294" t="s">
        <v>6204</v>
      </c>
    </row>
    <row r="6295" spans="1:4" x14ac:dyDescent="0.4">
      <c r="A6295">
        <v>3670247</v>
      </c>
      <c r="B6295" t="s">
        <v>1636</v>
      </c>
      <c r="C6295" t="s">
        <v>4443</v>
      </c>
      <c r="D6295" t="s">
        <v>6205</v>
      </c>
    </row>
    <row r="6296" spans="1:4" x14ac:dyDescent="0.4">
      <c r="A6296">
        <v>3670241</v>
      </c>
      <c r="B6296" t="s">
        <v>1636</v>
      </c>
      <c r="C6296" t="s">
        <v>4443</v>
      </c>
      <c r="D6296" t="s">
        <v>6206</v>
      </c>
    </row>
    <row r="6297" spans="1:4" x14ac:dyDescent="0.4">
      <c r="A6297">
        <v>3670313</v>
      </c>
      <c r="B6297" t="s">
        <v>1636</v>
      </c>
      <c r="C6297" t="s">
        <v>4443</v>
      </c>
      <c r="D6297" t="s">
        <v>6207</v>
      </c>
    </row>
    <row r="6298" spans="1:4" x14ac:dyDescent="0.4">
      <c r="A6298">
        <v>3670244</v>
      </c>
      <c r="B6298" t="s">
        <v>1636</v>
      </c>
      <c r="C6298" t="s">
        <v>4443</v>
      </c>
      <c r="D6298" t="s">
        <v>6208</v>
      </c>
    </row>
    <row r="6299" spans="1:4" x14ac:dyDescent="0.4">
      <c r="A6299">
        <v>3670301</v>
      </c>
      <c r="B6299" t="s">
        <v>1636</v>
      </c>
      <c r="C6299" t="s">
        <v>4443</v>
      </c>
      <c r="D6299" t="s">
        <v>6209</v>
      </c>
    </row>
    <row r="6300" spans="1:4" x14ac:dyDescent="0.4">
      <c r="A6300">
        <v>3690300</v>
      </c>
      <c r="B6300" t="s">
        <v>1636</v>
      </c>
      <c r="C6300" t="s">
        <v>6210</v>
      </c>
    </row>
    <row r="6301" spans="1:4" x14ac:dyDescent="0.4">
      <c r="A6301">
        <v>3690315</v>
      </c>
      <c r="B6301" t="s">
        <v>1636</v>
      </c>
      <c r="C6301" t="s">
        <v>6210</v>
      </c>
      <c r="D6301" t="s">
        <v>6211</v>
      </c>
    </row>
    <row r="6302" spans="1:4" x14ac:dyDescent="0.4">
      <c r="A6302">
        <v>3690303</v>
      </c>
      <c r="B6302" t="s">
        <v>1636</v>
      </c>
      <c r="C6302" t="s">
        <v>6210</v>
      </c>
      <c r="D6302" t="s">
        <v>6212</v>
      </c>
    </row>
    <row r="6303" spans="1:4" x14ac:dyDescent="0.4">
      <c r="A6303">
        <v>3690301</v>
      </c>
      <c r="B6303" t="s">
        <v>1636</v>
      </c>
      <c r="C6303" t="s">
        <v>6210</v>
      </c>
      <c r="D6303" t="s">
        <v>6213</v>
      </c>
    </row>
    <row r="6304" spans="1:4" x14ac:dyDescent="0.4">
      <c r="A6304">
        <v>3690307</v>
      </c>
      <c r="B6304" t="s">
        <v>1636</v>
      </c>
      <c r="C6304" t="s">
        <v>6210</v>
      </c>
      <c r="D6304" t="s">
        <v>6214</v>
      </c>
    </row>
    <row r="6305" spans="1:4" x14ac:dyDescent="0.4">
      <c r="A6305">
        <v>3690317</v>
      </c>
      <c r="B6305" t="s">
        <v>1636</v>
      </c>
      <c r="C6305" t="s">
        <v>6210</v>
      </c>
      <c r="D6305" t="s">
        <v>4378</v>
      </c>
    </row>
    <row r="6306" spans="1:4" x14ac:dyDescent="0.4">
      <c r="A6306">
        <v>3690306</v>
      </c>
      <c r="B6306" t="s">
        <v>1636</v>
      </c>
      <c r="C6306" t="s">
        <v>6210</v>
      </c>
      <c r="D6306" t="s">
        <v>6215</v>
      </c>
    </row>
    <row r="6307" spans="1:4" x14ac:dyDescent="0.4">
      <c r="A6307">
        <v>3690305</v>
      </c>
      <c r="B6307" t="s">
        <v>1636</v>
      </c>
      <c r="C6307" t="s">
        <v>6210</v>
      </c>
      <c r="D6307" t="s">
        <v>6216</v>
      </c>
    </row>
    <row r="6308" spans="1:4" x14ac:dyDescent="0.4">
      <c r="A6308">
        <v>3690312</v>
      </c>
      <c r="B6308" t="s">
        <v>1636</v>
      </c>
      <c r="C6308" t="s">
        <v>6210</v>
      </c>
      <c r="D6308" t="s">
        <v>6217</v>
      </c>
    </row>
    <row r="6309" spans="1:4" x14ac:dyDescent="0.4">
      <c r="A6309">
        <v>3690313</v>
      </c>
      <c r="B6309" t="s">
        <v>1636</v>
      </c>
      <c r="C6309" t="s">
        <v>6210</v>
      </c>
      <c r="D6309" t="s">
        <v>6218</v>
      </c>
    </row>
    <row r="6310" spans="1:4" x14ac:dyDescent="0.4">
      <c r="A6310">
        <v>3690311</v>
      </c>
      <c r="B6310" t="s">
        <v>1636</v>
      </c>
      <c r="C6310" t="s">
        <v>6210</v>
      </c>
      <c r="D6310" t="s">
        <v>6219</v>
      </c>
    </row>
    <row r="6311" spans="1:4" x14ac:dyDescent="0.4">
      <c r="A6311">
        <v>3690316</v>
      </c>
      <c r="B6311" t="s">
        <v>1636</v>
      </c>
      <c r="C6311" t="s">
        <v>6210</v>
      </c>
      <c r="D6311" t="s">
        <v>2510</v>
      </c>
    </row>
    <row r="6312" spans="1:4" x14ac:dyDescent="0.4">
      <c r="A6312">
        <v>3690304</v>
      </c>
      <c r="B6312" t="s">
        <v>1636</v>
      </c>
      <c r="C6312" t="s">
        <v>6210</v>
      </c>
      <c r="D6312" t="s">
        <v>6220</v>
      </c>
    </row>
    <row r="6313" spans="1:4" x14ac:dyDescent="0.4">
      <c r="A6313">
        <v>3690308</v>
      </c>
      <c r="B6313" t="s">
        <v>1636</v>
      </c>
      <c r="C6313" t="s">
        <v>6210</v>
      </c>
      <c r="D6313" t="s">
        <v>6221</v>
      </c>
    </row>
    <row r="6314" spans="1:4" x14ac:dyDescent="0.4">
      <c r="A6314">
        <v>3690318</v>
      </c>
      <c r="B6314" t="s">
        <v>1636</v>
      </c>
      <c r="C6314" t="s">
        <v>6210</v>
      </c>
      <c r="D6314" t="s">
        <v>6222</v>
      </c>
    </row>
    <row r="6315" spans="1:4" x14ac:dyDescent="0.4">
      <c r="A6315">
        <v>3690302</v>
      </c>
      <c r="B6315" t="s">
        <v>1636</v>
      </c>
      <c r="C6315" t="s">
        <v>6210</v>
      </c>
      <c r="D6315" t="s">
        <v>6223</v>
      </c>
    </row>
    <row r="6316" spans="1:4" x14ac:dyDescent="0.4">
      <c r="A6316">
        <v>3690314</v>
      </c>
      <c r="B6316" t="s">
        <v>1636</v>
      </c>
      <c r="C6316" t="s">
        <v>6210</v>
      </c>
      <c r="D6316" t="s">
        <v>6224</v>
      </c>
    </row>
    <row r="6317" spans="1:4" x14ac:dyDescent="0.4">
      <c r="A6317">
        <v>3691200</v>
      </c>
      <c r="B6317" t="s">
        <v>1636</v>
      </c>
      <c r="C6317" t="s">
        <v>6225</v>
      </c>
    </row>
    <row r="6318" spans="1:4" x14ac:dyDescent="0.4">
      <c r="A6318">
        <v>3691211</v>
      </c>
      <c r="B6318" t="s">
        <v>1636</v>
      </c>
      <c r="C6318" t="s">
        <v>6225</v>
      </c>
      <c r="D6318" t="s">
        <v>6226</v>
      </c>
    </row>
    <row r="6319" spans="1:4" x14ac:dyDescent="0.4">
      <c r="A6319">
        <v>3691233</v>
      </c>
      <c r="B6319" t="s">
        <v>1636</v>
      </c>
      <c r="C6319" t="s">
        <v>6225</v>
      </c>
      <c r="D6319" t="s">
        <v>221</v>
      </c>
    </row>
    <row r="6320" spans="1:4" x14ac:dyDescent="0.4">
      <c r="A6320">
        <v>3691214</v>
      </c>
      <c r="B6320" t="s">
        <v>1636</v>
      </c>
      <c r="C6320" t="s">
        <v>6225</v>
      </c>
      <c r="D6320" t="s">
        <v>6227</v>
      </c>
    </row>
    <row r="6321" spans="1:4" x14ac:dyDescent="0.4">
      <c r="A6321">
        <v>3691234</v>
      </c>
      <c r="B6321" t="s">
        <v>1636</v>
      </c>
      <c r="C6321" t="s">
        <v>6225</v>
      </c>
      <c r="D6321" t="s">
        <v>6228</v>
      </c>
    </row>
    <row r="6322" spans="1:4" x14ac:dyDescent="0.4">
      <c r="A6322">
        <v>3691236</v>
      </c>
      <c r="B6322" t="s">
        <v>1636</v>
      </c>
      <c r="C6322" t="s">
        <v>6225</v>
      </c>
      <c r="D6322" t="s">
        <v>6229</v>
      </c>
    </row>
    <row r="6323" spans="1:4" x14ac:dyDescent="0.4">
      <c r="A6323">
        <v>3691217</v>
      </c>
      <c r="B6323" t="s">
        <v>1636</v>
      </c>
      <c r="C6323" t="s">
        <v>6225</v>
      </c>
      <c r="D6323" t="s">
        <v>6230</v>
      </c>
    </row>
    <row r="6324" spans="1:4" x14ac:dyDescent="0.4">
      <c r="A6324">
        <v>3691202</v>
      </c>
      <c r="B6324" t="s">
        <v>1636</v>
      </c>
      <c r="C6324" t="s">
        <v>6225</v>
      </c>
      <c r="D6324" t="s">
        <v>6231</v>
      </c>
    </row>
    <row r="6325" spans="1:4" x14ac:dyDescent="0.4">
      <c r="A6325">
        <v>3691205</v>
      </c>
      <c r="B6325" t="s">
        <v>1636</v>
      </c>
      <c r="C6325" t="s">
        <v>6225</v>
      </c>
      <c r="D6325" t="s">
        <v>6232</v>
      </c>
    </row>
    <row r="6326" spans="1:4" x14ac:dyDescent="0.4">
      <c r="A6326">
        <v>3691213</v>
      </c>
      <c r="B6326" t="s">
        <v>1636</v>
      </c>
      <c r="C6326" t="s">
        <v>6225</v>
      </c>
      <c r="D6326" t="s">
        <v>6233</v>
      </c>
    </row>
    <row r="6327" spans="1:4" x14ac:dyDescent="0.4">
      <c r="A6327">
        <v>3691231</v>
      </c>
      <c r="B6327" t="s">
        <v>1636</v>
      </c>
      <c r="C6327" t="s">
        <v>6225</v>
      </c>
      <c r="D6327" t="s">
        <v>6234</v>
      </c>
    </row>
    <row r="6328" spans="1:4" x14ac:dyDescent="0.4">
      <c r="A6328">
        <v>3691222</v>
      </c>
      <c r="B6328" t="s">
        <v>1636</v>
      </c>
      <c r="C6328" t="s">
        <v>6225</v>
      </c>
      <c r="D6328" t="s">
        <v>6235</v>
      </c>
    </row>
    <row r="6329" spans="1:4" x14ac:dyDescent="0.4">
      <c r="A6329">
        <v>3691216</v>
      </c>
      <c r="B6329" t="s">
        <v>1636</v>
      </c>
      <c r="C6329" t="s">
        <v>6225</v>
      </c>
      <c r="D6329" t="s">
        <v>4150</v>
      </c>
    </row>
    <row r="6330" spans="1:4" x14ac:dyDescent="0.4">
      <c r="A6330">
        <v>3691225</v>
      </c>
      <c r="B6330" t="s">
        <v>1636</v>
      </c>
      <c r="C6330" t="s">
        <v>6225</v>
      </c>
      <c r="D6330" t="s">
        <v>6236</v>
      </c>
    </row>
    <row r="6331" spans="1:4" x14ac:dyDescent="0.4">
      <c r="A6331">
        <v>3691212</v>
      </c>
      <c r="B6331" t="s">
        <v>1636</v>
      </c>
      <c r="C6331" t="s">
        <v>6225</v>
      </c>
      <c r="D6331" t="s">
        <v>6237</v>
      </c>
    </row>
    <row r="6332" spans="1:4" x14ac:dyDescent="0.4">
      <c r="A6332">
        <v>3691224</v>
      </c>
      <c r="B6332" t="s">
        <v>1636</v>
      </c>
      <c r="C6332" t="s">
        <v>6225</v>
      </c>
      <c r="D6332" t="s">
        <v>6238</v>
      </c>
    </row>
    <row r="6333" spans="1:4" x14ac:dyDescent="0.4">
      <c r="A6333">
        <v>3691235</v>
      </c>
      <c r="B6333" t="s">
        <v>1636</v>
      </c>
      <c r="C6333" t="s">
        <v>6225</v>
      </c>
      <c r="D6333" t="s">
        <v>4405</v>
      </c>
    </row>
    <row r="6334" spans="1:4" x14ac:dyDescent="0.4">
      <c r="A6334">
        <v>3691204</v>
      </c>
      <c r="B6334" t="s">
        <v>1636</v>
      </c>
      <c r="C6334" t="s">
        <v>6225</v>
      </c>
      <c r="D6334" t="s">
        <v>6239</v>
      </c>
    </row>
    <row r="6335" spans="1:4" x14ac:dyDescent="0.4">
      <c r="A6335">
        <v>3691221</v>
      </c>
      <c r="B6335" t="s">
        <v>1636</v>
      </c>
      <c r="C6335" t="s">
        <v>6225</v>
      </c>
      <c r="D6335" t="s">
        <v>6240</v>
      </c>
    </row>
    <row r="6336" spans="1:4" x14ac:dyDescent="0.4">
      <c r="A6336">
        <v>3691223</v>
      </c>
      <c r="B6336" t="s">
        <v>1636</v>
      </c>
      <c r="C6336" t="s">
        <v>6225</v>
      </c>
      <c r="D6336" t="s">
        <v>6241</v>
      </c>
    </row>
    <row r="6337" spans="1:4" x14ac:dyDescent="0.4">
      <c r="A6337">
        <v>3691232</v>
      </c>
      <c r="B6337" t="s">
        <v>1636</v>
      </c>
      <c r="C6337" t="s">
        <v>6225</v>
      </c>
      <c r="D6337" t="s">
        <v>6242</v>
      </c>
    </row>
    <row r="6338" spans="1:4" x14ac:dyDescent="0.4">
      <c r="A6338">
        <v>3691215</v>
      </c>
      <c r="B6338" t="s">
        <v>1636</v>
      </c>
      <c r="C6338" t="s">
        <v>6225</v>
      </c>
      <c r="D6338" t="s">
        <v>3349</v>
      </c>
    </row>
    <row r="6339" spans="1:4" x14ac:dyDescent="0.4">
      <c r="A6339">
        <v>3691201</v>
      </c>
      <c r="B6339" t="s">
        <v>1636</v>
      </c>
      <c r="C6339" t="s">
        <v>6225</v>
      </c>
      <c r="D6339" t="s">
        <v>6243</v>
      </c>
    </row>
    <row r="6340" spans="1:4" x14ac:dyDescent="0.4">
      <c r="A6340">
        <v>3691203</v>
      </c>
      <c r="B6340" t="s">
        <v>1636</v>
      </c>
      <c r="C6340" t="s">
        <v>6225</v>
      </c>
      <c r="D6340" t="s">
        <v>6244</v>
      </c>
    </row>
    <row r="6341" spans="1:4" x14ac:dyDescent="0.4">
      <c r="A6341">
        <v>3470100</v>
      </c>
      <c r="B6341" t="s">
        <v>1636</v>
      </c>
      <c r="C6341" t="s">
        <v>6245</v>
      </c>
    </row>
    <row r="6342" spans="1:4" x14ac:dyDescent="0.4">
      <c r="A6342">
        <v>3470112</v>
      </c>
      <c r="B6342" t="s">
        <v>1636</v>
      </c>
      <c r="C6342" t="s">
        <v>6245</v>
      </c>
      <c r="D6342" t="s">
        <v>6246</v>
      </c>
    </row>
    <row r="6343" spans="1:4" x14ac:dyDescent="0.4">
      <c r="A6343">
        <v>3470103</v>
      </c>
      <c r="B6343" t="s">
        <v>1636</v>
      </c>
      <c r="C6343" t="s">
        <v>6245</v>
      </c>
      <c r="D6343" t="s">
        <v>6247</v>
      </c>
    </row>
    <row r="6344" spans="1:4" x14ac:dyDescent="0.4">
      <c r="A6344">
        <v>3470122</v>
      </c>
      <c r="B6344" t="s">
        <v>1636</v>
      </c>
      <c r="C6344" t="s">
        <v>6245</v>
      </c>
      <c r="D6344" t="s">
        <v>6248</v>
      </c>
    </row>
    <row r="6345" spans="1:4" x14ac:dyDescent="0.4">
      <c r="A6345">
        <v>3470125</v>
      </c>
      <c r="B6345" t="s">
        <v>1636</v>
      </c>
      <c r="C6345" t="s">
        <v>6245</v>
      </c>
      <c r="D6345" t="s">
        <v>6249</v>
      </c>
    </row>
    <row r="6346" spans="1:4" x14ac:dyDescent="0.4">
      <c r="A6346">
        <v>3470101</v>
      </c>
      <c r="B6346" t="s">
        <v>1636</v>
      </c>
      <c r="C6346" t="s">
        <v>6245</v>
      </c>
      <c r="D6346" t="s">
        <v>6250</v>
      </c>
    </row>
    <row r="6347" spans="1:4" x14ac:dyDescent="0.4">
      <c r="A6347">
        <v>3470115</v>
      </c>
      <c r="B6347" t="s">
        <v>1636</v>
      </c>
      <c r="C6347" t="s">
        <v>6245</v>
      </c>
      <c r="D6347" t="s">
        <v>6251</v>
      </c>
    </row>
    <row r="6348" spans="1:4" x14ac:dyDescent="0.4">
      <c r="A6348">
        <v>3470105</v>
      </c>
      <c r="B6348" t="s">
        <v>1636</v>
      </c>
      <c r="C6348" t="s">
        <v>6245</v>
      </c>
      <c r="D6348" t="s">
        <v>6252</v>
      </c>
    </row>
    <row r="6349" spans="1:4" x14ac:dyDescent="0.4">
      <c r="A6349">
        <v>3470111</v>
      </c>
      <c r="B6349" t="s">
        <v>1636</v>
      </c>
      <c r="C6349" t="s">
        <v>6245</v>
      </c>
      <c r="D6349" t="s">
        <v>6253</v>
      </c>
    </row>
    <row r="6350" spans="1:4" x14ac:dyDescent="0.4">
      <c r="A6350">
        <v>3470123</v>
      </c>
      <c r="B6350" t="s">
        <v>1636</v>
      </c>
      <c r="C6350" t="s">
        <v>6245</v>
      </c>
      <c r="D6350" t="s">
        <v>6254</v>
      </c>
    </row>
    <row r="6351" spans="1:4" x14ac:dyDescent="0.4">
      <c r="A6351">
        <v>3470113</v>
      </c>
      <c r="B6351" t="s">
        <v>1636</v>
      </c>
      <c r="C6351" t="s">
        <v>6245</v>
      </c>
      <c r="D6351" t="s">
        <v>6255</v>
      </c>
    </row>
    <row r="6352" spans="1:4" x14ac:dyDescent="0.4">
      <c r="A6352">
        <v>3470107</v>
      </c>
      <c r="B6352" t="s">
        <v>1636</v>
      </c>
      <c r="C6352" t="s">
        <v>6245</v>
      </c>
      <c r="D6352" t="s">
        <v>6256</v>
      </c>
    </row>
    <row r="6353" spans="1:4" x14ac:dyDescent="0.4">
      <c r="A6353">
        <v>3470106</v>
      </c>
      <c r="B6353" t="s">
        <v>1636</v>
      </c>
      <c r="C6353" t="s">
        <v>6245</v>
      </c>
      <c r="D6353" t="s">
        <v>6257</v>
      </c>
    </row>
    <row r="6354" spans="1:4" x14ac:dyDescent="0.4">
      <c r="A6354">
        <v>3470126</v>
      </c>
      <c r="B6354" t="s">
        <v>1636</v>
      </c>
      <c r="C6354" t="s">
        <v>6245</v>
      </c>
      <c r="D6354" t="s">
        <v>6258</v>
      </c>
    </row>
    <row r="6355" spans="1:4" x14ac:dyDescent="0.4">
      <c r="A6355">
        <v>3470121</v>
      </c>
      <c r="B6355" t="s">
        <v>1636</v>
      </c>
      <c r="C6355" t="s">
        <v>6245</v>
      </c>
      <c r="D6355" t="s">
        <v>6259</v>
      </c>
    </row>
    <row r="6356" spans="1:4" x14ac:dyDescent="0.4">
      <c r="A6356">
        <v>3470108</v>
      </c>
      <c r="B6356" t="s">
        <v>1636</v>
      </c>
      <c r="C6356" t="s">
        <v>6245</v>
      </c>
      <c r="D6356" t="s">
        <v>4148</v>
      </c>
    </row>
    <row r="6357" spans="1:4" x14ac:dyDescent="0.4">
      <c r="A6357">
        <v>3470116</v>
      </c>
      <c r="B6357" t="s">
        <v>1636</v>
      </c>
      <c r="C6357" t="s">
        <v>6245</v>
      </c>
      <c r="D6357" t="s">
        <v>6260</v>
      </c>
    </row>
    <row r="6358" spans="1:4" x14ac:dyDescent="0.4">
      <c r="A6358">
        <v>3470114</v>
      </c>
      <c r="B6358" t="s">
        <v>1636</v>
      </c>
      <c r="C6358" t="s">
        <v>6245</v>
      </c>
      <c r="D6358" t="s">
        <v>6261</v>
      </c>
    </row>
    <row r="6359" spans="1:4" x14ac:dyDescent="0.4">
      <c r="A6359">
        <v>3470124</v>
      </c>
      <c r="B6359" t="s">
        <v>1636</v>
      </c>
      <c r="C6359" t="s">
        <v>6245</v>
      </c>
      <c r="D6359" t="s">
        <v>6262</v>
      </c>
    </row>
    <row r="6360" spans="1:4" x14ac:dyDescent="0.4">
      <c r="A6360">
        <v>3470117</v>
      </c>
      <c r="B6360" t="s">
        <v>1636</v>
      </c>
      <c r="C6360" t="s">
        <v>6245</v>
      </c>
      <c r="D6360" t="s">
        <v>6263</v>
      </c>
    </row>
    <row r="6361" spans="1:4" x14ac:dyDescent="0.4">
      <c r="A6361">
        <v>3470104</v>
      </c>
      <c r="B6361" t="s">
        <v>1636</v>
      </c>
      <c r="C6361" t="s">
        <v>6245</v>
      </c>
      <c r="D6361" t="s">
        <v>6264</v>
      </c>
    </row>
    <row r="6362" spans="1:4" x14ac:dyDescent="0.4">
      <c r="A6362">
        <v>3470102</v>
      </c>
      <c r="B6362" t="s">
        <v>1636</v>
      </c>
      <c r="C6362" t="s">
        <v>6245</v>
      </c>
      <c r="D6362" t="s">
        <v>6265</v>
      </c>
    </row>
    <row r="6363" spans="1:4" x14ac:dyDescent="0.4">
      <c r="A6363">
        <v>3491200</v>
      </c>
      <c r="B6363" t="s">
        <v>1636</v>
      </c>
      <c r="C6363" t="s">
        <v>6266</v>
      </c>
    </row>
    <row r="6364" spans="1:4" x14ac:dyDescent="0.4">
      <c r="A6364">
        <v>3491211</v>
      </c>
      <c r="B6364" t="s">
        <v>1636</v>
      </c>
      <c r="C6364" t="s">
        <v>6266</v>
      </c>
      <c r="D6364" t="s">
        <v>6267</v>
      </c>
    </row>
    <row r="6365" spans="1:4" x14ac:dyDescent="0.4">
      <c r="A6365">
        <v>3491215</v>
      </c>
      <c r="B6365" t="s">
        <v>1636</v>
      </c>
      <c r="C6365" t="s">
        <v>6266</v>
      </c>
      <c r="D6365" t="s">
        <v>6268</v>
      </c>
    </row>
    <row r="6366" spans="1:4" x14ac:dyDescent="0.4">
      <c r="A6366">
        <v>3491202</v>
      </c>
      <c r="B6366" t="s">
        <v>1636</v>
      </c>
      <c r="C6366" t="s">
        <v>6266</v>
      </c>
      <c r="D6366" t="s">
        <v>6269</v>
      </c>
    </row>
    <row r="6367" spans="1:4" x14ac:dyDescent="0.4">
      <c r="A6367">
        <v>3491203</v>
      </c>
      <c r="B6367" t="s">
        <v>1636</v>
      </c>
      <c r="C6367" t="s">
        <v>6266</v>
      </c>
      <c r="D6367" t="s">
        <v>6270</v>
      </c>
    </row>
    <row r="6368" spans="1:4" x14ac:dyDescent="0.4">
      <c r="A6368">
        <v>3491214</v>
      </c>
      <c r="B6368" t="s">
        <v>1636</v>
      </c>
      <c r="C6368" t="s">
        <v>6266</v>
      </c>
      <c r="D6368" t="s">
        <v>1833</v>
      </c>
    </row>
    <row r="6369" spans="1:4" x14ac:dyDescent="0.4">
      <c r="A6369">
        <v>3491213</v>
      </c>
      <c r="B6369" t="s">
        <v>1636</v>
      </c>
      <c r="C6369" t="s">
        <v>6266</v>
      </c>
      <c r="D6369" t="s">
        <v>730</v>
      </c>
    </row>
    <row r="6370" spans="1:4" x14ac:dyDescent="0.4">
      <c r="A6370">
        <v>3491216</v>
      </c>
      <c r="B6370" t="s">
        <v>1636</v>
      </c>
      <c r="C6370" t="s">
        <v>6266</v>
      </c>
      <c r="D6370" t="s">
        <v>210</v>
      </c>
    </row>
    <row r="6371" spans="1:4" x14ac:dyDescent="0.4">
      <c r="A6371">
        <v>3491205</v>
      </c>
      <c r="B6371" t="s">
        <v>1636</v>
      </c>
      <c r="C6371" t="s">
        <v>6266</v>
      </c>
      <c r="D6371" t="s">
        <v>6271</v>
      </c>
    </row>
    <row r="6372" spans="1:4" x14ac:dyDescent="0.4">
      <c r="A6372">
        <v>3491212</v>
      </c>
      <c r="B6372" t="s">
        <v>1636</v>
      </c>
      <c r="C6372" t="s">
        <v>6266</v>
      </c>
      <c r="D6372" t="s">
        <v>6272</v>
      </c>
    </row>
    <row r="6373" spans="1:4" x14ac:dyDescent="0.4">
      <c r="A6373">
        <v>3491201</v>
      </c>
      <c r="B6373" t="s">
        <v>1636</v>
      </c>
      <c r="C6373" t="s">
        <v>6266</v>
      </c>
      <c r="D6373" t="s">
        <v>6273</v>
      </c>
    </row>
    <row r="6374" spans="1:4" x14ac:dyDescent="0.4">
      <c r="A6374">
        <v>3491204</v>
      </c>
      <c r="B6374" t="s">
        <v>1636</v>
      </c>
      <c r="C6374" t="s">
        <v>6266</v>
      </c>
      <c r="D6374" t="s">
        <v>2068</v>
      </c>
    </row>
    <row r="6375" spans="1:4" x14ac:dyDescent="0.4">
      <c r="A6375">
        <v>3491100</v>
      </c>
      <c r="B6375" t="s">
        <v>1636</v>
      </c>
      <c r="C6375" t="s">
        <v>6274</v>
      </c>
    </row>
    <row r="6376" spans="1:4" x14ac:dyDescent="0.4">
      <c r="A6376">
        <v>3491144</v>
      </c>
      <c r="B6376" t="s">
        <v>1636</v>
      </c>
      <c r="C6376" t="s">
        <v>6274</v>
      </c>
      <c r="D6376" t="s">
        <v>6275</v>
      </c>
    </row>
    <row r="6377" spans="1:4" x14ac:dyDescent="0.4">
      <c r="A6377">
        <v>3491146</v>
      </c>
      <c r="B6377" t="s">
        <v>1636</v>
      </c>
      <c r="C6377" t="s">
        <v>6274</v>
      </c>
      <c r="D6377" t="s">
        <v>6276</v>
      </c>
    </row>
    <row r="6378" spans="1:4" x14ac:dyDescent="0.4">
      <c r="A6378">
        <v>3491143</v>
      </c>
      <c r="B6378" t="s">
        <v>1636</v>
      </c>
      <c r="C6378" t="s">
        <v>6274</v>
      </c>
      <c r="D6378" t="s">
        <v>6277</v>
      </c>
    </row>
    <row r="6379" spans="1:4" x14ac:dyDescent="0.4">
      <c r="A6379">
        <v>3491147</v>
      </c>
      <c r="B6379" t="s">
        <v>1636</v>
      </c>
      <c r="C6379" t="s">
        <v>6274</v>
      </c>
      <c r="D6379" t="s">
        <v>6278</v>
      </c>
    </row>
    <row r="6380" spans="1:4" x14ac:dyDescent="0.4">
      <c r="A6380">
        <v>3491134</v>
      </c>
      <c r="B6380" t="s">
        <v>1636</v>
      </c>
      <c r="C6380" t="s">
        <v>6274</v>
      </c>
      <c r="D6380" t="s">
        <v>6279</v>
      </c>
    </row>
    <row r="6381" spans="1:4" x14ac:dyDescent="0.4">
      <c r="A6381">
        <v>3491135</v>
      </c>
      <c r="B6381" t="s">
        <v>1636</v>
      </c>
      <c r="C6381" t="s">
        <v>6274</v>
      </c>
      <c r="D6381" t="s">
        <v>6280</v>
      </c>
    </row>
    <row r="6382" spans="1:4" x14ac:dyDescent="0.4">
      <c r="A6382">
        <v>3491154</v>
      </c>
      <c r="B6382" t="s">
        <v>1636</v>
      </c>
      <c r="C6382" t="s">
        <v>6274</v>
      </c>
      <c r="D6382" t="s">
        <v>6281</v>
      </c>
    </row>
    <row r="6383" spans="1:4" x14ac:dyDescent="0.4">
      <c r="A6383">
        <v>3491133</v>
      </c>
      <c r="B6383" t="s">
        <v>1636</v>
      </c>
      <c r="C6383" t="s">
        <v>6274</v>
      </c>
      <c r="D6383" t="s">
        <v>6282</v>
      </c>
    </row>
    <row r="6384" spans="1:4" x14ac:dyDescent="0.4">
      <c r="A6384">
        <v>3491151</v>
      </c>
      <c r="B6384" t="s">
        <v>1636</v>
      </c>
      <c r="C6384" t="s">
        <v>6274</v>
      </c>
      <c r="D6384" t="s">
        <v>6283</v>
      </c>
    </row>
    <row r="6385" spans="1:4" x14ac:dyDescent="0.4">
      <c r="A6385">
        <v>3491142</v>
      </c>
      <c r="B6385" t="s">
        <v>1636</v>
      </c>
      <c r="C6385" t="s">
        <v>6274</v>
      </c>
      <c r="D6385" t="s">
        <v>6284</v>
      </c>
    </row>
    <row r="6386" spans="1:4" x14ac:dyDescent="0.4">
      <c r="A6386">
        <v>3491153</v>
      </c>
      <c r="B6386" t="s">
        <v>1636</v>
      </c>
      <c r="C6386" t="s">
        <v>6274</v>
      </c>
      <c r="D6386" t="s">
        <v>2713</v>
      </c>
    </row>
    <row r="6387" spans="1:4" x14ac:dyDescent="0.4">
      <c r="A6387">
        <v>3491158</v>
      </c>
      <c r="B6387" t="s">
        <v>1636</v>
      </c>
      <c r="C6387" t="s">
        <v>6274</v>
      </c>
      <c r="D6387" t="s">
        <v>6285</v>
      </c>
    </row>
    <row r="6388" spans="1:4" x14ac:dyDescent="0.4">
      <c r="A6388">
        <v>3491155</v>
      </c>
      <c r="B6388" t="s">
        <v>1636</v>
      </c>
      <c r="C6388" t="s">
        <v>6274</v>
      </c>
      <c r="D6388" t="s">
        <v>4315</v>
      </c>
    </row>
    <row r="6389" spans="1:4" x14ac:dyDescent="0.4">
      <c r="A6389">
        <v>3491157</v>
      </c>
      <c r="B6389" t="s">
        <v>1636</v>
      </c>
      <c r="C6389" t="s">
        <v>6274</v>
      </c>
      <c r="D6389" t="s">
        <v>6286</v>
      </c>
    </row>
    <row r="6390" spans="1:4" x14ac:dyDescent="0.4">
      <c r="A6390">
        <v>3491148</v>
      </c>
      <c r="B6390" t="s">
        <v>1636</v>
      </c>
      <c r="C6390" t="s">
        <v>6274</v>
      </c>
      <c r="D6390" t="s">
        <v>6287</v>
      </c>
    </row>
    <row r="6391" spans="1:4" x14ac:dyDescent="0.4">
      <c r="A6391">
        <v>3491131</v>
      </c>
      <c r="B6391" t="s">
        <v>1636</v>
      </c>
      <c r="C6391" t="s">
        <v>6274</v>
      </c>
      <c r="D6391" t="s">
        <v>6288</v>
      </c>
    </row>
    <row r="6392" spans="1:4" x14ac:dyDescent="0.4">
      <c r="A6392">
        <v>3491132</v>
      </c>
      <c r="B6392" t="s">
        <v>1636</v>
      </c>
      <c r="C6392" t="s">
        <v>6274</v>
      </c>
      <c r="D6392" t="s">
        <v>6289</v>
      </c>
    </row>
    <row r="6393" spans="1:4" x14ac:dyDescent="0.4">
      <c r="A6393">
        <v>3491156</v>
      </c>
      <c r="B6393" t="s">
        <v>1636</v>
      </c>
      <c r="C6393" t="s">
        <v>6274</v>
      </c>
      <c r="D6393" t="s">
        <v>6290</v>
      </c>
    </row>
    <row r="6394" spans="1:4" x14ac:dyDescent="0.4">
      <c r="A6394">
        <v>3491145</v>
      </c>
      <c r="B6394" t="s">
        <v>1636</v>
      </c>
      <c r="C6394" t="s">
        <v>6274</v>
      </c>
      <c r="D6394" t="s">
        <v>6291</v>
      </c>
    </row>
    <row r="6395" spans="1:4" x14ac:dyDescent="0.4">
      <c r="A6395">
        <v>3491141</v>
      </c>
      <c r="B6395" t="s">
        <v>1636</v>
      </c>
      <c r="C6395" t="s">
        <v>6274</v>
      </c>
      <c r="D6395" t="s">
        <v>6292</v>
      </c>
    </row>
    <row r="6396" spans="1:4" x14ac:dyDescent="0.4">
      <c r="A6396">
        <v>3491152</v>
      </c>
      <c r="B6396" t="s">
        <v>1636</v>
      </c>
      <c r="C6396" t="s">
        <v>6274</v>
      </c>
      <c r="D6396" t="s">
        <v>6293</v>
      </c>
    </row>
    <row r="6397" spans="1:4" x14ac:dyDescent="0.4">
      <c r="A6397">
        <v>3450000</v>
      </c>
      <c r="B6397" t="s">
        <v>1636</v>
      </c>
      <c r="C6397" t="s">
        <v>6294</v>
      </c>
    </row>
    <row r="6398" spans="1:4" x14ac:dyDescent="0.4">
      <c r="A6398">
        <v>3450826</v>
      </c>
      <c r="B6398" t="s">
        <v>1636</v>
      </c>
      <c r="C6398" t="s">
        <v>6294</v>
      </c>
      <c r="D6398" t="s">
        <v>6295</v>
      </c>
    </row>
    <row r="6399" spans="1:4" x14ac:dyDescent="0.4">
      <c r="A6399">
        <v>3450822</v>
      </c>
      <c r="B6399" t="s">
        <v>1636</v>
      </c>
      <c r="C6399" t="s">
        <v>6294</v>
      </c>
      <c r="D6399" t="s">
        <v>1658</v>
      </c>
    </row>
    <row r="6400" spans="1:4" x14ac:dyDescent="0.4">
      <c r="A6400">
        <v>3450816</v>
      </c>
      <c r="B6400" t="s">
        <v>1636</v>
      </c>
      <c r="C6400" t="s">
        <v>6294</v>
      </c>
      <c r="D6400" t="s">
        <v>6296</v>
      </c>
    </row>
    <row r="6401" spans="1:4" x14ac:dyDescent="0.4">
      <c r="A6401">
        <v>3450804</v>
      </c>
      <c r="B6401" t="s">
        <v>1636</v>
      </c>
      <c r="C6401" t="s">
        <v>6294</v>
      </c>
      <c r="D6401" t="s">
        <v>6297</v>
      </c>
    </row>
    <row r="6402" spans="1:4" x14ac:dyDescent="0.4">
      <c r="A6402">
        <v>3450834</v>
      </c>
      <c r="B6402" t="s">
        <v>1636</v>
      </c>
      <c r="C6402" t="s">
        <v>6294</v>
      </c>
      <c r="D6402" t="s">
        <v>6298</v>
      </c>
    </row>
    <row r="6403" spans="1:4" x14ac:dyDescent="0.4">
      <c r="A6403">
        <v>3450825</v>
      </c>
      <c r="B6403" t="s">
        <v>1636</v>
      </c>
      <c r="C6403" t="s">
        <v>6294</v>
      </c>
      <c r="D6403" t="s">
        <v>3845</v>
      </c>
    </row>
    <row r="6404" spans="1:4" x14ac:dyDescent="0.4">
      <c r="A6404">
        <v>3450831</v>
      </c>
      <c r="B6404" t="s">
        <v>1636</v>
      </c>
      <c r="C6404" t="s">
        <v>6294</v>
      </c>
      <c r="D6404" t="s">
        <v>3114</v>
      </c>
    </row>
    <row r="6405" spans="1:4" x14ac:dyDescent="0.4">
      <c r="A6405">
        <v>3450821</v>
      </c>
      <c r="B6405" t="s">
        <v>1636</v>
      </c>
      <c r="C6405" t="s">
        <v>6294</v>
      </c>
      <c r="D6405" t="s">
        <v>184</v>
      </c>
    </row>
    <row r="6406" spans="1:4" x14ac:dyDescent="0.4">
      <c r="A6406">
        <v>3450811</v>
      </c>
      <c r="B6406" t="s">
        <v>1636</v>
      </c>
      <c r="C6406" t="s">
        <v>6294</v>
      </c>
      <c r="D6406" t="s">
        <v>6299</v>
      </c>
    </row>
    <row r="6407" spans="1:4" x14ac:dyDescent="0.4">
      <c r="A6407">
        <v>3450815</v>
      </c>
      <c r="B6407" t="s">
        <v>1636</v>
      </c>
      <c r="C6407" t="s">
        <v>6294</v>
      </c>
      <c r="D6407" t="s">
        <v>2025</v>
      </c>
    </row>
    <row r="6408" spans="1:4" x14ac:dyDescent="0.4">
      <c r="A6408">
        <v>3450802</v>
      </c>
      <c r="B6408" t="s">
        <v>1636</v>
      </c>
      <c r="C6408" t="s">
        <v>6294</v>
      </c>
      <c r="D6408" t="s">
        <v>192</v>
      </c>
    </row>
    <row r="6409" spans="1:4" x14ac:dyDescent="0.4">
      <c r="A6409">
        <v>3450833</v>
      </c>
      <c r="B6409" t="s">
        <v>1636</v>
      </c>
      <c r="C6409" t="s">
        <v>6294</v>
      </c>
      <c r="D6409" t="s">
        <v>6300</v>
      </c>
    </row>
    <row r="6410" spans="1:4" x14ac:dyDescent="0.4">
      <c r="A6410">
        <v>3450817</v>
      </c>
      <c r="B6410" t="s">
        <v>1636</v>
      </c>
      <c r="C6410" t="s">
        <v>6294</v>
      </c>
      <c r="D6410" t="s">
        <v>3877</v>
      </c>
    </row>
    <row r="6411" spans="1:4" x14ac:dyDescent="0.4">
      <c r="A6411">
        <v>3450814</v>
      </c>
      <c r="B6411" t="s">
        <v>1636</v>
      </c>
      <c r="C6411" t="s">
        <v>6294</v>
      </c>
      <c r="D6411" t="s">
        <v>1693</v>
      </c>
    </row>
    <row r="6412" spans="1:4" x14ac:dyDescent="0.4">
      <c r="A6412">
        <v>3450832</v>
      </c>
      <c r="B6412" t="s">
        <v>1636</v>
      </c>
      <c r="C6412" t="s">
        <v>6294</v>
      </c>
      <c r="D6412" t="s">
        <v>6301</v>
      </c>
    </row>
    <row r="6413" spans="1:4" x14ac:dyDescent="0.4">
      <c r="A6413">
        <v>3450813</v>
      </c>
      <c r="B6413" t="s">
        <v>1636</v>
      </c>
      <c r="C6413" t="s">
        <v>6294</v>
      </c>
      <c r="D6413" t="s">
        <v>6302</v>
      </c>
    </row>
    <row r="6414" spans="1:4" x14ac:dyDescent="0.4">
      <c r="A6414">
        <v>3450812</v>
      </c>
      <c r="B6414" t="s">
        <v>1636</v>
      </c>
      <c r="C6414" t="s">
        <v>6294</v>
      </c>
      <c r="D6414" t="s">
        <v>6303</v>
      </c>
    </row>
    <row r="6415" spans="1:4" x14ac:dyDescent="0.4">
      <c r="A6415">
        <v>3450827</v>
      </c>
      <c r="B6415" t="s">
        <v>1636</v>
      </c>
      <c r="C6415" t="s">
        <v>6294</v>
      </c>
      <c r="D6415" t="s">
        <v>1779</v>
      </c>
    </row>
    <row r="6416" spans="1:4" x14ac:dyDescent="0.4">
      <c r="A6416">
        <v>3450823</v>
      </c>
      <c r="B6416" t="s">
        <v>1636</v>
      </c>
      <c r="C6416" t="s">
        <v>6294</v>
      </c>
      <c r="D6416" t="s">
        <v>6304</v>
      </c>
    </row>
    <row r="6417" spans="1:4" x14ac:dyDescent="0.4">
      <c r="A6417">
        <v>3450835</v>
      </c>
      <c r="B6417" t="s">
        <v>1636</v>
      </c>
      <c r="C6417" t="s">
        <v>6294</v>
      </c>
      <c r="D6417" t="s">
        <v>6305</v>
      </c>
    </row>
    <row r="6418" spans="1:4" x14ac:dyDescent="0.4">
      <c r="A6418">
        <v>3450803</v>
      </c>
      <c r="B6418" t="s">
        <v>1636</v>
      </c>
      <c r="C6418" t="s">
        <v>6294</v>
      </c>
      <c r="D6418" t="s">
        <v>6306</v>
      </c>
    </row>
    <row r="6419" spans="1:4" x14ac:dyDescent="0.4">
      <c r="A6419">
        <v>3450801</v>
      </c>
      <c r="B6419" t="s">
        <v>1636</v>
      </c>
      <c r="C6419" t="s">
        <v>6294</v>
      </c>
      <c r="D6419" t="s">
        <v>6307</v>
      </c>
    </row>
    <row r="6420" spans="1:4" x14ac:dyDescent="0.4">
      <c r="A6420">
        <v>3450824</v>
      </c>
      <c r="B6420" t="s">
        <v>1636</v>
      </c>
      <c r="C6420" t="s">
        <v>6294</v>
      </c>
      <c r="D6420" t="s">
        <v>406</v>
      </c>
    </row>
    <row r="6421" spans="1:4" x14ac:dyDescent="0.4">
      <c r="A6421">
        <v>3450836</v>
      </c>
      <c r="B6421" t="s">
        <v>1636</v>
      </c>
      <c r="C6421" t="s">
        <v>6294</v>
      </c>
      <c r="D6421" t="s">
        <v>6308</v>
      </c>
    </row>
    <row r="6422" spans="1:4" x14ac:dyDescent="0.4">
      <c r="A6422">
        <v>3490200</v>
      </c>
      <c r="B6422" t="s">
        <v>1636</v>
      </c>
      <c r="C6422" t="s">
        <v>6309</v>
      </c>
    </row>
    <row r="6423" spans="1:4" x14ac:dyDescent="0.4">
      <c r="A6423">
        <v>3490202</v>
      </c>
      <c r="B6423" t="s">
        <v>1636</v>
      </c>
      <c r="C6423" t="s">
        <v>6309</v>
      </c>
      <c r="D6423" t="s">
        <v>6310</v>
      </c>
    </row>
    <row r="6424" spans="1:4" x14ac:dyDescent="0.4">
      <c r="A6424">
        <v>3490225</v>
      </c>
      <c r="B6424" t="s">
        <v>1636</v>
      </c>
      <c r="C6424" t="s">
        <v>6309</v>
      </c>
      <c r="D6424" t="s">
        <v>6311</v>
      </c>
    </row>
    <row r="6425" spans="1:4" x14ac:dyDescent="0.4">
      <c r="A6425">
        <v>3490226</v>
      </c>
      <c r="B6425" t="s">
        <v>1636</v>
      </c>
      <c r="C6425" t="s">
        <v>6309</v>
      </c>
      <c r="D6425" t="s">
        <v>6312</v>
      </c>
    </row>
    <row r="6426" spans="1:4" x14ac:dyDescent="0.4">
      <c r="A6426">
        <v>3490221</v>
      </c>
      <c r="B6426" t="s">
        <v>1636</v>
      </c>
      <c r="C6426" t="s">
        <v>6309</v>
      </c>
      <c r="D6426" t="s">
        <v>1866</v>
      </c>
    </row>
    <row r="6427" spans="1:4" x14ac:dyDescent="0.4">
      <c r="A6427">
        <v>3490217</v>
      </c>
      <c r="B6427" t="s">
        <v>1636</v>
      </c>
      <c r="C6427" t="s">
        <v>6309</v>
      </c>
      <c r="D6427" t="s">
        <v>6313</v>
      </c>
    </row>
    <row r="6428" spans="1:4" x14ac:dyDescent="0.4">
      <c r="A6428">
        <v>3490216</v>
      </c>
      <c r="B6428" t="s">
        <v>1636</v>
      </c>
      <c r="C6428" t="s">
        <v>6309</v>
      </c>
      <c r="D6428" t="s">
        <v>6314</v>
      </c>
    </row>
    <row r="6429" spans="1:4" x14ac:dyDescent="0.4">
      <c r="A6429">
        <v>3490204</v>
      </c>
      <c r="B6429" t="s">
        <v>1636</v>
      </c>
      <c r="C6429" t="s">
        <v>6309</v>
      </c>
      <c r="D6429" t="s">
        <v>6315</v>
      </c>
    </row>
    <row r="6430" spans="1:4" x14ac:dyDescent="0.4">
      <c r="A6430">
        <v>3490201</v>
      </c>
      <c r="B6430" t="s">
        <v>1636</v>
      </c>
      <c r="C6430" t="s">
        <v>6309</v>
      </c>
      <c r="D6430" t="s">
        <v>6316</v>
      </c>
    </row>
    <row r="6431" spans="1:4" x14ac:dyDescent="0.4">
      <c r="A6431">
        <v>3490203</v>
      </c>
      <c r="B6431" t="s">
        <v>1636</v>
      </c>
      <c r="C6431" t="s">
        <v>6309</v>
      </c>
      <c r="D6431" t="s">
        <v>6317</v>
      </c>
    </row>
    <row r="6432" spans="1:4" x14ac:dyDescent="0.4">
      <c r="A6432">
        <v>3490223</v>
      </c>
      <c r="B6432" t="s">
        <v>1636</v>
      </c>
      <c r="C6432" t="s">
        <v>6309</v>
      </c>
      <c r="D6432" t="s">
        <v>1871</v>
      </c>
    </row>
    <row r="6433" spans="1:4" x14ac:dyDescent="0.4">
      <c r="A6433">
        <v>3490218</v>
      </c>
      <c r="B6433" t="s">
        <v>1636</v>
      </c>
      <c r="C6433" t="s">
        <v>6309</v>
      </c>
      <c r="D6433" t="s">
        <v>6318</v>
      </c>
    </row>
    <row r="6434" spans="1:4" x14ac:dyDescent="0.4">
      <c r="A6434">
        <v>3490219</v>
      </c>
      <c r="B6434" t="s">
        <v>1636</v>
      </c>
      <c r="C6434" t="s">
        <v>6309</v>
      </c>
      <c r="D6434" t="s">
        <v>6319</v>
      </c>
    </row>
    <row r="6435" spans="1:4" x14ac:dyDescent="0.4">
      <c r="A6435">
        <v>3490212</v>
      </c>
      <c r="B6435" t="s">
        <v>1636</v>
      </c>
      <c r="C6435" t="s">
        <v>6309</v>
      </c>
      <c r="D6435" t="s">
        <v>6320</v>
      </c>
    </row>
    <row r="6436" spans="1:4" x14ac:dyDescent="0.4">
      <c r="A6436">
        <v>3490215</v>
      </c>
      <c r="B6436" t="s">
        <v>1636</v>
      </c>
      <c r="C6436" t="s">
        <v>6309</v>
      </c>
      <c r="D6436" t="s">
        <v>6321</v>
      </c>
    </row>
    <row r="6437" spans="1:4" x14ac:dyDescent="0.4">
      <c r="A6437">
        <v>3490213</v>
      </c>
      <c r="B6437" t="s">
        <v>1636</v>
      </c>
      <c r="C6437" t="s">
        <v>6309</v>
      </c>
      <c r="D6437" t="s">
        <v>6322</v>
      </c>
    </row>
    <row r="6438" spans="1:4" x14ac:dyDescent="0.4">
      <c r="A6438">
        <v>3490222</v>
      </c>
      <c r="B6438" t="s">
        <v>1636</v>
      </c>
      <c r="C6438" t="s">
        <v>6309</v>
      </c>
      <c r="D6438" t="s">
        <v>6323</v>
      </c>
    </row>
    <row r="6439" spans="1:4" x14ac:dyDescent="0.4">
      <c r="A6439">
        <v>3490214</v>
      </c>
      <c r="B6439" t="s">
        <v>1636</v>
      </c>
      <c r="C6439" t="s">
        <v>6309</v>
      </c>
      <c r="D6439" t="s">
        <v>6324</v>
      </c>
    </row>
    <row r="6440" spans="1:4" x14ac:dyDescent="0.4">
      <c r="A6440">
        <v>3490205</v>
      </c>
      <c r="B6440" t="s">
        <v>1636</v>
      </c>
      <c r="C6440" t="s">
        <v>6309</v>
      </c>
      <c r="D6440" t="s">
        <v>806</v>
      </c>
    </row>
    <row r="6441" spans="1:4" x14ac:dyDescent="0.4">
      <c r="A6441">
        <v>3490224</v>
      </c>
      <c r="B6441" t="s">
        <v>1636</v>
      </c>
      <c r="C6441" t="s">
        <v>6309</v>
      </c>
      <c r="D6441" t="s">
        <v>6325</v>
      </c>
    </row>
    <row r="6442" spans="1:4" x14ac:dyDescent="0.4">
      <c r="A6442">
        <v>3490211</v>
      </c>
      <c r="B6442" t="s">
        <v>1636</v>
      </c>
      <c r="C6442" t="s">
        <v>6309</v>
      </c>
      <c r="D6442" t="s">
        <v>3720</v>
      </c>
    </row>
    <row r="6443" spans="1:4" x14ac:dyDescent="0.4">
      <c r="A6443">
        <v>3460100</v>
      </c>
      <c r="B6443" t="s">
        <v>1636</v>
      </c>
      <c r="C6443" t="s">
        <v>6326</v>
      </c>
    </row>
    <row r="6444" spans="1:4" x14ac:dyDescent="0.4">
      <c r="A6444">
        <v>3460115</v>
      </c>
      <c r="B6444" t="s">
        <v>1636</v>
      </c>
      <c r="C6444" t="s">
        <v>6326</v>
      </c>
      <c r="D6444" t="s">
        <v>1982</v>
      </c>
    </row>
    <row r="6445" spans="1:4" x14ac:dyDescent="0.4">
      <c r="A6445">
        <v>3460111</v>
      </c>
      <c r="B6445" t="s">
        <v>1636</v>
      </c>
      <c r="C6445" t="s">
        <v>6326</v>
      </c>
      <c r="D6445" t="s">
        <v>2750</v>
      </c>
    </row>
    <row r="6446" spans="1:4" x14ac:dyDescent="0.4">
      <c r="A6446">
        <v>3460114</v>
      </c>
      <c r="B6446" t="s">
        <v>1636</v>
      </c>
      <c r="C6446" t="s">
        <v>6326</v>
      </c>
      <c r="D6446" t="s">
        <v>6327</v>
      </c>
    </row>
    <row r="6447" spans="1:4" x14ac:dyDescent="0.4">
      <c r="A6447">
        <v>3460102</v>
      </c>
      <c r="B6447" t="s">
        <v>1636</v>
      </c>
      <c r="C6447" t="s">
        <v>6326</v>
      </c>
      <c r="D6447" t="s">
        <v>6328</v>
      </c>
    </row>
    <row r="6448" spans="1:4" x14ac:dyDescent="0.4">
      <c r="A6448">
        <v>3460104</v>
      </c>
      <c r="B6448" t="s">
        <v>1636</v>
      </c>
      <c r="C6448" t="s">
        <v>6326</v>
      </c>
      <c r="D6448" t="s">
        <v>2195</v>
      </c>
    </row>
    <row r="6449" spans="1:4" x14ac:dyDescent="0.4">
      <c r="A6449">
        <v>3460112</v>
      </c>
      <c r="B6449" t="s">
        <v>1636</v>
      </c>
      <c r="C6449" t="s">
        <v>6326</v>
      </c>
      <c r="D6449" t="s">
        <v>6329</v>
      </c>
    </row>
    <row r="6450" spans="1:4" x14ac:dyDescent="0.4">
      <c r="A6450">
        <v>3460113</v>
      </c>
      <c r="B6450" t="s">
        <v>1636</v>
      </c>
      <c r="C6450" t="s">
        <v>6326</v>
      </c>
      <c r="D6450" t="s">
        <v>6330</v>
      </c>
    </row>
    <row r="6451" spans="1:4" x14ac:dyDescent="0.4">
      <c r="A6451">
        <v>3460106</v>
      </c>
      <c r="B6451" t="s">
        <v>1636</v>
      </c>
      <c r="C6451" t="s">
        <v>6326</v>
      </c>
      <c r="D6451" t="s">
        <v>6331</v>
      </c>
    </row>
    <row r="6452" spans="1:4" x14ac:dyDescent="0.4">
      <c r="A6452">
        <v>3460101</v>
      </c>
      <c r="B6452" t="s">
        <v>1636</v>
      </c>
      <c r="C6452" t="s">
        <v>6326</v>
      </c>
      <c r="D6452" t="s">
        <v>6332</v>
      </c>
    </row>
    <row r="6453" spans="1:4" x14ac:dyDescent="0.4">
      <c r="A6453">
        <v>3460103</v>
      </c>
      <c r="B6453" t="s">
        <v>1636</v>
      </c>
      <c r="C6453" t="s">
        <v>6326</v>
      </c>
      <c r="D6453" t="s">
        <v>3201</v>
      </c>
    </row>
    <row r="6454" spans="1:4" x14ac:dyDescent="0.4">
      <c r="A6454">
        <v>3460105</v>
      </c>
      <c r="B6454" t="s">
        <v>1636</v>
      </c>
      <c r="C6454" t="s">
        <v>6326</v>
      </c>
      <c r="D6454" t="s">
        <v>1493</v>
      </c>
    </row>
    <row r="6455" spans="1:4" x14ac:dyDescent="0.4">
      <c r="A6455">
        <v>3491100</v>
      </c>
      <c r="B6455" t="s">
        <v>1636</v>
      </c>
      <c r="C6455" t="s">
        <v>6333</v>
      </c>
    </row>
    <row r="6456" spans="1:4" x14ac:dyDescent="0.4">
      <c r="A6456">
        <v>3491115</v>
      </c>
      <c r="B6456" t="s">
        <v>1636</v>
      </c>
      <c r="C6456" t="s">
        <v>6333</v>
      </c>
      <c r="D6456" t="s">
        <v>590</v>
      </c>
    </row>
    <row r="6457" spans="1:4" x14ac:dyDescent="0.4">
      <c r="A6457">
        <v>3491121</v>
      </c>
      <c r="B6457" t="s">
        <v>1636</v>
      </c>
      <c r="C6457" t="s">
        <v>6333</v>
      </c>
      <c r="D6457" t="s">
        <v>6334</v>
      </c>
    </row>
    <row r="6458" spans="1:4" x14ac:dyDescent="0.4">
      <c r="A6458">
        <v>3491114</v>
      </c>
      <c r="B6458" t="s">
        <v>1636</v>
      </c>
      <c r="C6458" t="s">
        <v>6333</v>
      </c>
      <c r="D6458" t="s">
        <v>6335</v>
      </c>
    </row>
    <row r="6459" spans="1:4" x14ac:dyDescent="0.4">
      <c r="A6459">
        <v>3491101</v>
      </c>
      <c r="B6459" t="s">
        <v>1636</v>
      </c>
      <c r="C6459" t="s">
        <v>6333</v>
      </c>
      <c r="D6459" t="s">
        <v>3561</v>
      </c>
    </row>
    <row r="6460" spans="1:4" x14ac:dyDescent="0.4">
      <c r="A6460">
        <v>3491111</v>
      </c>
      <c r="B6460" t="s">
        <v>1636</v>
      </c>
      <c r="C6460" t="s">
        <v>6333</v>
      </c>
      <c r="D6460" t="s">
        <v>6336</v>
      </c>
    </row>
    <row r="6461" spans="1:4" x14ac:dyDescent="0.4">
      <c r="A6461">
        <v>3491113</v>
      </c>
      <c r="B6461" t="s">
        <v>1636</v>
      </c>
      <c r="C6461" t="s">
        <v>6333</v>
      </c>
      <c r="D6461" t="s">
        <v>6337</v>
      </c>
    </row>
    <row r="6462" spans="1:4" x14ac:dyDescent="0.4">
      <c r="A6462">
        <v>3491104</v>
      </c>
      <c r="B6462" t="s">
        <v>1636</v>
      </c>
      <c r="C6462" t="s">
        <v>6333</v>
      </c>
      <c r="D6462" t="s">
        <v>6338</v>
      </c>
    </row>
    <row r="6463" spans="1:4" x14ac:dyDescent="0.4">
      <c r="A6463">
        <v>3491105</v>
      </c>
      <c r="B6463" t="s">
        <v>1636</v>
      </c>
      <c r="C6463" t="s">
        <v>6333</v>
      </c>
      <c r="D6463" t="s">
        <v>6339</v>
      </c>
    </row>
    <row r="6464" spans="1:4" x14ac:dyDescent="0.4">
      <c r="A6464">
        <v>3491124</v>
      </c>
      <c r="B6464" t="s">
        <v>1636</v>
      </c>
      <c r="C6464" t="s">
        <v>6333</v>
      </c>
      <c r="D6464" t="s">
        <v>4197</v>
      </c>
    </row>
    <row r="6465" spans="1:4" x14ac:dyDescent="0.4">
      <c r="A6465">
        <v>3491116</v>
      </c>
      <c r="B6465" t="s">
        <v>1636</v>
      </c>
      <c r="C6465" t="s">
        <v>6333</v>
      </c>
      <c r="D6465" t="s">
        <v>6340</v>
      </c>
    </row>
    <row r="6466" spans="1:4" x14ac:dyDescent="0.4">
      <c r="A6466">
        <v>3491125</v>
      </c>
      <c r="B6466" t="s">
        <v>1636</v>
      </c>
      <c r="C6466" t="s">
        <v>6333</v>
      </c>
      <c r="D6466" t="s">
        <v>182</v>
      </c>
    </row>
    <row r="6467" spans="1:4" x14ac:dyDescent="0.4">
      <c r="A6467">
        <v>3491102</v>
      </c>
      <c r="B6467" t="s">
        <v>1636</v>
      </c>
      <c r="C6467" t="s">
        <v>6333</v>
      </c>
      <c r="D6467" t="s">
        <v>184</v>
      </c>
    </row>
    <row r="6468" spans="1:4" x14ac:dyDescent="0.4">
      <c r="A6468">
        <v>3491112</v>
      </c>
      <c r="B6468" t="s">
        <v>1636</v>
      </c>
      <c r="C6468" t="s">
        <v>6333</v>
      </c>
      <c r="D6468" t="s">
        <v>191</v>
      </c>
    </row>
    <row r="6469" spans="1:4" x14ac:dyDescent="0.4">
      <c r="A6469">
        <v>3491103</v>
      </c>
      <c r="B6469" t="s">
        <v>1636</v>
      </c>
      <c r="C6469" t="s">
        <v>6333</v>
      </c>
      <c r="D6469" t="s">
        <v>1693</v>
      </c>
    </row>
    <row r="6470" spans="1:4" x14ac:dyDescent="0.4">
      <c r="A6470">
        <v>3491123</v>
      </c>
      <c r="B6470" t="s">
        <v>1636</v>
      </c>
      <c r="C6470" t="s">
        <v>6333</v>
      </c>
      <c r="D6470" t="s">
        <v>6341</v>
      </c>
    </row>
    <row r="6471" spans="1:4" x14ac:dyDescent="0.4">
      <c r="A6471">
        <v>3491122</v>
      </c>
      <c r="B6471" t="s">
        <v>1636</v>
      </c>
      <c r="C6471" t="s">
        <v>6333</v>
      </c>
      <c r="D6471" t="s">
        <v>6342</v>
      </c>
    </row>
    <row r="6472" spans="1:4" x14ac:dyDescent="0.4">
      <c r="A6472">
        <v>3491106</v>
      </c>
      <c r="B6472" t="s">
        <v>1636</v>
      </c>
      <c r="C6472" t="s">
        <v>6333</v>
      </c>
      <c r="D6472" t="s">
        <v>757</v>
      </c>
    </row>
    <row r="6473" spans="1:4" x14ac:dyDescent="0.4">
      <c r="A6473">
        <v>3491117</v>
      </c>
      <c r="B6473" t="s">
        <v>1636</v>
      </c>
      <c r="C6473" t="s">
        <v>6333</v>
      </c>
      <c r="D6473" t="s">
        <v>6343</v>
      </c>
    </row>
    <row r="6474" spans="1:4" x14ac:dyDescent="0.4">
      <c r="A6474">
        <v>3400200</v>
      </c>
      <c r="B6474" t="s">
        <v>1636</v>
      </c>
      <c r="C6474" t="s">
        <v>6344</v>
      </c>
    </row>
    <row r="6475" spans="1:4" x14ac:dyDescent="0.4">
      <c r="A6475">
        <v>3400211</v>
      </c>
      <c r="B6475" t="s">
        <v>1636</v>
      </c>
      <c r="C6475" t="s">
        <v>6344</v>
      </c>
      <c r="D6475" t="s">
        <v>6345</v>
      </c>
    </row>
    <row r="6476" spans="1:4" x14ac:dyDescent="0.4">
      <c r="A6476">
        <v>3400204</v>
      </c>
      <c r="B6476" t="s">
        <v>1636</v>
      </c>
      <c r="C6476" t="s">
        <v>6344</v>
      </c>
      <c r="D6476" t="s">
        <v>6346</v>
      </c>
    </row>
    <row r="6477" spans="1:4" x14ac:dyDescent="0.4">
      <c r="A6477">
        <v>3400212</v>
      </c>
      <c r="B6477" t="s">
        <v>1636</v>
      </c>
      <c r="C6477" t="s">
        <v>6344</v>
      </c>
      <c r="D6477" t="s">
        <v>6347</v>
      </c>
    </row>
    <row r="6478" spans="1:4" x14ac:dyDescent="0.4">
      <c r="A6478">
        <v>3400214</v>
      </c>
      <c r="B6478" t="s">
        <v>1636</v>
      </c>
      <c r="C6478" t="s">
        <v>6344</v>
      </c>
      <c r="D6478" t="s">
        <v>6348</v>
      </c>
    </row>
    <row r="6479" spans="1:4" x14ac:dyDescent="0.4">
      <c r="A6479">
        <v>3400215</v>
      </c>
      <c r="B6479" t="s">
        <v>1636</v>
      </c>
      <c r="C6479" t="s">
        <v>6344</v>
      </c>
      <c r="D6479" t="s">
        <v>730</v>
      </c>
    </row>
    <row r="6480" spans="1:4" x14ac:dyDescent="0.4">
      <c r="A6480">
        <v>3400203</v>
      </c>
      <c r="B6480" t="s">
        <v>1636</v>
      </c>
      <c r="C6480" t="s">
        <v>6344</v>
      </c>
      <c r="D6480" t="s">
        <v>1813</v>
      </c>
    </row>
    <row r="6481" spans="1:4" x14ac:dyDescent="0.4">
      <c r="A6481">
        <v>3400218</v>
      </c>
      <c r="B6481" t="s">
        <v>1636</v>
      </c>
      <c r="C6481" t="s">
        <v>6344</v>
      </c>
      <c r="D6481" t="s">
        <v>4315</v>
      </c>
    </row>
    <row r="6482" spans="1:4" x14ac:dyDescent="0.4">
      <c r="A6482">
        <v>3400205</v>
      </c>
      <c r="B6482" t="s">
        <v>1636</v>
      </c>
      <c r="C6482" t="s">
        <v>6344</v>
      </c>
      <c r="D6482" t="s">
        <v>5912</v>
      </c>
    </row>
    <row r="6483" spans="1:4" x14ac:dyDescent="0.4">
      <c r="A6483">
        <v>3400216</v>
      </c>
      <c r="B6483" t="s">
        <v>1636</v>
      </c>
      <c r="C6483" t="s">
        <v>6344</v>
      </c>
      <c r="D6483" t="s">
        <v>184</v>
      </c>
    </row>
    <row r="6484" spans="1:4" x14ac:dyDescent="0.4">
      <c r="A6484">
        <v>3400213</v>
      </c>
      <c r="B6484" t="s">
        <v>1636</v>
      </c>
      <c r="C6484" t="s">
        <v>6344</v>
      </c>
      <c r="D6484" t="s">
        <v>6349</v>
      </c>
    </row>
    <row r="6485" spans="1:4" x14ac:dyDescent="0.4">
      <c r="A6485">
        <v>3400206</v>
      </c>
      <c r="B6485" t="s">
        <v>1636</v>
      </c>
      <c r="C6485" t="s">
        <v>6344</v>
      </c>
      <c r="D6485" t="s">
        <v>6350</v>
      </c>
    </row>
    <row r="6486" spans="1:4" x14ac:dyDescent="0.4">
      <c r="A6486">
        <v>3400201</v>
      </c>
      <c r="B6486" t="s">
        <v>1636</v>
      </c>
      <c r="C6486" t="s">
        <v>6344</v>
      </c>
      <c r="D6486" t="s">
        <v>6351</v>
      </c>
    </row>
    <row r="6487" spans="1:4" x14ac:dyDescent="0.4">
      <c r="A6487">
        <v>3400202</v>
      </c>
      <c r="B6487" t="s">
        <v>1636</v>
      </c>
      <c r="C6487" t="s">
        <v>6344</v>
      </c>
      <c r="D6487" t="s">
        <v>6352</v>
      </c>
    </row>
    <row r="6488" spans="1:4" x14ac:dyDescent="0.4">
      <c r="A6488">
        <v>3400217</v>
      </c>
      <c r="B6488" t="s">
        <v>1636</v>
      </c>
      <c r="C6488" t="s">
        <v>6344</v>
      </c>
      <c r="D6488" t="s">
        <v>6353</v>
      </c>
    </row>
    <row r="6489" spans="1:4" x14ac:dyDescent="0.4">
      <c r="A6489">
        <v>3450000</v>
      </c>
      <c r="B6489" t="s">
        <v>1636</v>
      </c>
      <c r="C6489" t="s">
        <v>6354</v>
      </c>
    </row>
    <row r="6490" spans="1:4" x14ac:dyDescent="0.4">
      <c r="A6490">
        <v>3450035</v>
      </c>
      <c r="B6490" t="s">
        <v>1636</v>
      </c>
      <c r="C6490" t="s">
        <v>6354</v>
      </c>
      <c r="D6490" t="s">
        <v>324</v>
      </c>
    </row>
    <row r="6491" spans="1:4" x14ac:dyDescent="0.4">
      <c r="A6491">
        <v>3450042</v>
      </c>
      <c r="B6491" t="s">
        <v>1636</v>
      </c>
      <c r="C6491" t="s">
        <v>6354</v>
      </c>
      <c r="D6491" t="s">
        <v>891</v>
      </c>
    </row>
    <row r="6492" spans="1:4" x14ac:dyDescent="0.4">
      <c r="A6492">
        <v>3450022</v>
      </c>
      <c r="B6492" t="s">
        <v>1636</v>
      </c>
      <c r="C6492" t="s">
        <v>6354</v>
      </c>
      <c r="D6492" t="s">
        <v>1536</v>
      </c>
    </row>
    <row r="6493" spans="1:4" x14ac:dyDescent="0.4">
      <c r="A6493">
        <v>3450021</v>
      </c>
      <c r="B6493" t="s">
        <v>1636</v>
      </c>
      <c r="C6493" t="s">
        <v>6354</v>
      </c>
      <c r="D6493" t="s">
        <v>6355</v>
      </c>
    </row>
    <row r="6494" spans="1:4" x14ac:dyDescent="0.4">
      <c r="A6494">
        <v>3450001</v>
      </c>
      <c r="B6494" t="s">
        <v>1636</v>
      </c>
      <c r="C6494" t="s">
        <v>6354</v>
      </c>
      <c r="D6494" t="s">
        <v>6356</v>
      </c>
    </row>
    <row r="6495" spans="1:4" x14ac:dyDescent="0.4">
      <c r="A6495">
        <v>3450003</v>
      </c>
      <c r="B6495" t="s">
        <v>1636</v>
      </c>
      <c r="C6495" t="s">
        <v>6354</v>
      </c>
      <c r="D6495" t="s">
        <v>6357</v>
      </c>
    </row>
    <row r="6496" spans="1:4" x14ac:dyDescent="0.4">
      <c r="A6496">
        <v>3450034</v>
      </c>
      <c r="B6496" t="s">
        <v>1636</v>
      </c>
      <c r="C6496" t="s">
        <v>6354</v>
      </c>
      <c r="D6496" t="s">
        <v>6358</v>
      </c>
    </row>
    <row r="6497" spans="1:4" x14ac:dyDescent="0.4">
      <c r="A6497">
        <v>3450014</v>
      </c>
      <c r="B6497" t="s">
        <v>1636</v>
      </c>
      <c r="C6497" t="s">
        <v>6354</v>
      </c>
      <c r="D6497" t="s">
        <v>6359</v>
      </c>
    </row>
    <row r="6498" spans="1:4" x14ac:dyDescent="0.4">
      <c r="A6498">
        <v>3450033</v>
      </c>
      <c r="B6498" t="s">
        <v>1636</v>
      </c>
      <c r="C6498" t="s">
        <v>6354</v>
      </c>
      <c r="D6498" t="s">
        <v>6360</v>
      </c>
    </row>
    <row r="6499" spans="1:4" x14ac:dyDescent="0.4">
      <c r="A6499">
        <v>3450043</v>
      </c>
      <c r="B6499" t="s">
        <v>1636</v>
      </c>
      <c r="C6499" t="s">
        <v>6354</v>
      </c>
      <c r="D6499" t="s">
        <v>683</v>
      </c>
    </row>
    <row r="6500" spans="1:4" x14ac:dyDescent="0.4">
      <c r="A6500">
        <v>3450044</v>
      </c>
      <c r="B6500" t="s">
        <v>1636</v>
      </c>
      <c r="C6500" t="s">
        <v>6354</v>
      </c>
      <c r="D6500" t="s">
        <v>3901</v>
      </c>
    </row>
    <row r="6501" spans="1:4" x14ac:dyDescent="0.4">
      <c r="A6501">
        <v>3450036</v>
      </c>
      <c r="B6501" t="s">
        <v>1636</v>
      </c>
      <c r="C6501" t="s">
        <v>6354</v>
      </c>
      <c r="D6501" t="s">
        <v>556</v>
      </c>
    </row>
    <row r="6502" spans="1:4" x14ac:dyDescent="0.4">
      <c r="A6502">
        <v>3450025</v>
      </c>
      <c r="B6502" t="s">
        <v>1636</v>
      </c>
      <c r="C6502" t="s">
        <v>6354</v>
      </c>
      <c r="D6502" t="s">
        <v>6361</v>
      </c>
    </row>
    <row r="6503" spans="1:4" x14ac:dyDescent="0.4">
      <c r="A6503">
        <v>3450047</v>
      </c>
      <c r="B6503" t="s">
        <v>1636</v>
      </c>
      <c r="C6503" t="s">
        <v>6354</v>
      </c>
      <c r="D6503" t="s">
        <v>6362</v>
      </c>
    </row>
    <row r="6504" spans="1:4" x14ac:dyDescent="0.4">
      <c r="A6504">
        <v>3450045</v>
      </c>
      <c r="B6504" t="s">
        <v>1636</v>
      </c>
      <c r="C6504" t="s">
        <v>6354</v>
      </c>
      <c r="D6504" t="s">
        <v>6363</v>
      </c>
    </row>
    <row r="6505" spans="1:4" x14ac:dyDescent="0.4">
      <c r="A6505">
        <v>3450046</v>
      </c>
      <c r="B6505" t="s">
        <v>1636</v>
      </c>
      <c r="C6505" t="s">
        <v>6354</v>
      </c>
      <c r="D6505" t="s">
        <v>6364</v>
      </c>
    </row>
    <row r="6506" spans="1:4" x14ac:dyDescent="0.4">
      <c r="A6506">
        <v>3450024</v>
      </c>
      <c r="B6506" t="s">
        <v>1636</v>
      </c>
      <c r="C6506" t="s">
        <v>6354</v>
      </c>
      <c r="D6506" t="s">
        <v>3629</v>
      </c>
    </row>
    <row r="6507" spans="1:4" x14ac:dyDescent="0.4">
      <c r="A6507">
        <v>3450013</v>
      </c>
      <c r="B6507" t="s">
        <v>1636</v>
      </c>
      <c r="C6507" t="s">
        <v>6354</v>
      </c>
      <c r="D6507" t="s">
        <v>186</v>
      </c>
    </row>
    <row r="6508" spans="1:4" x14ac:dyDescent="0.4">
      <c r="A6508">
        <v>3450031</v>
      </c>
      <c r="B6508" t="s">
        <v>1636</v>
      </c>
      <c r="C6508" t="s">
        <v>6354</v>
      </c>
      <c r="D6508" t="s">
        <v>6365</v>
      </c>
    </row>
    <row r="6509" spans="1:4" x14ac:dyDescent="0.4">
      <c r="A6509">
        <v>3450015</v>
      </c>
      <c r="B6509" t="s">
        <v>1636</v>
      </c>
      <c r="C6509" t="s">
        <v>6354</v>
      </c>
      <c r="D6509" t="s">
        <v>6366</v>
      </c>
    </row>
    <row r="6510" spans="1:4" x14ac:dyDescent="0.4">
      <c r="A6510">
        <v>3450041</v>
      </c>
      <c r="B6510" t="s">
        <v>1636</v>
      </c>
      <c r="C6510" t="s">
        <v>6354</v>
      </c>
      <c r="D6510" t="s">
        <v>6367</v>
      </c>
    </row>
    <row r="6511" spans="1:4" x14ac:dyDescent="0.4">
      <c r="A6511">
        <v>3450011</v>
      </c>
      <c r="B6511" t="s">
        <v>1636</v>
      </c>
      <c r="C6511" t="s">
        <v>6354</v>
      </c>
      <c r="D6511" t="s">
        <v>6368</v>
      </c>
    </row>
    <row r="6512" spans="1:4" x14ac:dyDescent="0.4">
      <c r="A6512">
        <v>3450032</v>
      </c>
      <c r="B6512" t="s">
        <v>1636</v>
      </c>
      <c r="C6512" t="s">
        <v>6354</v>
      </c>
      <c r="D6512" t="s">
        <v>6369</v>
      </c>
    </row>
    <row r="6513" spans="1:4" x14ac:dyDescent="0.4">
      <c r="A6513">
        <v>3450012</v>
      </c>
      <c r="B6513" t="s">
        <v>1636</v>
      </c>
      <c r="C6513" t="s">
        <v>6354</v>
      </c>
      <c r="D6513" t="s">
        <v>6370</v>
      </c>
    </row>
    <row r="6514" spans="1:4" x14ac:dyDescent="0.4">
      <c r="A6514">
        <v>3450023</v>
      </c>
      <c r="B6514" t="s">
        <v>1636</v>
      </c>
      <c r="C6514" t="s">
        <v>6354</v>
      </c>
      <c r="D6514" t="s">
        <v>210</v>
      </c>
    </row>
    <row r="6515" spans="1:4" x14ac:dyDescent="0.4">
      <c r="A6515">
        <v>3450004</v>
      </c>
      <c r="B6515" t="s">
        <v>1636</v>
      </c>
      <c r="C6515" t="s">
        <v>6354</v>
      </c>
      <c r="D6515" t="s">
        <v>398</v>
      </c>
    </row>
    <row r="6516" spans="1:4" x14ac:dyDescent="0.4">
      <c r="A6516">
        <v>3450005</v>
      </c>
      <c r="B6516" t="s">
        <v>1636</v>
      </c>
      <c r="C6516" t="s">
        <v>6354</v>
      </c>
      <c r="D6516" t="s">
        <v>6371</v>
      </c>
    </row>
    <row r="6517" spans="1:4" x14ac:dyDescent="0.4">
      <c r="A6517">
        <v>3450037</v>
      </c>
      <c r="B6517" t="s">
        <v>1636</v>
      </c>
      <c r="C6517" t="s">
        <v>6354</v>
      </c>
      <c r="D6517" t="s">
        <v>6372</v>
      </c>
    </row>
    <row r="6518" spans="1:4" x14ac:dyDescent="0.4">
      <c r="A6518">
        <v>3450002</v>
      </c>
      <c r="B6518" t="s">
        <v>1636</v>
      </c>
      <c r="C6518" t="s">
        <v>6354</v>
      </c>
      <c r="D6518" t="s">
        <v>6373</v>
      </c>
    </row>
    <row r="6519" spans="1:4" x14ac:dyDescent="0.4">
      <c r="A6519">
        <v>3430100</v>
      </c>
      <c r="B6519" t="s">
        <v>1636</v>
      </c>
      <c r="C6519" t="s">
        <v>6374</v>
      </c>
    </row>
    <row r="6520" spans="1:4" x14ac:dyDescent="0.4">
      <c r="A6520">
        <v>3430101</v>
      </c>
      <c r="B6520" t="s">
        <v>1636</v>
      </c>
      <c r="C6520" t="s">
        <v>6374</v>
      </c>
      <c r="D6520" t="s">
        <v>6375</v>
      </c>
    </row>
    <row r="6521" spans="1:4" x14ac:dyDescent="0.4">
      <c r="A6521">
        <v>3430106</v>
      </c>
      <c r="B6521" t="s">
        <v>1636</v>
      </c>
      <c r="C6521" t="s">
        <v>6374</v>
      </c>
      <c r="D6521" t="s">
        <v>6376</v>
      </c>
    </row>
    <row r="6522" spans="1:4" x14ac:dyDescent="0.4">
      <c r="A6522">
        <v>3430103</v>
      </c>
      <c r="B6522" t="s">
        <v>1636</v>
      </c>
      <c r="C6522" t="s">
        <v>6374</v>
      </c>
      <c r="D6522" t="s">
        <v>3606</v>
      </c>
    </row>
    <row r="6523" spans="1:4" x14ac:dyDescent="0.4">
      <c r="A6523">
        <v>3430115</v>
      </c>
      <c r="B6523" t="s">
        <v>1636</v>
      </c>
      <c r="C6523" t="s">
        <v>6374</v>
      </c>
      <c r="D6523" t="s">
        <v>6377</v>
      </c>
    </row>
    <row r="6524" spans="1:4" x14ac:dyDescent="0.4">
      <c r="A6524">
        <v>3430116</v>
      </c>
      <c r="B6524" t="s">
        <v>1636</v>
      </c>
      <c r="C6524" t="s">
        <v>6374</v>
      </c>
      <c r="D6524" t="s">
        <v>6378</v>
      </c>
    </row>
    <row r="6525" spans="1:4" x14ac:dyDescent="0.4">
      <c r="A6525">
        <v>3430105</v>
      </c>
      <c r="B6525" t="s">
        <v>1636</v>
      </c>
      <c r="C6525" t="s">
        <v>6374</v>
      </c>
      <c r="D6525" t="s">
        <v>1819</v>
      </c>
    </row>
    <row r="6526" spans="1:4" x14ac:dyDescent="0.4">
      <c r="A6526">
        <v>3430104</v>
      </c>
      <c r="B6526" t="s">
        <v>1636</v>
      </c>
      <c r="C6526" t="s">
        <v>6374</v>
      </c>
      <c r="D6526" t="s">
        <v>6379</v>
      </c>
    </row>
    <row r="6527" spans="1:4" x14ac:dyDescent="0.4">
      <c r="A6527">
        <v>3430117</v>
      </c>
      <c r="B6527" t="s">
        <v>1636</v>
      </c>
      <c r="C6527" t="s">
        <v>6374</v>
      </c>
      <c r="D6527" t="s">
        <v>443</v>
      </c>
    </row>
    <row r="6528" spans="1:4" x14ac:dyDescent="0.4">
      <c r="A6528">
        <v>3430102</v>
      </c>
      <c r="B6528" t="s">
        <v>1636</v>
      </c>
      <c r="C6528" t="s">
        <v>6374</v>
      </c>
      <c r="D6528" t="s">
        <v>6380</v>
      </c>
    </row>
    <row r="6529" spans="1:4" x14ac:dyDescent="0.4">
      <c r="A6529">
        <v>3430112</v>
      </c>
      <c r="B6529" t="s">
        <v>1636</v>
      </c>
      <c r="C6529" t="s">
        <v>6374</v>
      </c>
      <c r="D6529" t="s">
        <v>6381</v>
      </c>
    </row>
    <row r="6530" spans="1:4" x14ac:dyDescent="0.4">
      <c r="A6530">
        <v>3430111</v>
      </c>
      <c r="B6530" t="s">
        <v>1636</v>
      </c>
      <c r="C6530" t="s">
        <v>6374</v>
      </c>
      <c r="D6530" t="s">
        <v>6382</v>
      </c>
    </row>
    <row r="6531" spans="1:4" x14ac:dyDescent="0.4">
      <c r="A6531">
        <v>3430113</v>
      </c>
      <c r="B6531" t="s">
        <v>1636</v>
      </c>
      <c r="C6531" t="s">
        <v>6374</v>
      </c>
      <c r="D6531" t="s">
        <v>6383</v>
      </c>
    </row>
    <row r="6532" spans="1:4" x14ac:dyDescent="0.4">
      <c r="A6532">
        <v>3430114</v>
      </c>
      <c r="B6532" t="s">
        <v>1636</v>
      </c>
      <c r="C6532" t="s">
        <v>6374</v>
      </c>
      <c r="D6532" t="s">
        <v>6384</v>
      </c>
    </row>
    <row r="6533" spans="1:4" x14ac:dyDescent="0.4">
      <c r="A6533">
        <v>1006027</v>
      </c>
      <c r="B6533" t="s">
        <v>815</v>
      </c>
      <c r="C6533" t="s">
        <v>816</v>
      </c>
      <c r="D6533" t="s">
        <v>6385</v>
      </c>
    </row>
    <row r="6534" spans="1:4" x14ac:dyDescent="0.4">
      <c r="A6534">
        <v>1076216</v>
      </c>
      <c r="B6534" t="s">
        <v>815</v>
      </c>
      <c r="C6534" t="s">
        <v>818</v>
      </c>
      <c r="D6534" t="s">
        <v>6386</v>
      </c>
    </row>
    <row r="6535" spans="1:4" x14ac:dyDescent="0.4">
      <c r="A6535">
        <v>1066103</v>
      </c>
      <c r="B6535" t="s">
        <v>815</v>
      </c>
      <c r="C6535" t="s">
        <v>818</v>
      </c>
      <c r="D6535" t="s">
        <v>6387</v>
      </c>
    </row>
    <row r="6536" spans="1:4" x14ac:dyDescent="0.4">
      <c r="A6536">
        <v>1636003</v>
      </c>
      <c r="B6536" t="s">
        <v>815</v>
      </c>
      <c r="C6536" t="s">
        <v>820</v>
      </c>
      <c r="D6536" t="s">
        <v>6388</v>
      </c>
    </row>
    <row r="6537" spans="1:4" x14ac:dyDescent="0.4">
      <c r="A6537">
        <v>1540000</v>
      </c>
      <c r="B6537" t="s">
        <v>815</v>
      </c>
      <c r="C6537" t="s">
        <v>6389</v>
      </c>
    </row>
    <row r="6538" spans="1:4" x14ac:dyDescent="0.4">
      <c r="A6538">
        <v>1640001</v>
      </c>
      <c r="B6538" t="s">
        <v>815</v>
      </c>
      <c r="C6538" t="s">
        <v>1318</v>
      </c>
      <c r="D6538" t="s">
        <v>194</v>
      </c>
    </row>
    <row r="6539" spans="1:4" x14ac:dyDescent="0.4">
      <c r="A6539">
        <v>1650025</v>
      </c>
      <c r="B6539" t="s">
        <v>815</v>
      </c>
      <c r="C6539" t="s">
        <v>1318</v>
      </c>
      <c r="D6539" t="s">
        <v>6390</v>
      </c>
    </row>
    <row r="6540" spans="1:4" x14ac:dyDescent="0.4">
      <c r="A6540">
        <v>1650027</v>
      </c>
      <c r="B6540" t="s">
        <v>815</v>
      </c>
      <c r="C6540" t="s">
        <v>1318</v>
      </c>
      <c r="D6540" t="s">
        <v>6391</v>
      </c>
    </row>
    <row r="6541" spans="1:4" x14ac:dyDescent="0.4">
      <c r="A6541">
        <v>1640003</v>
      </c>
      <c r="B6541" t="s">
        <v>815</v>
      </c>
      <c r="C6541" t="s">
        <v>1318</v>
      </c>
      <c r="D6541" t="s">
        <v>1601</v>
      </c>
    </row>
    <row r="6542" spans="1:4" x14ac:dyDescent="0.4">
      <c r="A6542">
        <v>1640012</v>
      </c>
      <c r="B6542" t="s">
        <v>815</v>
      </c>
      <c r="C6542" t="s">
        <v>1318</v>
      </c>
      <c r="D6542" t="s">
        <v>403</v>
      </c>
    </row>
    <row r="6543" spans="1:4" x14ac:dyDescent="0.4">
      <c r="A6543">
        <v>1650024</v>
      </c>
      <c r="B6543" t="s">
        <v>815</v>
      </c>
      <c r="C6543" t="s">
        <v>1318</v>
      </c>
      <c r="D6543" t="s">
        <v>5839</v>
      </c>
    </row>
    <row r="6544" spans="1:4" x14ac:dyDescent="0.4">
      <c r="A6544">
        <v>1650021</v>
      </c>
      <c r="B6544" t="s">
        <v>815</v>
      </c>
      <c r="C6544" t="s">
        <v>1318</v>
      </c>
      <c r="D6544" t="s">
        <v>2482</v>
      </c>
    </row>
    <row r="6545" spans="1:4" x14ac:dyDescent="0.4">
      <c r="A6545">
        <v>1640014</v>
      </c>
      <c r="B6545" t="s">
        <v>815</v>
      </c>
      <c r="C6545" t="s">
        <v>1318</v>
      </c>
      <c r="D6545" t="s">
        <v>6392</v>
      </c>
    </row>
    <row r="6546" spans="1:4" x14ac:dyDescent="0.4">
      <c r="A6546">
        <v>1650034</v>
      </c>
      <c r="B6546" t="s">
        <v>815</v>
      </c>
      <c r="C6546" t="s">
        <v>1318</v>
      </c>
      <c r="D6546" t="s">
        <v>6393</v>
      </c>
    </row>
    <row r="6547" spans="1:4" x14ac:dyDescent="0.4">
      <c r="A6547">
        <v>1640013</v>
      </c>
      <c r="B6547" t="s">
        <v>815</v>
      </c>
      <c r="C6547" t="s">
        <v>1318</v>
      </c>
      <c r="D6547" t="s">
        <v>518</v>
      </c>
    </row>
    <row r="6548" spans="1:4" x14ac:dyDescent="0.4">
      <c r="A6548">
        <v>1650033</v>
      </c>
      <c r="B6548" t="s">
        <v>815</v>
      </c>
      <c r="C6548" t="s">
        <v>1318</v>
      </c>
      <c r="D6548" t="s">
        <v>3990</v>
      </c>
    </row>
    <row r="6549" spans="1:4" x14ac:dyDescent="0.4">
      <c r="A6549">
        <v>1660000</v>
      </c>
      <c r="B6549" t="s">
        <v>815</v>
      </c>
      <c r="C6549" t="s">
        <v>6394</v>
      </c>
    </row>
    <row r="6550" spans="1:4" x14ac:dyDescent="0.4">
      <c r="A6550">
        <v>1660004</v>
      </c>
      <c r="B6550" t="s">
        <v>815</v>
      </c>
      <c r="C6550" t="s">
        <v>6394</v>
      </c>
      <c r="D6550" t="s">
        <v>6395</v>
      </c>
    </row>
    <row r="6551" spans="1:4" x14ac:dyDescent="0.4">
      <c r="A6551">
        <v>1660001</v>
      </c>
      <c r="B6551" t="s">
        <v>815</v>
      </c>
      <c r="C6551" t="s">
        <v>6394</v>
      </c>
      <c r="D6551" t="s">
        <v>6396</v>
      </c>
    </row>
    <row r="6552" spans="1:4" x14ac:dyDescent="0.4">
      <c r="A6552">
        <v>1670032</v>
      </c>
      <c r="B6552" t="s">
        <v>815</v>
      </c>
      <c r="C6552" t="s">
        <v>6394</v>
      </c>
      <c r="D6552" t="s">
        <v>3088</v>
      </c>
    </row>
    <row r="6553" spans="1:4" x14ac:dyDescent="0.4">
      <c r="A6553">
        <v>1670021</v>
      </c>
      <c r="B6553" t="s">
        <v>815</v>
      </c>
      <c r="C6553" t="s">
        <v>6394</v>
      </c>
      <c r="D6553" t="s">
        <v>6397</v>
      </c>
    </row>
    <row r="6554" spans="1:4" x14ac:dyDescent="0.4">
      <c r="A6554">
        <v>1680063</v>
      </c>
      <c r="B6554" t="s">
        <v>815</v>
      </c>
      <c r="C6554" t="s">
        <v>6394</v>
      </c>
      <c r="D6554" t="s">
        <v>767</v>
      </c>
    </row>
    <row r="6555" spans="1:4" x14ac:dyDescent="0.4">
      <c r="A6555">
        <v>1670035</v>
      </c>
      <c r="B6555" t="s">
        <v>815</v>
      </c>
      <c r="C6555" t="s">
        <v>6394</v>
      </c>
      <c r="D6555" t="s">
        <v>2135</v>
      </c>
    </row>
    <row r="6556" spans="1:4" x14ac:dyDescent="0.4">
      <c r="A6556">
        <v>1660011</v>
      </c>
      <c r="B6556" t="s">
        <v>815</v>
      </c>
      <c r="C6556" t="s">
        <v>6394</v>
      </c>
      <c r="D6556" t="s">
        <v>6398</v>
      </c>
    </row>
    <row r="6557" spans="1:4" x14ac:dyDescent="0.4">
      <c r="A6557">
        <v>1680064</v>
      </c>
      <c r="B6557" t="s">
        <v>815</v>
      </c>
      <c r="C6557" t="s">
        <v>6394</v>
      </c>
      <c r="D6557" t="s">
        <v>6399</v>
      </c>
    </row>
    <row r="6558" spans="1:4" x14ac:dyDescent="0.4">
      <c r="A6558">
        <v>1680061</v>
      </c>
      <c r="B6558" t="s">
        <v>815</v>
      </c>
      <c r="C6558" t="s">
        <v>6394</v>
      </c>
      <c r="D6558" t="s">
        <v>4243</v>
      </c>
    </row>
    <row r="6559" spans="1:4" x14ac:dyDescent="0.4">
      <c r="A6559">
        <v>1670051</v>
      </c>
      <c r="B6559" t="s">
        <v>815</v>
      </c>
      <c r="C6559" t="s">
        <v>6394</v>
      </c>
      <c r="D6559" t="s">
        <v>6400</v>
      </c>
    </row>
    <row r="6560" spans="1:4" x14ac:dyDescent="0.4">
      <c r="A6560">
        <v>1670023</v>
      </c>
      <c r="B6560" t="s">
        <v>815</v>
      </c>
      <c r="C6560" t="s">
        <v>6394</v>
      </c>
      <c r="D6560" t="s">
        <v>6401</v>
      </c>
    </row>
    <row r="6561" spans="1:4" x14ac:dyDescent="0.4">
      <c r="A6561">
        <v>1670043</v>
      </c>
      <c r="B6561" t="s">
        <v>815</v>
      </c>
      <c r="C6561" t="s">
        <v>6394</v>
      </c>
      <c r="D6561" t="s">
        <v>6402</v>
      </c>
    </row>
    <row r="6562" spans="1:4" x14ac:dyDescent="0.4">
      <c r="A6562">
        <v>1680074</v>
      </c>
      <c r="B6562" t="s">
        <v>815</v>
      </c>
      <c r="C6562" t="s">
        <v>6394</v>
      </c>
      <c r="D6562" t="s">
        <v>6403</v>
      </c>
    </row>
    <row r="6563" spans="1:4" x14ac:dyDescent="0.4">
      <c r="A6563">
        <v>1680082</v>
      </c>
      <c r="B6563" t="s">
        <v>815</v>
      </c>
      <c r="C6563" t="s">
        <v>6394</v>
      </c>
      <c r="D6563" t="s">
        <v>6404</v>
      </c>
    </row>
    <row r="6564" spans="1:4" x14ac:dyDescent="0.4">
      <c r="A6564">
        <v>1660003</v>
      </c>
      <c r="B6564" t="s">
        <v>815</v>
      </c>
      <c r="C6564" t="s">
        <v>6394</v>
      </c>
      <c r="D6564" t="s">
        <v>6405</v>
      </c>
    </row>
    <row r="6565" spans="1:4" x14ac:dyDescent="0.4">
      <c r="A6565">
        <v>1660002</v>
      </c>
      <c r="B6565" t="s">
        <v>815</v>
      </c>
      <c r="C6565" t="s">
        <v>6394</v>
      </c>
      <c r="D6565" t="s">
        <v>6406</v>
      </c>
    </row>
    <row r="6566" spans="1:4" x14ac:dyDescent="0.4">
      <c r="A6566">
        <v>1670033</v>
      </c>
      <c r="B6566" t="s">
        <v>815</v>
      </c>
      <c r="C6566" t="s">
        <v>6394</v>
      </c>
      <c r="D6566" t="s">
        <v>3619</v>
      </c>
    </row>
    <row r="6567" spans="1:4" x14ac:dyDescent="0.4">
      <c r="A6567">
        <v>1670022</v>
      </c>
      <c r="B6567" t="s">
        <v>815</v>
      </c>
      <c r="C6567" t="s">
        <v>6394</v>
      </c>
      <c r="D6567" t="s">
        <v>6407</v>
      </c>
    </row>
    <row r="6568" spans="1:4" x14ac:dyDescent="0.4">
      <c r="A6568">
        <v>1680073</v>
      </c>
      <c r="B6568" t="s">
        <v>815</v>
      </c>
      <c r="C6568" t="s">
        <v>6394</v>
      </c>
      <c r="D6568" t="s">
        <v>6408</v>
      </c>
    </row>
    <row r="6569" spans="1:4" x14ac:dyDescent="0.4">
      <c r="A6569">
        <v>1670054</v>
      </c>
      <c r="B6569" t="s">
        <v>815</v>
      </c>
      <c r="C6569" t="s">
        <v>6394</v>
      </c>
      <c r="D6569" t="s">
        <v>6409</v>
      </c>
    </row>
    <row r="6570" spans="1:4" x14ac:dyDescent="0.4">
      <c r="A6570">
        <v>1670041</v>
      </c>
      <c r="B6570" t="s">
        <v>815</v>
      </c>
      <c r="C6570" t="s">
        <v>6394</v>
      </c>
      <c r="D6570" t="s">
        <v>6410</v>
      </c>
    </row>
    <row r="6571" spans="1:4" x14ac:dyDescent="0.4">
      <c r="A6571">
        <v>1680072</v>
      </c>
      <c r="B6571" t="s">
        <v>815</v>
      </c>
      <c r="C6571" t="s">
        <v>6394</v>
      </c>
      <c r="D6571" t="s">
        <v>6411</v>
      </c>
    </row>
    <row r="6572" spans="1:4" x14ac:dyDescent="0.4">
      <c r="A6572">
        <v>1680071</v>
      </c>
      <c r="B6572" t="s">
        <v>815</v>
      </c>
      <c r="C6572" t="s">
        <v>6394</v>
      </c>
      <c r="D6572" t="s">
        <v>6412</v>
      </c>
    </row>
    <row r="6573" spans="1:4" x14ac:dyDescent="0.4">
      <c r="A6573">
        <v>1660015</v>
      </c>
      <c r="B6573" t="s">
        <v>815</v>
      </c>
      <c r="C6573" t="s">
        <v>6394</v>
      </c>
      <c r="D6573" t="s">
        <v>6413</v>
      </c>
    </row>
    <row r="6574" spans="1:4" x14ac:dyDescent="0.4">
      <c r="A6574">
        <v>1660016</v>
      </c>
      <c r="B6574" t="s">
        <v>815</v>
      </c>
      <c r="C6574" t="s">
        <v>6394</v>
      </c>
      <c r="D6574" t="s">
        <v>6414</v>
      </c>
    </row>
    <row r="6575" spans="1:4" x14ac:dyDescent="0.4">
      <c r="A6575">
        <v>1670053</v>
      </c>
      <c r="B6575" t="s">
        <v>815</v>
      </c>
      <c r="C6575" t="s">
        <v>6394</v>
      </c>
      <c r="D6575" t="s">
        <v>6415</v>
      </c>
    </row>
    <row r="6576" spans="1:4" x14ac:dyDescent="0.4">
      <c r="A6576">
        <v>1670042</v>
      </c>
      <c r="B6576" t="s">
        <v>815</v>
      </c>
      <c r="C6576" t="s">
        <v>6394</v>
      </c>
      <c r="D6576" t="s">
        <v>6416</v>
      </c>
    </row>
    <row r="6577" spans="1:4" x14ac:dyDescent="0.4">
      <c r="A6577">
        <v>1680065</v>
      </c>
      <c r="B6577" t="s">
        <v>815</v>
      </c>
      <c r="C6577" t="s">
        <v>6394</v>
      </c>
      <c r="D6577" t="s">
        <v>6417</v>
      </c>
    </row>
    <row r="6578" spans="1:4" x14ac:dyDescent="0.4">
      <c r="A6578">
        <v>1680062</v>
      </c>
      <c r="B6578" t="s">
        <v>815</v>
      </c>
      <c r="C6578" t="s">
        <v>6394</v>
      </c>
      <c r="D6578" t="s">
        <v>6418</v>
      </c>
    </row>
    <row r="6579" spans="1:4" x14ac:dyDescent="0.4">
      <c r="A6579">
        <v>1660013</v>
      </c>
      <c r="B6579" t="s">
        <v>815</v>
      </c>
      <c r="C6579" t="s">
        <v>6394</v>
      </c>
      <c r="D6579" t="s">
        <v>6419</v>
      </c>
    </row>
    <row r="6580" spans="1:4" x14ac:dyDescent="0.4">
      <c r="A6580">
        <v>1670031</v>
      </c>
      <c r="B6580" t="s">
        <v>815</v>
      </c>
      <c r="C6580" t="s">
        <v>6394</v>
      </c>
      <c r="D6580" t="s">
        <v>6420</v>
      </c>
    </row>
    <row r="6581" spans="1:4" x14ac:dyDescent="0.4">
      <c r="A6581">
        <v>1660014</v>
      </c>
      <c r="B6581" t="s">
        <v>815</v>
      </c>
      <c r="C6581" t="s">
        <v>6394</v>
      </c>
      <c r="D6581" t="s">
        <v>6421</v>
      </c>
    </row>
    <row r="6582" spans="1:4" x14ac:dyDescent="0.4">
      <c r="A6582">
        <v>1670052</v>
      </c>
      <c r="B6582" t="s">
        <v>815</v>
      </c>
      <c r="C6582" t="s">
        <v>6394</v>
      </c>
      <c r="D6582" t="s">
        <v>6422</v>
      </c>
    </row>
    <row r="6583" spans="1:4" x14ac:dyDescent="0.4">
      <c r="A6583">
        <v>1680081</v>
      </c>
      <c r="B6583" t="s">
        <v>815</v>
      </c>
      <c r="C6583" t="s">
        <v>6394</v>
      </c>
      <c r="D6583" t="s">
        <v>398</v>
      </c>
    </row>
    <row r="6584" spans="1:4" x14ac:dyDescent="0.4">
      <c r="A6584">
        <v>1670034</v>
      </c>
      <c r="B6584" t="s">
        <v>815</v>
      </c>
      <c r="C6584" t="s">
        <v>6394</v>
      </c>
      <c r="D6584" t="s">
        <v>6423</v>
      </c>
    </row>
    <row r="6585" spans="1:4" x14ac:dyDescent="0.4">
      <c r="A6585">
        <v>1660012</v>
      </c>
      <c r="B6585" t="s">
        <v>815</v>
      </c>
      <c r="C6585" t="s">
        <v>6394</v>
      </c>
      <c r="D6585" t="s">
        <v>2176</v>
      </c>
    </row>
    <row r="6586" spans="1:4" x14ac:dyDescent="0.4">
      <c r="A6586">
        <v>1700000</v>
      </c>
      <c r="B6586" t="s">
        <v>815</v>
      </c>
      <c r="C6586" t="s">
        <v>1319</v>
      </c>
    </row>
    <row r="6587" spans="1:4" x14ac:dyDescent="0.4">
      <c r="A6587">
        <v>1700014</v>
      </c>
      <c r="B6587" t="s">
        <v>815</v>
      </c>
      <c r="C6587" t="s">
        <v>1319</v>
      </c>
      <c r="D6587" t="s">
        <v>6424</v>
      </c>
    </row>
    <row r="6588" spans="1:4" x14ac:dyDescent="0.4">
      <c r="A6588">
        <v>1710014</v>
      </c>
      <c r="B6588" t="s">
        <v>815</v>
      </c>
      <c r="C6588" t="s">
        <v>1319</v>
      </c>
      <c r="D6588" t="s">
        <v>6425</v>
      </c>
    </row>
    <row r="6589" spans="1:4" x14ac:dyDescent="0.4">
      <c r="A6589">
        <v>1700011</v>
      </c>
      <c r="B6589" t="s">
        <v>815</v>
      </c>
      <c r="C6589" t="s">
        <v>1319</v>
      </c>
      <c r="D6589" t="s">
        <v>6426</v>
      </c>
    </row>
    <row r="6590" spans="1:4" x14ac:dyDescent="0.4">
      <c r="A6590">
        <v>1710043</v>
      </c>
      <c r="B6590" t="s">
        <v>815</v>
      </c>
      <c r="C6590" t="s">
        <v>1319</v>
      </c>
      <c r="D6590" t="s">
        <v>6427</v>
      </c>
    </row>
    <row r="6591" spans="1:4" x14ac:dyDescent="0.4">
      <c r="A6591">
        <v>1700012</v>
      </c>
      <c r="B6591" t="s">
        <v>815</v>
      </c>
      <c r="C6591" t="s">
        <v>1319</v>
      </c>
      <c r="D6591" t="s">
        <v>6428</v>
      </c>
    </row>
    <row r="6592" spans="1:4" x14ac:dyDescent="0.4">
      <c r="A6592">
        <v>1700004</v>
      </c>
      <c r="B6592" t="s">
        <v>815</v>
      </c>
      <c r="C6592" t="s">
        <v>1319</v>
      </c>
      <c r="D6592" t="s">
        <v>6429</v>
      </c>
    </row>
    <row r="6593" spans="1:4" x14ac:dyDescent="0.4">
      <c r="A6593">
        <v>1700003</v>
      </c>
      <c r="B6593" t="s">
        <v>815</v>
      </c>
      <c r="C6593" t="s">
        <v>1319</v>
      </c>
      <c r="D6593" t="s">
        <v>3756</v>
      </c>
    </row>
    <row r="6594" spans="1:4" x14ac:dyDescent="0.4">
      <c r="A6594">
        <v>1700002</v>
      </c>
      <c r="B6594" t="s">
        <v>815</v>
      </c>
      <c r="C6594" t="s">
        <v>1319</v>
      </c>
      <c r="D6594" t="s">
        <v>6430</v>
      </c>
    </row>
    <row r="6595" spans="1:4" x14ac:dyDescent="0.4">
      <c r="A6595">
        <v>1710041</v>
      </c>
      <c r="B6595" t="s">
        <v>815</v>
      </c>
      <c r="C6595" t="s">
        <v>1319</v>
      </c>
      <c r="D6595" t="s">
        <v>6431</v>
      </c>
    </row>
    <row r="6596" spans="1:4" x14ac:dyDescent="0.4">
      <c r="A6596">
        <v>1710032</v>
      </c>
      <c r="B6596" t="s">
        <v>815</v>
      </c>
      <c r="C6596" t="s">
        <v>1319</v>
      </c>
      <c r="D6596" t="s">
        <v>6432</v>
      </c>
    </row>
    <row r="6597" spans="1:4" x14ac:dyDescent="0.4">
      <c r="A6597">
        <v>1710033</v>
      </c>
      <c r="B6597" t="s">
        <v>815</v>
      </c>
      <c r="C6597" t="s">
        <v>1319</v>
      </c>
      <c r="D6597" t="s">
        <v>3693</v>
      </c>
    </row>
    <row r="6598" spans="1:4" x14ac:dyDescent="0.4">
      <c r="A6598">
        <v>1710042</v>
      </c>
      <c r="B6598" t="s">
        <v>815</v>
      </c>
      <c r="C6598" t="s">
        <v>1319</v>
      </c>
      <c r="D6598" t="s">
        <v>1333</v>
      </c>
    </row>
    <row r="6599" spans="1:4" x14ac:dyDescent="0.4">
      <c r="A6599">
        <v>1710044</v>
      </c>
      <c r="B6599" t="s">
        <v>815</v>
      </c>
      <c r="C6599" t="s">
        <v>1319</v>
      </c>
      <c r="D6599" t="s">
        <v>6433</v>
      </c>
    </row>
    <row r="6600" spans="1:4" x14ac:dyDescent="0.4">
      <c r="A6600">
        <v>1710051</v>
      </c>
      <c r="B6600" t="s">
        <v>815</v>
      </c>
      <c r="C6600" t="s">
        <v>1319</v>
      </c>
      <c r="D6600" t="s">
        <v>2112</v>
      </c>
    </row>
    <row r="6601" spans="1:4" x14ac:dyDescent="0.4">
      <c r="A6601">
        <v>3500452</v>
      </c>
      <c r="B6601" t="s">
        <v>1636</v>
      </c>
      <c r="C6601" t="s">
        <v>6434</v>
      </c>
      <c r="D6601" t="s">
        <v>6435</v>
      </c>
    </row>
    <row r="6602" spans="1:4" x14ac:dyDescent="0.4">
      <c r="A6602">
        <v>3500432</v>
      </c>
      <c r="B6602" t="s">
        <v>1636</v>
      </c>
      <c r="C6602" t="s">
        <v>6434</v>
      </c>
      <c r="D6602" t="s">
        <v>6436</v>
      </c>
    </row>
    <row r="6603" spans="1:4" x14ac:dyDescent="0.4">
      <c r="A6603">
        <v>3500436</v>
      </c>
      <c r="B6603" t="s">
        <v>1636</v>
      </c>
      <c r="C6603" t="s">
        <v>6434</v>
      </c>
      <c r="D6603" t="s">
        <v>6437</v>
      </c>
    </row>
    <row r="6604" spans="1:4" x14ac:dyDescent="0.4">
      <c r="A6604">
        <v>3500446</v>
      </c>
      <c r="B6604" t="s">
        <v>1636</v>
      </c>
      <c r="C6604" t="s">
        <v>6434</v>
      </c>
      <c r="D6604" t="s">
        <v>6438</v>
      </c>
    </row>
    <row r="6605" spans="1:4" x14ac:dyDescent="0.4">
      <c r="A6605">
        <v>3500454</v>
      </c>
      <c r="B6605" t="s">
        <v>1636</v>
      </c>
      <c r="C6605" t="s">
        <v>6434</v>
      </c>
      <c r="D6605" t="s">
        <v>3894</v>
      </c>
    </row>
    <row r="6606" spans="1:4" x14ac:dyDescent="0.4">
      <c r="A6606">
        <v>3500438</v>
      </c>
      <c r="B6606" t="s">
        <v>1636</v>
      </c>
      <c r="C6606" t="s">
        <v>6434</v>
      </c>
      <c r="D6606" t="s">
        <v>6439</v>
      </c>
    </row>
    <row r="6607" spans="1:4" x14ac:dyDescent="0.4">
      <c r="A6607">
        <v>3500435</v>
      </c>
      <c r="B6607" t="s">
        <v>1636</v>
      </c>
      <c r="C6607" t="s">
        <v>6434</v>
      </c>
      <c r="D6607" t="s">
        <v>6440</v>
      </c>
    </row>
    <row r="6608" spans="1:4" x14ac:dyDescent="0.4">
      <c r="A6608">
        <v>3500453</v>
      </c>
      <c r="B6608" t="s">
        <v>1636</v>
      </c>
      <c r="C6608" t="s">
        <v>6434</v>
      </c>
      <c r="D6608" t="s">
        <v>6441</v>
      </c>
    </row>
    <row r="6609" spans="1:4" x14ac:dyDescent="0.4">
      <c r="A6609">
        <v>3500456</v>
      </c>
      <c r="B6609" t="s">
        <v>1636</v>
      </c>
      <c r="C6609" t="s">
        <v>6434</v>
      </c>
      <c r="D6609" t="s">
        <v>6442</v>
      </c>
    </row>
    <row r="6610" spans="1:4" x14ac:dyDescent="0.4">
      <c r="A6610">
        <v>3500461</v>
      </c>
      <c r="B6610" t="s">
        <v>1636</v>
      </c>
      <c r="C6610" t="s">
        <v>6434</v>
      </c>
      <c r="D6610" t="s">
        <v>184</v>
      </c>
    </row>
    <row r="6611" spans="1:4" x14ac:dyDescent="0.4">
      <c r="A6611">
        <v>3500445</v>
      </c>
      <c r="B6611" t="s">
        <v>1636</v>
      </c>
      <c r="C6611" t="s">
        <v>6434</v>
      </c>
      <c r="D6611" t="s">
        <v>6443</v>
      </c>
    </row>
    <row r="6612" spans="1:4" x14ac:dyDescent="0.4">
      <c r="A6612">
        <v>3500443</v>
      </c>
      <c r="B6612" t="s">
        <v>1636</v>
      </c>
      <c r="C6612" t="s">
        <v>6434</v>
      </c>
      <c r="D6612" t="s">
        <v>2339</v>
      </c>
    </row>
    <row r="6613" spans="1:4" x14ac:dyDescent="0.4">
      <c r="A6613">
        <v>3500431</v>
      </c>
      <c r="B6613" t="s">
        <v>1636</v>
      </c>
      <c r="C6613" t="s">
        <v>6434</v>
      </c>
      <c r="D6613" t="s">
        <v>6444</v>
      </c>
    </row>
    <row r="6614" spans="1:4" x14ac:dyDescent="0.4">
      <c r="A6614">
        <v>3500433</v>
      </c>
      <c r="B6614" t="s">
        <v>1636</v>
      </c>
      <c r="C6614" t="s">
        <v>6434</v>
      </c>
      <c r="D6614" t="s">
        <v>6445</v>
      </c>
    </row>
    <row r="6615" spans="1:4" x14ac:dyDescent="0.4">
      <c r="A6615">
        <v>3500442</v>
      </c>
      <c r="B6615" t="s">
        <v>1636</v>
      </c>
      <c r="C6615" t="s">
        <v>6434</v>
      </c>
      <c r="D6615" t="s">
        <v>2124</v>
      </c>
    </row>
    <row r="6616" spans="1:4" x14ac:dyDescent="0.4">
      <c r="A6616">
        <v>3500463</v>
      </c>
      <c r="B6616" t="s">
        <v>1636</v>
      </c>
      <c r="C6616" t="s">
        <v>6434</v>
      </c>
      <c r="D6616" t="s">
        <v>6446</v>
      </c>
    </row>
    <row r="6617" spans="1:4" x14ac:dyDescent="0.4">
      <c r="A6617">
        <v>3500464</v>
      </c>
      <c r="B6617" t="s">
        <v>1636</v>
      </c>
      <c r="C6617" t="s">
        <v>6434</v>
      </c>
      <c r="D6617" t="s">
        <v>6392</v>
      </c>
    </row>
    <row r="6618" spans="1:4" x14ac:dyDescent="0.4">
      <c r="A6618">
        <v>3500437</v>
      </c>
      <c r="B6618" t="s">
        <v>1636</v>
      </c>
      <c r="C6618" t="s">
        <v>6434</v>
      </c>
      <c r="D6618" t="s">
        <v>6447</v>
      </c>
    </row>
    <row r="6619" spans="1:4" x14ac:dyDescent="0.4">
      <c r="A6619">
        <v>3500439</v>
      </c>
      <c r="B6619" t="s">
        <v>1636</v>
      </c>
      <c r="C6619" t="s">
        <v>6434</v>
      </c>
      <c r="D6619" t="s">
        <v>823</v>
      </c>
    </row>
    <row r="6620" spans="1:4" x14ac:dyDescent="0.4">
      <c r="A6620">
        <v>3500451</v>
      </c>
      <c r="B6620" t="s">
        <v>1636</v>
      </c>
      <c r="C6620" t="s">
        <v>6434</v>
      </c>
      <c r="D6620" t="s">
        <v>6448</v>
      </c>
    </row>
    <row r="6621" spans="1:4" x14ac:dyDescent="0.4">
      <c r="A6621">
        <v>3500462</v>
      </c>
      <c r="B6621" t="s">
        <v>1636</v>
      </c>
      <c r="C6621" t="s">
        <v>6434</v>
      </c>
      <c r="D6621" t="s">
        <v>6449</v>
      </c>
    </row>
    <row r="6622" spans="1:4" x14ac:dyDescent="0.4">
      <c r="A6622">
        <v>3500400</v>
      </c>
      <c r="B6622" t="s">
        <v>1636</v>
      </c>
      <c r="C6622" t="s">
        <v>6450</v>
      </c>
    </row>
    <row r="6623" spans="1:4" x14ac:dyDescent="0.4">
      <c r="A6623">
        <v>3500415</v>
      </c>
      <c r="B6623" t="s">
        <v>1636</v>
      </c>
      <c r="C6623" t="s">
        <v>6450</v>
      </c>
      <c r="D6623" t="s">
        <v>533</v>
      </c>
    </row>
    <row r="6624" spans="1:4" x14ac:dyDescent="0.4">
      <c r="A6624">
        <v>3500417</v>
      </c>
      <c r="B6624" t="s">
        <v>1636</v>
      </c>
      <c r="C6624" t="s">
        <v>6450</v>
      </c>
      <c r="D6624" t="s">
        <v>6451</v>
      </c>
    </row>
    <row r="6625" spans="1:4" x14ac:dyDescent="0.4">
      <c r="A6625">
        <v>3500403</v>
      </c>
      <c r="B6625" t="s">
        <v>1636</v>
      </c>
      <c r="C6625" t="s">
        <v>6450</v>
      </c>
      <c r="D6625" t="s">
        <v>1718</v>
      </c>
    </row>
    <row r="6626" spans="1:4" x14ac:dyDescent="0.4">
      <c r="A6626">
        <v>3500416</v>
      </c>
      <c r="B6626" t="s">
        <v>1636</v>
      </c>
      <c r="C6626" t="s">
        <v>6450</v>
      </c>
      <c r="D6626" t="s">
        <v>6452</v>
      </c>
    </row>
    <row r="6627" spans="1:4" x14ac:dyDescent="0.4">
      <c r="A6627">
        <v>3500414</v>
      </c>
      <c r="B6627" t="s">
        <v>1636</v>
      </c>
      <c r="C6627" t="s">
        <v>6450</v>
      </c>
      <c r="D6627" t="s">
        <v>6453</v>
      </c>
    </row>
    <row r="6628" spans="1:4" x14ac:dyDescent="0.4">
      <c r="A6628">
        <v>3500402</v>
      </c>
      <c r="B6628" t="s">
        <v>1636</v>
      </c>
      <c r="C6628" t="s">
        <v>6450</v>
      </c>
      <c r="D6628" t="s">
        <v>6454</v>
      </c>
    </row>
    <row r="6629" spans="1:4" x14ac:dyDescent="0.4">
      <c r="A6629">
        <v>3500407</v>
      </c>
      <c r="B6629" t="s">
        <v>1636</v>
      </c>
      <c r="C6629" t="s">
        <v>6450</v>
      </c>
      <c r="D6629" t="s">
        <v>415</v>
      </c>
    </row>
    <row r="6630" spans="1:4" x14ac:dyDescent="0.4">
      <c r="A6630">
        <v>3500411</v>
      </c>
      <c r="B6630" t="s">
        <v>1636</v>
      </c>
      <c r="C6630" t="s">
        <v>6450</v>
      </c>
      <c r="D6630" t="s">
        <v>4335</v>
      </c>
    </row>
    <row r="6631" spans="1:4" x14ac:dyDescent="0.4">
      <c r="A6631">
        <v>3500424</v>
      </c>
      <c r="B6631" t="s">
        <v>1636</v>
      </c>
      <c r="C6631" t="s">
        <v>6450</v>
      </c>
      <c r="D6631" t="s">
        <v>6455</v>
      </c>
    </row>
    <row r="6632" spans="1:4" x14ac:dyDescent="0.4">
      <c r="A6632">
        <v>3500422</v>
      </c>
      <c r="B6632" t="s">
        <v>1636</v>
      </c>
      <c r="C6632" t="s">
        <v>6450</v>
      </c>
      <c r="D6632" t="s">
        <v>6456</v>
      </c>
    </row>
    <row r="6633" spans="1:4" x14ac:dyDescent="0.4">
      <c r="A6633">
        <v>3500423</v>
      </c>
      <c r="B6633" t="s">
        <v>1636</v>
      </c>
      <c r="C6633" t="s">
        <v>6450</v>
      </c>
      <c r="D6633" t="s">
        <v>6457</v>
      </c>
    </row>
    <row r="6634" spans="1:4" x14ac:dyDescent="0.4">
      <c r="A6634">
        <v>3500425</v>
      </c>
      <c r="B6634" t="s">
        <v>1636</v>
      </c>
      <c r="C6634" t="s">
        <v>6450</v>
      </c>
      <c r="D6634" t="s">
        <v>6458</v>
      </c>
    </row>
    <row r="6635" spans="1:4" x14ac:dyDescent="0.4">
      <c r="A6635">
        <v>3500405</v>
      </c>
      <c r="B6635" t="s">
        <v>1636</v>
      </c>
      <c r="C6635" t="s">
        <v>6450</v>
      </c>
      <c r="D6635" t="s">
        <v>6459</v>
      </c>
    </row>
    <row r="6636" spans="1:4" x14ac:dyDescent="0.4">
      <c r="A6636">
        <v>3500406</v>
      </c>
      <c r="B6636" t="s">
        <v>1636</v>
      </c>
      <c r="C6636" t="s">
        <v>6450</v>
      </c>
      <c r="D6636" t="s">
        <v>6460</v>
      </c>
    </row>
    <row r="6637" spans="1:4" x14ac:dyDescent="0.4">
      <c r="A6637">
        <v>3500404</v>
      </c>
      <c r="B6637" t="s">
        <v>1636</v>
      </c>
      <c r="C6637" t="s">
        <v>6450</v>
      </c>
      <c r="D6637" t="s">
        <v>3468</v>
      </c>
    </row>
    <row r="6638" spans="1:4" x14ac:dyDescent="0.4">
      <c r="A6638">
        <v>3500412</v>
      </c>
      <c r="B6638" t="s">
        <v>1636</v>
      </c>
      <c r="C6638" t="s">
        <v>6450</v>
      </c>
      <c r="D6638" t="s">
        <v>6461</v>
      </c>
    </row>
    <row r="6639" spans="1:4" x14ac:dyDescent="0.4">
      <c r="A6639">
        <v>3500413</v>
      </c>
      <c r="B6639" t="s">
        <v>1636</v>
      </c>
      <c r="C6639" t="s">
        <v>6450</v>
      </c>
      <c r="D6639" t="s">
        <v>6462</v>
      </c>
    </row>
    <row r="6640" spans="1:4" x14ac:dyDescent="0.4">
      <c r="A6640">
        <v>3500401</v>
      </c>
      <c r="B6640" t="s">
        <v>1636</v>
      </c>
      <c r="C6640" t="s">
        <v>6450</v>
      </c>
      <c r="D6640" t="s">
        <v>6463</v>
      </c>
    </row>
    <row r="6641" spans="1:4" x14ac:dyDescent="0.4">
      <c r="A6641">
        <v>3500421</v>
      </c>
      <c r="B6641" t="s">
        <v>1636</v>
      </c>
      <c r="C6641" t="s">
        <v>6450</v>
      </c>
      <c r="D6641" t="s">
        <v>6464</v>
      </c>
    </row>
    <row r="6642" spans="1:4" x14ac:dyDescent="0.4">
      <c r="A6642">
        <v>3550800</v>
      </c>
      <c r="B6642" t="s">
        <v>1636</v>
      </c>
      <c r="C6642" t="s">
        <v>6465</v>
      </c>
    </row>
    <row r="6643" spans="1:4" x14ac:dyDescent="0.4">
      <c r="A6643">
        <v>3550806</v>
      </c>
      <c r="B6643" t="s">
        <v>1636</v>
      </c>
      <c r="C6643" t="s">
        <v>6465</v>
      </c>
      <c r="D6643" t="s">
        <v>6466</v>
      </c>
    </row>
    <row r="6644" spans="1:4" x14ac:dyDescent="0.4">
      <c r="A6644">
        <v>3550807</v>
      </c>
      <c r="B6644" t="s">
        <v>1636</v>
      </c>
      <c r="C6644" t="s">
        <v>6465</v>
      </c>
      <c r="D6644" t="s">
        <v>767</v>
      </c>
    </row>
    <row r="6645" spans="1:4" x14ac:dyDescent="0.4">
      <c r="A6645">
        <v>3550808</v>
      </c>
      <c r="B6645" t="s">
        <v>1636</v>
      </c>
      <c r="C6645" t="s">
        <v>6465</v>
      </c>
      <c r="D6645" t="s">
        <v>6467</v>
      </c>
    </row>
    <row r="6646" spans="1:4" x14ac:dyDescent="0.4">
      <c r="A6646">
        <v>3550813</v>
      </c>
      <c r="B6646" t="s">
        <v>1636</v>
      </c>
      <c r="C6646" t="s">
        <v>6465</v>
      </c>
      <c r="D6646" t="s">
        <v>6468</v>
      </c>
    </row>
    <row r="6647" spans="1:4" x14ac:dyDescent="0.4">
      <c r="A6647">
        <v>3550815</v>
      </c>
      <c r="B6647" t="s">
        <v>1636</v>
      </c>
      <c r="C6647" t="s">
        <v>6465</v>
      </c>
      <c r="D6647" t="s">
        <v>6469</v>
      </c>
    </row>
    <row r="6648" spans="1:4" x14ac:dyDescent="0.4">
      <c r="A6648">
        <v>3550801</v>
      </c>
      <c r="B6648" t="s">
        <v>1636</v>
      </c>
      <c r="C6648" t="s">
        <v>6465</v>
      </c>
      <c r="D6648" t="s">
        <v>6470</v>
      </c>
    </row>
    <row r="6649" spans="1:4" x14ac:dyDescent="0.4">
      <c r="A6649">
        <v>3550804</v>
      </c>
      <c r="B6649" t="s">
        <v>1636</v>
      </c>
      <c r="C6649" t="s">
        <v>6465</v>
      </c>
      <c r="D6649" t="s">
        <v>189</v>
      </c>
    </row>
    <row r="6650" spans="1:4" x14ac:dyDescent="0.4">
      <c r="A6650">
        <v>3550811</v>
      </c>
      <c r="B6650" t="s">
        <v>1636</v>
      </c>
      <c r="C6650" t="s">
        <v>6465</v>
      </c>
      <c r="D6650" t="s">
        <v>6471</v>
      </c>
    </row>
    <row r="6651" spans="1:4" x14ac:dyDescent="0.4">
      <c r="A6651">
        <v>3550803</v>
      </c>
      <c r="B6651" t="s">
        <v>1636</v>
      </c>
      <c r="C6651" t="s">
        <v>6465</v>
      </c>
      <c r="D6651" t="s">
        <v>5131</v>
      </c>
    </row>
    <row r="6652" spans="1:4" x14ac:dyDescent="0.4">
      <c r="A6652">
        <v>3550805</v>
      </c>
      <c r="B6652" t="s">
        <v>1636</v>
      </c>
      <c r="C6652" t="s">
        <v>6465</v>
      </c>
      <c r="D6652" t="s">
        <v>6472</v>
      </c>
    </row>
    <row r="6653" spans="1:4" x14ac:dyDescent="0.4">
      <c r="A6653">
        <v>3550814</v>
      </c>
      <c r="B6653" t="s">
        <v>1636</v>
      </c>
      <c r="C6653" t="s">
        <v>6465</v>
      </c>
      <c r="D6653" t="s">
        <v>1616</v>
      </c>
    </row>
    <row r="6654" spans="1:4" x14ac:dyDescent="0.4">
      <c r="A6654">
        <v>3550812</v>
      </c>
      <c r="B6654" t="s">
        <v>1636</v>
      </c>
      <c r="C6654" t="s">
        <v>6465</v>
      </c>
      <c r="D6654" t="s">
        <v>760</v>
      </c>
    </row>
    <row r="6655" spans="1:4" x14ac:dyDescent="0.4">
      <c r="A6655">
        <v>3550802</v>
      </c>
      <c r="B6655" t="s">
        <v>1636</v>
      </c>
      <c r="C6655" t="s">
        <v>6465</v>
      </c>
      <c r="D6655" t="s">
        <v>3729</v>
      </c>
    </row>
    <row r="6656" spans="1:4" x14ac:dyDescent="0.4">
      <c r="A6656">
        <v>3550200</v>
      </c>
      <c r="B6656" t="s">
        <v>1636</v>
      </c>
      <c r="C6656" t="s">
        <v>6473</v>
      </c>
    </row>
    <row r="6657" spans="1:4" x14ac:dyDescent="0.4">
      <c r="A6657">
        <v>3550222</v>
      </c>
      <c r="B6657" t="s">
        <v>1636</v>
      </c>
      <c r="C6657" t="s">
        <v>6473</v>
      </c>
      <c r="D6657" t="s">
        <v>617</v>
      </c>
    </row>
    <row r="6658" spans="1:4" x14ac:dyDescent="0.4">
      <c r="A6658">
        <v>3550206</v>
      </c>
      <c r="B6658" t="s">
        <v>1636</v>
      </c>
      <c r="C6658" t="s">
        <v>6473</v>
      </c>
      <c r="D6658" t="s">
        <v>6474</v>
      </c>
    </row>
    <row r="6659" spans="1:4" x14ac:dyDescent="0.4">
      <c r="A6659">
        <v>3550203</v>
      </c>
      <c r="B6659" t="s">
        <v>1636</v>
      </c>
      <c r="C6659" t="s">
        <v>6473</v>
      </c>
      <c r="D6659" t="s">
        <v>670</v>
      </c>
    </row>
    <row r="6660" spans="1:4" x14ac:dyDescent="0.4">
      <c r="A6660">
        <v>3550225</v>
      </c>
      <c r="B6660" t="s">
        <v>1636</v>
      </c>
      <c r="C6660" t="s">
        <v>6473</v>
      </c>
      <c r="D6660" t="s">
        <v>6475</v>
      </c>
    </row>
    <row r="6661" spans="1:4" x14ac:dyDescent="0.4">
      <c r="A6661">
        <v>3550213</v>
      </c>
      <c r="B6661" t="s">
        <v>1636</v>
      </c>
      <c r="C6661" t="s">
        <v>6473</v>
      </c>
      <c r="D6661" t="s">
        <v>6476</v>
      </c>
    </row>
    <row r="6662" spans="1:4" x14ac:dyDescent="0.4">
      <c r="A6662">
        <v>3550214</v>
      </c>
      <c r="B6662" t="s">
        <v>1636</v>
      </c>
      <c r="C6662" t="s">
        <v>6473</v>
      </c>
      <c r="D6662" t="s">
        <v>6477</v>
      </c>
    </row>
    <row r="6663" spans="1:4" x14ac:dyDescent="0.4">
      <c r="A6663">
        <v>3550224</v>
      </c>
      <c r="B6663" t="s">
        <v>1636</v>
      </c>
      <c r="C6663" t="s">
        <v>6473</v>
      </c>
      <c r="D6663" t="s">
        <v>6478</v>
      </c>
    </row>
    <row r="6664" spans="1:4" x14ac:dyDescent="0.4">
      <c r="A6664">
        <v>3550221</v>
      </c>
      <c r="B6664" t="s">
        <v>1636</v>
      </c>
      <c r="C6664" t="s">
        <v>6473</v>
      </c>
      <c r="D6664" t="s">
        <v>6479</v>
      </c>
    </row>
    <row r="6665" spans="1:4" x14ac:dyDescent="0.4">
      <c r="A6665">
        <v>3550211</v>
      </c>
      <c r="B6665" t="s">
        <v>1636</v>
      </c>
      <c r="C6665" t="s">
        <v>6473</v>
      </c>
      <c r="D6665" t="s">
        <v>6101</v>
      </c>
    </row>
    <row r="6666" spans="1:4" x14ac:dyDescent="0.4">
      <c r="A6666">
        <v>3550227</v>
      </c>
      <c r="B6666" t="s">
        <v>1636</v>
      </c>
      <c r="C6666" t="s">
        <v>6473</v>
      </c>
      <c r="D6666" t="s">
        <v>6480</v>
      </c>
    </row>
    <row r="6667" spans="1:4" x14ac:dyDescent="0.4">
      <c r="A6667">
        <v>3550212</v>
      </c>
      <c r="B6667" t="s">
        <v>1636</v>
      </c>
      <c r="C6667" t="s">
        <v>6473</v>
      </c>
      <c r="D6667" t="s">
        <v>6481</v>
      </c>
    </row>
    <row r="6668" spans="1:4" x14ac:dyDescent="0.4">
      <c r="A6668">
        <v>3550226</v>
      </c>
      <c r="B6668" t="s">
        <v>1636</v>
      </c>
      <c r="C6668" t="s">
        <v>6473</v>
      </c>
      <c r="D6668" t="s">
        <v>6482</v>
      </c>
    </row>
    <row r="6669" spans="1:4" x14ac:dyDescent="0.4">
      <c r="A6669">
        <v>3550223</v>
      </c>
      <c r="B6669" t="s">
        <v>1636</v>
      </c>
      <c r="C6669" t="s">
        <v>6473</v>
      </c>
      <c r="D6669" t="s">
        <v>199</v>
      </c>
    </row>
    <row r="6670" spans="1:4" x14ac:dyDescent="0.4">
      <c r="A6670">
        <v>3550204</v>
      </c>
      <c r="B6670" t="s">
        <v>1636</v>
      </c>
      <c r="C6670" t="s">
        <v>6473</v>
      </c>
      <c r="D6670" t="s">
        <v>2450</v>
      </c>
    </row>
    <row r="6671" spans="1:4" x14ac:dyDescent="0.4">
      <c r="A6671">
        <v>3550215</v>
      </c>
      <c r="B6671" t="s">
        <v>1636</v>
      </c>
      <c r="C6671" t="s">
        <v>6473</v>
      </c>
      <c r="D6671" t="s">
        <v>6483</v>
      </c>
    </row>
    <row r="6672" spans="1:4" x14ac:dyDescent="0.4">
      <c r="A6672">
        <v>3550205</v>
      </c>
      <c r="B6672" t="s">
        <v>1636</v>
      </c>
      <c r="C6672" t="s">
        <v>6473</v>
      </c>
      <c r="D6672" t="s">
        <v>5129</v>
      </c>
    </row>
    <row r="6673" spans="1:4" x14ac:dyDescent="0.4">
      <c r="A6673">
        <v>3550201</v>
      </c>
      <c r="B6673" t="s">
        <v>1636</v>
      </c>
      <c r="C6673" t="s">
        <v>6473</v>
      </c>
      <c r="D6673" t="s">
        <v>6484</v>
      </c>
    </row>
    <row r="6674" spans="1:4" x14ac:dyDescent="0.4">
      <c r="A6674">
        <v>3550216</v>
      </c>
      <c r="B6674" t="s">
        <v>1636</v>
      </c>
      <c r="C6674" t="s">
        <v>6473</v>
      </c>
      <c r="D6674" t="s">
        <v>6485</v>
      </c>
    </row>
    <row r="6675" spans="1:4" x14ac:dyDescent="0.4">
      <c r="A6675">
        <v>3550202</v>
      </c>
      <c r="B6675" t="s">
        <v>1636</v>
      </c>
      <c r="C6675" t="s">
        <v>6473</v>
      </c>
      <c r="D6675" t="s">
        <v>6486</v>
      </c>
    </row>
    <row r="6676" spans="1:4" x14ac:dyDescent="0.4">
      <c r="A6676">
        <v>3550300</v>
      </c>
      <c r="B6676" t="s">
        <v>1636</v>
      </c>
      <c r="C6676" t="s">
        <v>6487</v>
      </c>
    </row>
    <row r="6677" spans="1:4" x14ac:dyDescent="0.4">
      <c r="A6677">
        <v>3550324</v>
      </c>
      <c r="B6677" t="s">
        <v>1636</v>
      </c>
      <c r="C6677" t="s">
        <v>6487</v>
      </c>
      <c r="D6677" t="s">
        <v>708</v>
      </c>
    </row>
    <row r="6678" spans="1:4" x14ac:dyDescent="0.4">
      <c r="A6678">
        <v>3550333</v>
      </c>
      <c r="B6678" t="s">
        <v>1636</v>
      </c>
      <c r="C6678" t="s">
        <v>6487</v>
      </c>
      <c r="D6678" t="s">
        <v>308</v>
      </c>
    </row>
    <row r="6679" spans="1:4" x14ac:dyDescent="0.4">
      <c r="A6679">
        <v>3550304</v>
      </c>
      <c r="B6679" t="s">
        <v>1636</v>
      </c>
      <c r="C6679" t="s">
        <v>6487</v>
      </c>
      <c r="D6679" t="s">
        <v>6488</v>
      </c>
    </row>
    <row r="6680" spans="1:4" x14ac:dyDescent="0.4">
      <c r="A6680">
        <v>3550328</v>
      </c>
      <c r="B6680" t="s">
        <v>1636</v>
      </c>
      <c r="C6680" t="s">
        <v>6487</v>
      </c>
      <c r="D6680" t="s">
        <v>1536</v>
      </c>
    </row>
    <row r="6681" spans="1:4" x14ac:dyDescent="0.4">
      <c r="A6681">
        <v>3550321</v>
      </c>
      <c r="B6681" t="s">
        <v>1636</v>
      </c>
      <c r="C6681" t="s">
        <v>6487</v>
      </c>
      <c r="D6681" t="s">
        <v>3448</v>
      </c>
    </row>
    <row r="6682" spans="1:4" x14ac:dyDescent="0.4">
      <c r="A6682">
        <v>3550316</v>
      </c>
      <c r="B6682" t="s">
        <v>1636</v>
      </c>
      <c r="C6682" t="s">
        <v>6487</v>
      </c>
      <c r="D6682" t="s">
        <v>6489</v>
      </c>
    </row>
    <row r="6683" spans="1:4" x14ac:dyDescent="0.4">
      <c r="A6683">
        <v>3550334</v>
      </c>
      <c r="B6683" t="s">
        <v>1636</v>
      </c>
      <c r="C6683" t="s">
        <v>6487</v>
      </c>
      <c r="D6683" t="s">
        <v>1658</v>
      </c>
    </row>
    <row r="6684" spans="1:4" x14ac:dyDescent="0.4">
      <c r="A6684">
        <v>3550325</v>
      </c>
      <c r="B6684" t="s">
        <v>1636</v>
      </c>
      <c r="C6684" t="s">
        <v>6487</v>
      </c>
      <c r="D6684" t="s">
        <v>6490</v>
      </c>
    </row>
    <row r="6685" spans="1:4" x14ac:dyDescent="0.4">
      <c r="A6685">
        <v>3550312</v>
      </c>
      <c r="B6685" t="s">
        <v>1636</v>
      </c>
      <c r="C6685" t="s">
        <v>6487</v>
      </c>
      <c r="D6685" t="s">
        <v>6491</v>
      </c>
    </row>
    <row r="6686" spans="1:4" x14ac:dyDescent="0.4">
      <c r="A6686">
        <v>3550335</v>
      </c>
      <c r="B6686" t="s">
        <v>1636</v>
      </c>
      <c r="C6686" t="s">
        <v>6487</v>
      </c>
      <c r="D6686" t="s">
        <v>4433</v>
      </c>
    </row>
    <row r="6687" spans="1:4" x14ac:dyDescent="0.4">
      <c r="A6687">
        <v>3550337</v>
      </c>
      <c r="B6687" t="s">
        <v>1636</v>
      </c>
      <c r="C6687" t="s">
        <v>6487</v>
      </c>
      <c r="D6687" t="s">
        <v>6492</v>
      </c>
    </row>
    <row r="6688" spans="1:4" x14ac:dyDescent="0.4">
      <c r="A6688">
        <v>3550311</v>
      </c>
      <c r="B6688" t="s">
        <v>1636</v>
      </c>
      <c r="C6688" t="s">
        <v>6487</v>
      </c>
      <c r="D6688" t="s">
        <v>1916</v>
      </c>
    </row>
    <row r="6689" spans="1:4" x14ac:dyDescent="0.4">
      <c r="A6689">
        <v>3550327</v>
      </c>
      <c r="B6689" t="s">
        <v>1636</v>
      </c>
      <c r="C6689" t="s">
        <v>6487</v>
      </c>
      <c r="D6689" t="s">
        <v>3189</v>
      </c>
    </row>
    <row r="6690" spans="1:4" x14ac:dyDescent="0.4">
      <c r="A6690">
        <v>3550323</v>
      </c>
      <c r="B6690" t="s">
        <v>1636</v>
      </c>
      <c r="C6690" t="s">
        <v>6487</v>
      </c>
      <c r="D6690" t="s">
        <v>6493</v>
      </c>
    </row>
    <row r="6691" spans="1:4" x14ac:dyDescent="0.4">
      <c r="A6691">
        <v>3550326</v>
      </c>
      <c r="B6691" t="s">
        <v>1636</v>
      </c>
      <c r="C6691" t="s">
        <v>6487</v>
      </c>
      <c r="D6691" t="s">
        <v>6494</v>
      </c>
    </row>
    <row r="6692" spans="1:4" x14ac:dyDescent="0.4">
      <c r="A6692">
        <v>3550313</v>
      </c>
      <c r="B6692" t="s">
        <v>1636</v>
      </c>
      <c r="C6692" t="s">
        <v>6487</v>
      </c>
      <c r="D6692" t="s">
        <v>6495</v>
      </c>
    </row>
    <row r="6693" spans="1:4" x14ac:dyDescent="0.4">
      <c r="A6693">
        <v>3550336</v>
      </c>
      <c r="B6693" t="s">
        <v>1636</v>
      </c>
      <c r="C6693" t="s">
        <v>6487</v>
      </c>
      <c r="D6693" t="s">
        <v>6496</v>
      </c>
    </row>
    <row r="6694" spans="1:4" x14ac:dyDescent="0.4">
      <c r="A6694">
        <v>3550302</v>
      </c>
      <c r="B6694" t="s">
        <v>1636</v>
      </c>
      <c r="C6694" t="s">
        <v>6487</v>
      </c>
      <c r="D6694" t="s">
        <v>6233</v>
      </c>
    </row>
    <row r="6695" spans="1:4" x14ac:dyDescent="0.4">
      <c r="A6695">
        <v>3550306</v>
      </c>
      <c r="B6695" t="s">
        <v>1636</v>
      </c>
      <c r="C6695" t="s">
        <v>6487</v>
      </c>
      <c r="D6695" t="s">
        <v>6497</v>
      </c>
    </row>
    <row r="6696" spans="1:4" x14ac:dyDescent="0.4">
      <c r="A6696">
        <v>3550314</v>
      </c>
      <c r="B6696" t="s">
        <v>1636</v>
      </c>
      <c r="C6696" t="s">
        <v>6487</v>
      </c>
      <c r="D6696" t="s">
        <v>6498</v>
      </c>
    </row>
    <row r="6697" spans="1:4" x14ac:dyDescent="0.4">
      <c r="A6697">
        <v>3550303</v>
      </c>
      <c r="B6697" t="s">
        <v>1636</v>
      </c>
      <c r="C6697" t="s">
        <v>6487</v>
      </c>
      <c r="D6697" t="s">
        <v>6499</v>
      </c>
    </row>
    <row r="6698" spans="1:4" x14ac:dyDescent="0.4">
      <c r="A6698">
        <v>3550301</v>
      </c>
      <c r="B6698" t="s">
        <v>1636</v>
      </c>
      <c r="C6698" t="s">
        <v>6487</v>
      </c>
      <c r="D6698" t="s">
        <v>6237</v>
      </c>
    </row>
    <row r="6699" spans="1:4" x14ac:dyDescent="0.4">
      <c r="A6699">
        <v>3550305</v>
      </c>
      <c r="B6699" t="s">
        <v>1636</v>
      </c>
      <c r="C6699" t="s">
        <v>6487</v>
      </c>
      <c r="D6699" t="s">
        <v>6500</v>
      </c>
    </row>
    <row r="6700" spans="1:4" x14ac:dyDescent="0.4">
      <c r="A6700">
        <v>3550317</v>
      </c>
      <c r="B6700" t="s">
        <v>1636</v>
      </c>
      <c r="C6700" t="s">
        <v>6487</v>
      </c>
      <c r="D6700" t="s">
        <v>6501</v>
      </c>
    </row>
    <row r="6701" spans="1:4" x14ac:dyDescent="0.4">
      <c r="A6701">
        <v>3550322</v>
      </c>
      <c r="B6701" t="s">
        <v>1636</v>
      </c>
      <c r="C6701" t="s">
        <v>6487</v>
      </c>
      <c r="D6701" t="s">
        <v>6502</v>
      </c>
    </row>
    <row r="6702" spans="1:4" x14ac:dyDescent="0.4">
      <c r="A6702">
        <v>3550318</v>
      </c>
      <c r="B6702" t="s">
        <v>1636</v>
      </c>
      <c r="C6702" t="s">
        <v>6487</v>
      </c>
      <c r="D6702" t="s">
        <v>6503</v>
      </c>
    </row>
    <row r="6703" spans="1:4" x14ac:dyDescent="0.4">
      <c r="A6703">
        <v>3550332</v>
      </c>
      <c r="B6703" t="s">
        <v>1636</v>
      </c>
      <c r="C6703" t="s">
        <v>6487</v>
      </c>
      <c r="D6703" t="s">
        <v>501</v>
      </c>
    </row>
    <row r="6704" spans="1:4" x14ac:dyDescent="0.4">
      <c r="A6704">
        <v>3550315</v>
      </c>
      <c r="B6704" t="s">
        <v>1636</v>
      </c>
      <c r="C6704" t="s">
        <v>6487</v>
      </c>
      <c r="D6704" t="s">
        <v>4271</v>
      </c>
    </row>
    <row r="6705" spans="1:4" x14ac:dyDescent="0.4">
      <c r="A6705">
        <v>3550331</v>
      </c>
      <c r="B6705" t="s">
        <v>1636</v>
      </c>
      <c r="C6705" t="s">
        <v>6487</v>
      </c>
      <c r="D6705" t="s">
        <v>6504</v>
      </c>
    </row>
    <row r="6706" spans="1:4" x14ac:dyDescent="0.4">
      <c r="A6706">
        <v>3500100</v>
      </c>
      <c r="B6706" t="s">
        <v>1636</v>
      </c>
      <c r="C6706" t="s">
        <v>4320</v>
      </c>
    </row>
    <row r="6707" spans="1:4" x14ac:dyDescent="0.4">
      <c r="A6707">
        <v>3500153</v>
      </c>
      <c r="B6707" t="s">
        <v>1636</v>
      </c>
      <c r="C6707" t="s">
        <v>4320</v>
      </c>
      <c r="D6707" t="s">
        <v>3089</v>
      </c>
    </row>
    <row r="6708" spans="1:4" x14ac:dyDescent="0.4">
      <c r="A6708">
        <v>3500158</v>
      </c>
      <c r="B6708" t="s">
        <v>1636</v>
      </c>
      <c r="C6708" t="s">
        <v>4320</v>
      </c>
      <c r="D6708" t="s">
        <v>6505</v>
      </c>
    </row>
    <row r="6709" spans="1:4" x14ac:dyDescent="0.4">
      <c r="A6709">
        <v>3500115</v>
      </c>
      <c r="B6709" t="s">
        <v>1636</v>
      </c>
      <c r="C6709" t="s">
        <v>4320</v>
      </c>
      <c r="D6709" t="s">
        <v>6506</v>
      </c>
    </row>
    <row r="6710" spans="1:4" x14ac:dyDescent="0.4">
      <c r="A6710">
        <v>3500127</v>
      </c>
      <c r="B6710" t="s">
        <v>1636</v>
      </c>
      <c r="C6710" t="s">
        <v>4320</v>
      </c>
      <c r="D6710" t="s">
        <v>6507</v>
      </c>
    </row>
    <row r="6711" spans="1:4" x14ac:dyDescent="0.4">
      <c r="A6711">
        <v>3500101</v>
      </c>
      <c r="B6711" t="s">
        <v>1636</v>
      </c>
      <c r="C6711" t="s">
        <v>4320</v>
      </c>
      <c r="D6711" t="s">
        <v>6508</v>
      </c>
    </row>
    <row r="6712" spans="1:4" x14ac:dyDescent="0.4">
      <c r="A6712">
        <v>3500105</v>
      </c>
      <c r="B6712" t="s">
        <v>1636</v>
      </c>
      <c r="C6712" t="s">
        <v>4320</v>
      </c>
      <c r="D6712" t="s">
        <v>6509</v>
      </c>
    </row>
    <row r="6713" spans="1:4" x14ac:dyDescent="0.4">
      <c r="A6713">
        <v>3500133</v>
      </c>
      <c r="B6713" t="s">
        <v>1636</v>
      </c>
      <c r="C6713" t="s">
        <v>4320</v>
      </c>
      <c r="D6713" t="s">
        <v>6510</v>
      </c>
    </row>
    <row r="6714" spans="1:4" x14ac:dyDescent="0.4">
      <c r="A6714">
        <v>3500156</v>
      </c>
      <c r="B6714" t="s">
        <v>1636</v>
      </c>
      <c r="C6714" t="s">
        <v>4320</v>
      </c>
      <c r="D6714" t="s">
        <v>6511</v>
      </c>
    </row>
    <row r="6715" spans="1:4" x14ac:dyDescent="0.4">
      <c r="A6715">
        <v>3500107</v>
      </c>
      <c r="B6715" t="s">
        <v>1636</v>
      </c>
      <c r="C6715" t="s">
        <v>4320</v>
      </c>
      <c r="D6715" t="s">
        <v>6512</v>
      </c>
    </row>
    <row r="6716" spans="1:4" x14ac:dyDescent="0.4">
      <c r="A6716">
        <v>3500152</v>
      </c>
      <c r="B6716" t="s">
        <v>1636</v>
      </c>
      <c r="C6716" t="s">
        <v>4320</v>
      </c>
      <c r="D6716" t="s">
        <v>6513</v>
      </c>
    </row>
    <row r="6717" spans="1:4" x14ac:dyDescent="0.4">
      <c r="A6717">
        <v>3500142</v>
      </c>
      <c r="B6717" t="s">
        <v>1636</v>
      </c>
      <c r="C6717" t="s">
        <v>4320</v>
      </c>
      <c r="D6717" t="s">
        <v>6514</v>
      </c>
    </row>
    <row r="6718" spans="1:4" x14ac:dyDescent="0.4">
      <c r="A6718">
        <v>3500106</v>
      </c>
      <c r="B6718" t="s">
        <v>1636</v>
      </c>
      <c r="C6718" t="s">
        <v>4320</v>
      </c>
      <c r="D6718" t="s">
        <v>6515</v>
      </c>
    </row>
    <row r="6719" spans="1:4" x14ac:dyDescent="0.4">
      <c r="A6719">
        <v>3500136</v>
      </c>
      <c r="B6719" t="s">
        <v>1636</v>
      </c>
      <c r="C6719" t="s">
        <v>4320</v>
      </c>
      <c r="D6719" t="s">
        <v>6516</v>
      </c>
    </row>
    <row r="6720" spans="1:4" x14ac:dyDescent="0.4">
      <c r="A6720">
        <v>3500121</v>
      </c>
      <c r="B6720" t="s">
        <v>1636</v>
      </c>
      <c r="C6720" t="s">
        <v>4320</v>
      </c>
      <c r="D6720" t="s">
        <v>6517</v>
      </c>
    </row>
    <row r="6721" spans="1:4" x14ac:dyDescent="0.4">
      <c r="A6721">
        <v>3500163</v>
      </c>
      <c r="B6721" t="s">
        <v>1636</v>
      </c>
      <c r="C6721" t="s">
        <v>4320</v>
      </c>
      <c r="D6721" t="s">
        <v>6518</v>
      </c>
    </row>
    <row r="6722" spans="1:4" x14ac:dyDescent="0.4">
      <c r="A6722">
        <v>3500155</v>
      </c>
      <c r="B6722" t="s">
        <v>1636</v>
      </c>
      <c r="C6722" t="s">
        <v>4320</v>
      </c>
      <c r="D6722" t="s">
        <v>6519</v>
      </c>
    </row>
    <row r="6723" spans="1:4" x14ac:dyDescent="0.4">
      <c r="A6723">
        <v>3500132</v>
      </c>
      <c r="B6723" t="s">
        <v>1636</v>
      </c>
      <c r="C6723" t="s">
        <v>4320</v>
      </c>
      <c r="D6723" t="s">
        <v>6520</v>
      </c>
    </row>
    <row r="6724" spans="1:4" x14ac:dyDescent="0.4">
      <c r="A6724">
        <v>3500104</v>
      </c>
      <c r="B6724" t="s">
        <v>1636</v>
      </c>
      <c r="C6724" t="s">
        <v>4320</v>
      </c>
      <c r="D6724" t="s">
        <v>6521</v>
      </c>
    </row>
    <row r="6725" spans="1:4" x14ac:dyDescent="0.4">
      <c r="A6725">
        <v>3500157</v>
      </c>
      <c r="B6725" t="s">
        <v>1636</v>
      </c>
      <c r="C6725" t="s">
        <v>4320</v>
      </c>
      <c r="D6725" t="s">
        <v>6522</v>
      </c>
    </row>
    <row r="6726" spans="1:4" x14ac:dyDescent="0.4">
      <c r="A6726">
        <v>3500144</v>
      </c>
      <c r="B6726" t="s">
        <v>1636</v>
      </c>
      <c r="C6726" t="s">
        <v>4320</v>
      </c>
      <c r="D6726" t="s">
        <v>6523</v>
      </c>
    </row>
    <row r="6727" spans="1:4" x14ac:dyDescent="0.4">
      <c r="A6727">
        <v>3500102</v>
      </c>
      <c r="B6727" t="s">
        <v>1636</v>
      </c>
      <c r="C6727" t="s">
        <v>4320</v>
      </c>
      <c r="D6727" t="s">
        <v>6524</v>
      </c>
    </row>
    <row r="6728" spans="1:4" x14ac:dyDescent="0.4">
      <c r="A6728">
        <v>3500135</v>
      </c>
      <c r="B6728" t="s">
        <v>1636</v>
      </c>
      <c r="C6728" t="s">
        <v>4320</v>
      </c>
      <c r="D6728" t="s">
        <v>6525</v>
      </c>
    </row>
    <row r="6729" spans="1:4" x14ac:dyDescent="0.4">
      <c r="A6729">
        <v>3500122</v>
      </c>
      <c r="B6729" t="s">
        <v>1636</v>
      </c>
      <c r="C6729" t="s">
        <v>4320</v>
      </c>
      <c r="D6729" t="s">
        <v>6526</v>
      </c>
    </row>
    <row r="6730" spans="1:4" x14ac:dyDescent="0.4">
      <c r="A6730">
        <v>3500162</v>
      </c>
      <c r="B6730" t="s">
        <v>1636</v>
      </c>
      <c r="C6730" t="s">
        <v>4320</v>
      </c>
      <c r="D6730" t="s">
        <v>6527</v>
      </c>
    </row>
    <row r="6731" spans="1:4" x14ac:dyDescent="0.4">
      <c r="A6731">
        <v>3500128</v>
      </c>
      <c r="B6731" t="s">
        <v>1636</v>
      </c>
      <c r="C6731" t="s">
        <v>4320</v>
      </c>
      <c r="D6731" t="s">
        <v>6528</v>
      </c>
    </row>
    <row r="6732" spans="1:4" x14ac:dyDescent="0.4">
      <c r="A6732">
        <v>3500141</v>
      </c>
      <c r="B6732" t="s">
        <v>1636</v>
      </c>
      <c r="C6732" t="s">
        <v>4320</v>
      </c>
      <c r="D6732" t="s">
        <v>6529</v>
      </c>
    </row>
    <row r="6733" spans="1:4" x14ac:dyDescent="0.4">
      <c r="A6733">
        <v>3500143</v>
      </c>
      <c r="B6733" t="s">
        <v>1636</v>
      </c>
      <c r="C6733" t="s">
        <v>4320</v>
      </c>
      <c r="D6733" t="s">
        <v>6530</v>
      </c>
    </row>
    <row r="6734" spans="1:4" x14ac:dyDescent="0.4">
      <c r="A6734">
        <v>3500145</v>
      </c>
      <c r="B6734" t="s">
        <v>1636</v>
      </c>
      <c r="C6734" t="s">
        <v>4320</v>
      </c>
      <c r="D6734" t="s">
        <v>6531</v>
      </c>
    </row>
    <row r="6735" spans="1:4" x14ac:dyDescent="0.4">
      <c r="A6735">
        <v>3500113</v>
      </c>
      <c r="B6735" t="s">
        <v>1636</v>
      </c>
      <c r="C6735" t="s">
        <v>4320</v>
      </c>
      <c r="D6735" t="s">
        <v>6532</v>
      </c>
    </row>
    <row r="6736" spans="1:4" x14ac:dyDescent="0.4">
      <c r="A6736">
        <v>3500117</v>
      </c>
      <c r="B6736" t="s">
        <v>1636</v>
      </c>
      <c r="C6736" t="s">
        <v>4320</v>
      </c>
      <c r="D6736" t="s">
        <v>6533</v>
      </c>
    </row>
    <row r="6737" spans="1:4" x14ac:dyDescent="0.4">
      <c r="A6737">
        <v>3500112</v>
      </c>
      <c r="B6737" t="s">
        <v>1636</v>
      </c>
      <c r="C6737" t="s">
        <v>4320</v>
      </c>
      <c r="D6737" t="s">
        <v>6534</v>
      </c>
    </row>
    <row r="6738" spans="1:4" x14ac:dyDescent="0.4">
      <c r="A6738">
        <v>3500166</v>
      </c>
      <c r="B6738" t="s">
        <v>1636</v>
      </c>
      <c r="C6738" t="s">
        <v>4320</v>
      </c>
      <c r="D6738" t="s">
        <v>6535</v>
      </c>
    </row>
    <row r="6739" spans="1:4" x14ac:dyDescent="0.4">
      <c r="A6739">
        <v>3500165</v>
      </c>
      <c r="B6739" t="s">
        <v>1636</v>
      </c>
      <c r="C6739" t="s">
        <v>4320</v>
      </c>
      <c r="D6739" t="s">
        <v>1588</v>
      </c>
    </row>
    <row r="6740" spans="1:4" x14ac:dyDescent="0.4">
      <c r="A6740">
        <v>3500161</v>
      </c>
      <c r="B6740" t="s">
        <v>1636</v>
      </c>
      <c r="C6740" t="s">
        <v>4320</v>
      </c>
      <c r="D6740" t="s">
        <v>6536</v>
      </c>
    </row>
    <row r="6741" spans="1:4" x14ac:dyDescent="0.4">
      <c r="A6741">
        <v>3500134</v>
      </c>
      <c r="B6741" t="s">
        <v>1636</v>
      </c>
      <c r="C6741" t="s">
        <v>4320</v>
      </c>
      <c r="D6741" t="s">
        <v>1493</v>
      </c>
    </row>
    <row r="6742" spans="1:4" x14ac:dyDescent="0.4">
      <c r="A6742">
        <v>3500147</v>
      </c>
      <c r="B6742" t="s">
        <v>1636</v>
      </c>
      <c r="C6742" t="s">
        <v>4320</v>
      </c>
      <c r="D6742" t="s">
        <v>6537</v>
      </c>
    </row>
    <row r="6743" spans="1:4" x14ac:dyDescent="0.4">
      <c r="A6743">
        <v>3500123</v>
      </c>
      <c r="B6743" t="s">
        <v>1636</v>
      </c>
      <c r="C6743" t="s">
        <v>4320</v>
      </c>
      <c r="D6743" t="s">
        <v>3374</v>
      </c>
    </row>
    <row r="6744" spans="1:4" x14ac:dyDescent="0.4">
      <c r="A6744">
        <v>3500151</v>
      </c>
      <c r="B6744" t="s">
        <v>1636</v>
      </c>
      <c r="C6744" t="s">
        <v>4320</v>
      </c>
      <c r="D6744" t="s">
        <v>2067</v>
      </c>
    </row>
    <row r="6745" spans="1:4" x14ac:dyDescent="0.4">
      <c r="A6745">
        <v>3500114</v>
      </c>
      <c r="B6745" t="s">
        <v>1636</v>
      </c>
      <c r="C6745" t="s">
        <v>4320</v>
      </c>
      <c r="D6745" t="s">
        <v>6538</v>
      </c>
    </row>
    <row r="6746" spans="1:4" x14ac:dyDescent="0.4">
      <c r="A6746">
        <v>3500125</v>
      </c>
      <c r="B6746" t="s">
        <v>1636</v>
      </c>
      <c r="C6746" t="s">
        <v>4320</v>
      </c>
      <c r="D6746" t="s">
        <v>2142</v>
      </c>
    </row>
    <row r="6747" spans="1:4" x14ac:dyDescent="0.4">
      <c r="A6747">
        <v>3500131</v>
      </c>
      <c r="B6747" t="s">
        <v>1636</v>
      </c>
      <c r="C6747" t="s">
        <v>4320</v>
      </c>
      <c r="D6747" t="s">
        <v>6539</v>
      </c>
    </row>
    <row r="6748" spans="1:4" x14ac:dyDescent="0.4">
      <c r="A6748">
        <v>3500164</v>
      </c>
      <c r="B6748" t="s">
        <v>1636</v>
      </c>
      <c r="C6748" t="s">
        <v>4320</v>
      </c>
      <c r="D6748" t="s">
        <v>6540</v>
      </c>
    </row>
    <row r="6749" spans="1:4" x14ac:dyDescent="0.4">
      <c r="A6749">
        <v>3500146</v>
      </c>
      <c r="B6749" t="s">
        <v>1636</v>
      </c>
      <c r="C6749" t="s">
        <v>4320</v>
      </c>
      <c r="D6749" t="s">
        <v>6541</v>
      </c>
    </row>
    <row r="6750" spans="1:4" x14ac:dyDescent="0.4">
      <c r="A6750">
        <v>3500103</v>
      </c>
      <c r="B6750" t="s">
        <v>1636</v>
      </c>
      <c r="C6750" t="s">
        <v>4320</v>
      </c>
      <c r="D6750" t="s">
        <v>6342</v>
      </c>
    </row>
    <row r="6751" spans="1:4" x14ac:dyDescent="0.4">
      <c r="A6751">
        <v>3500167</v>
      </c>
      <c r="B6751" t="s">
        <v>1636</v>
      </c>
      <c r="C6751" t="s">
        <v>4320</v>
      </c>
      <c r="D6751" t="s">
        <v>6542</v>
      </c>
    </row>
    <row r="6752" spans="1:4" x14ac:dyDescent="0.4">
      <c r="A6752">
        <v>3500124</v>
      </c>
      <c r="B6752" t="s">
        <v>1636</v>
      </c>
      <c r="C6752" t="s">
        <v>4320</v>
      </c>
      <c r="D6752" t="s">
        <v>6543</v>
      </c>
    </row>
    <row r="6753" spans="1:4" x14ac:dyDescent="0.4">
      <c r="A6753">
        <v>3500137</v>
      </c>
      <c r="B6753" t="s">
        <v>1636</v>
      </c>
      <c r="C6753" t="s">
        <v>4320</v>
      </c>
      <c r="D6753" t="s">
        <v>398</v>
      </c>
    </row>
    <row r="6754" spans="1:4" x14ac:dyDescent="0.4">
      <c r="A6754">
        <v>3500116</v>
      </c>
      <c r="B6754" t="s">
        <v>1636</v>
      </c>
      <c r="C6754" t="s">
        <v>4320</v>
      </c>
      <c r="D6754" t="s">
        <v>6544</v>
      </c>
    </row>
    <row r="6755" spans="1:4" x14ac:dyDescent="0.4">
      <c r="A6755">
        <v>3500154</v>
      </c>
      <c r="B6755" t="s">
        <v>1636</v>
      </c>
      <c r="C6755" t="s">
        <v>4320</v>
      </c>
      <c r="D6755" t="s">
        <v>6545</v>
      </c>
    </row>
    <row r="6756" spans="1:4" x14ac:dyDescent="0.4">
      <c r="A6756">
        <v>3500111</v>
      </c>
      <c r="B6756" t="s">
        <v>1636</v>
      </c>
      <c r="C6756" t="s">
        <v>4320</v>
      </c>
      <c r="D6756" t="s">
        <v>853</v>
      </c>
    </row>
    <row r="6757" spans="1:4" x14ac:dyDescent="0.4">
      <c r="A6757">
        <v>3500126</v>
      </c>
      <c r="B6757" t="s">
        <v>1636</v>
      </c>
      <c r="C6757" t="s">
        <v>4320</v>
      </c>
      <c r="D6757" t="s">
        <v>6546</v>
      </c>
    </row>
    <row r="6758" spans="1:4" x14ac:dyDescent="0.4">
      <c r="A6758">
        <v>2940821</v>
      </c>
      <c r="B6758" t="s">
        <v>0</v>
      </c>
      <c r="C6758" t="s">
        <v>966</v>
      </c>
      <c r="D6758" t="s">
        <v>6547</v>
      </c>
    </row>
    <row r="6759" spans="1:4" x14ac:dyDescent="0.4">
      <c r="A6759">
        <v>2992201</v>
      </c>
      <c r="B6759" t="s">
        <v>0</v>
      </c>
      <c r="C6759" t="s">
        <v>966</v>
      </c>
      <c r="D6759" t="s">
        <v>529</v>
      </c>
    </row>
    <row r="6760" spans="1:4" x14ac:dyDescent="0.4">
      <c r="A6760">
        <v>2992522</v>
      </c>
      <c r="B6760" t="s">
        <v>0</v>
      </c>
      <c r="C6760" t="s">
        <v>966</v>
      </c>
      <c r="D6760" t="s">
        <v>6548</v>
      </c>
    </row>
    <row r="6761" spans="1:4" x14ac:dyDescent="0.4">
      <c r="A6761">
        <v>2940812</v>
      </c>
      <c r="B6761" t="s">
        <v>0</v>
      </c>
      <c r="C6761" t="s">
        <v>966</v>
      </c>
      <c r="D6761" t="s">
        <v>6549</v>
      </c>
    </row>
    <row r="6762" spans="1:4" x14ac:dyDescent="0.4">
      <c r="A6762">
        <v>2992515</v>
      </c>
      <c r="B6762" t="s">
        <v>0</v>
      </c>
      <c r="C6762" t="s">
        <v>966</v>
      </c>
      <c r="D6762" t="s">
        <v>595</v>
      </c>
    </row>
    <row r="6763" spans="1:4" x14ac:dyDescent="0.4">
      <c r="A6763">
        <v>2992503</v>
      </c>
      <c r="B6763" t="s">
        <v>0</v>
      </c>
      <c r="C6763" t="s">
        <v>966</v>
      </c>
      <c r="D6763" t="s">
        <v>5264</v>
      </c>
    </row>
    <row r="6764" spans="1:4" x14ac:dyDescent="0.4">
      <c r="A6764">
        <v>2992502</v>
      </c>
      <c r="B6764" t="s">
        <v>0</v>
      </c>
      <c r="C6764" t="s">
        <v>966</v>
      </c>
      <c r="D6764" t="s">
        <v>6550</v>
      </c>
    </row>
    <row r="6765" spans="1:4" x14ac:dyDescent="0.4">
      <c r="A6765">
        <v>2992226</v>
      </c>
      <c r="B6765" t="s">
        <v>0</v>
      </c>
      <c r="C6765" t="s">
        <v>966</v>
      </c>
      <c r="D6765" t="s">
        <v>6551</v>
      </c>
    </row>
    <row r="6766" spans="1:4" x14ac:dyDescent="0.4">
      <c r="A6766">
        <v>2992205</v>
      </c>
      <c r="B6766" t="s">
        <v>0</v>
      </c>
      <c r="C6766" t="s">
        <v>966</v>
      </c>
      <c r="D6766" t="s">
        <v>6552</v>
      </c>
    </row>
    <row r="6767" spans="1:4" x14ac:dyDescent="0.4">
      <c r="A6767">
        <v>2992212</v>
      </c>
      <c r="B6767" t="s">
        <v>0</v>
      </c>
      <c r="C6767" t="s">
        <v>966</v>
      </c>
      <c r="D6767" t="s">
        <v>315</v>
      </c>
    </row>
    <row r="6768" spans="1:4" x14ac:dyDescent="0.4">
      <c r="A6768">
        <v>2992512</v>
      </c>
      <c r="B6768" t="s">
        <v>0</v>
      </c>
      <c r="C6768" t="s">
        <v>966</v>
      </c>
      <c r="D6768" t="s">
        <v>6553</v>
      </c>
    </row>
    <row r="6769" spans="1:4" x14ac:dyDescent="0.4">
      <c r="A6769">
        <v>2940804</v>
      </c>
      <c r="B6769" t="s">
        <v>0</v>
      </c>
      <c r="C6769" t="s">
        <v>966</v>
      </c>
      <c r="D6769" t="s">
        <v>6554</v>
      </c>
    </row>
    <row r="6770" spans="1:4" x14ac:dyDescent="0.4">
      <c r="A6770">
        <v>2992507</v>
      </c>
      <c r="B6770" t="s">
        <v>0</v>
      </c>
      <c r="C6770" t="s">
        <v>966</v>
      </c>
      <c r="D6770" t="s">
        <v>2716</v>
      </c>
    </row>
    <row r="6771" spans="1:4" x14ac:dyDescent="0.4">
      <c r="A6771">
        <v>2940817</v>
      </c>
      <c r="B6771" t="s">
        <v>0</v>
      </c>
      <c r="C6771" t="s">
        <v>966</v>
      </c>
      <c r="D6771" t="s">
        <v>6555</v>
      </c>
    </row>
    <row r="6772" spans="1:4" x14ac:dyDescent="0.4">
      <c r="A6772">
        <v>2992511</v>
      </c>
      <c r="B6772" t="s">
        <v>0</v>
      </c>
      <c r="C6772" t="s">
        <v>966</v>
      </c>
      <c r="D6772" t="s">
        <v>6556</v>
      </c>
    </row>
    <row r="6773" spans="1:4" x14ac:dyDescent="0.4">
      <c r="A6773">
        <v>2940806</v>
      </c>
      <c r="B6773" t="s">
        <v>0</v>
      </c>
      <c r="C6773" t="s">
        <v>966</v>
      </c>
      <c r="D6773" t="s">
        <v>6557</v>
      </c>
    </row>
    <row r="6774" spans="1:4" x14ac:dyDescent="0.4">
      <c r="A6774">
        <v>2940825</v>
      </c>
      <c r="B6774" t="s">
        <v>0</v>
      </c>
      <c r="C6774" t="s">
        <v>966</v>
      </c>
      <c r="D6774" t="s">
        <v>6558</v>
      </c>
    </row>
    <row r="6775" spans="1:4" x14ac:dyDescent="0.4">
      <c r="A6775">
        <v>2992525</v>
      </c>
      <c r="B6775" t="s">
        <v>0</v>
      </c>
      <c r="C6775" t="s">
        <v>966</v>
      </c>
      <c r="D6775" t="s">
        <v>636</v>
      </c>
    </row>
    <row r="6776" spans="1:4" x14ac:dyDescent="0.4">
      <c r="A6776">
        <v>2992211</v>
      </c>
      <c r="B6776" t="s">
        <v>0</v>
      </c>
      <c r="C6776" t="s">
        <v>966</v>
      </c>
      <c r="D6776" t="s">
        <v>6559</v>
      </c>
    </row>
    <row r="6777" spans="1:4" x14ac:dyDescent="0.4">
      <c r="A6777">
        <v>2940814</v>
      </c>
      <c r="B6777" t="s">
        <v>0</v>
      </c>
      <c r="C6777" t="s">
        <v>966</v>
      </c>
      <c r="D6777" t="s">
        <v>6560</v>
      </c>
    </row>
    <row r="6778" spans="1:4" x14ac:dyDescent="0.4">
      <c r="A6778">
        <v>2992504</v>
      </c>
      <c r="B6778" t="s">
        <v>0</v>
      </c>
      <c r="C6778" t="s">
        <v>966</v>
      </c>
      <c r="D6778" t="s">
        <v>4105</v>
      </c>
    </row>
    <row r="6779" spans="1:4" x14ac:dyDescent="0.4">
      <c r="A6779">
        <v>2992216</v>
      </c>
      <c r="B6779" t="s">
        <v>0</v>
      </c>
      <c r="C6779" t="s">
        <v>966</v>
      </c>
      <c r="D6779" t="s">
        <v>6561</v>
      </c>
    </row>
    <row r="6780" spans="1:4" x14ac:dyDescent="0.4">
      <c r="A6780">
        <v>2992526</v>
      </c>
      <c r="B6780" t="s">
        <v>0</v>
      </c>
      <c r="C6780" t="s">
        <v>966</v>
      </c>
      <c r="D6780" t="s">
        <v>6562</v>
      </c>
    </row>
    <row r="6781" spans="1:4" x14ac:dyDescent="0.4">
      <c r="A6781">
        <v>2992524</v>
      </c>
      <c r="B6781" t="s">
        <v>0</v>
      </c>
      <c r="C6781" t="s">
        <v>966</v>
      </c>
      <c r="D6781" t="s">
        <v>648</v>
      </c>
    </row>
    <row r="6782" spans="1:4" x14ac:dyDescent="0.4">
      <c r="A6782">
        <v>2992215</v>
      </c>
      <c r="B6782" t="s">
        <v>0</v>
      </c>
      <c r="C6782" t="s">
        <v>966</v>
      </c>
      <c r="D6782" t="s">
        <v>6563</v>
      </c>
    </row>
    <row r="6783" spans="1:4" x14ac:dyDescent="0.4">
      <c r="A6783">
        <v>2992221</v>
      </c>
      <c r="B6783" t="s">
        <v>0</v>
      </c>
      <c r="C6783" t="s">
        <v>966</v>
      </c>
      <c r="D6783" t="s">
        <v>6564</v>
      </c>
    </row>
    <row r="6784" spans="1:4" x14ac:dyDescent="0.4">
      <c r="A6784">
        <v>2992224</v>
      </c>
      <c r="B6784" t="s">
        <v>0</v>
      </c>
      <c r="C6784" t="s">
        <v>966</v>
      </c>
      <c r="D6784" t="s">
        <v>6565</v>
      </c>
    </row>
    <row r="6785" spans="1:4" x14ac:dyDescent="0.4">
      <c r="A6785">
        <v>2940805</v>
      </c>
      <c r="B6785" t="s">
        <v>0</v>
      </c>
      <c r="C6785" t="s">
        <v>966</v>
      </c>
      <c r="D6785" t="s">
        <v>6566</v>
      </c>
    </row>
    <row r="6786" spans="1:4" x14ac:dyDescent="0.4">
      <c r="A6786">
        <v>2940824</v>
      </c>
      <c r="B6786" t="s">
        <v>0</v>
      </c>
      <c r="C6786" t="s">
        <v>966</v>
      </c>
      <c r="D6786" t="s">
        <v>6567</v>
      </c>
    </row>
    <row r="6787" spans="1:4" x14ac:dyDescent="0.4">
      <c r="A6787">
        <v>2992501</v>
      </c>
      <c r="B6787" t="s">
        <v>0</v>
      </c>
      <c r="C6787" t="s">
        <v>966</v>
      </c>
      <c r="D6787" t="s">
        <v>6568</v>
      </c>
    </row>
    <row r="6788" spans="1:4" x14ac:dyDescent="0.4">
      <c r="A6788">
        <v>2992521</v>
      </c>
      <c r="B6788" t="s">
        <v>0</v>
      </c>
      <c r="C6788" t="s">
        <v>966</v>
      </c>
      <c r="D6788" t="s">
        <v>5827</v>
      </c>
    </row>
    <row r="6789" spans="1:4" x14ac:dyDescent="0.4">
      <c r="A6789">
        <v>2950101</v>
      </c>
      <c r="B6789" t="s">
        <v>0</v>
      </c>
      <c r="C6789" t="s">
        <v>966</v>
      </c>
      <c r="D6789" t="s">
        <v>6569</v>
      </c>
    </row>
    <row r="6790" spans="1:4" x14ac:dyDescent="0.4">
      <c r="A6790">
        <v>2950102</v>
      </c>
      <c r="B6790" t="s">
        <v>0</v>
      </c>
      <c r="C6790" t="s">
        <v>966</v>
      </c>
      <c r="D6790" t="s">
        <v>6570</v>
      </c>
    </row>
    <row r="6791" spans="1:4" x14ac:dyDescent="0.4">
      <c r="A6791">
        <v>2950103</v>
      </c>
      <c r="B6791" t="s">
        <v>0</v>
      </c>
      <c r="C6791" t="s">
        <v>966</v>
      </c>
      <c r="D6791" t="s">
        <v>6571</v>
      </c>
    </row>
    <row r="6792" spans="1:4" x14ac:dyDescent="0.4">
      <c r="A6792">
        <v>2950104</v>
      </c>
      <c r="B6792" t="s">
        <v>0</v>
      </c>
      <c r="C6792" t="s">
        <v>966</v>
      </c>
      <c r="D6792" t="s">
        <v>6572</v>
      </c>
    </row>
    <row r="6793" spans="1:4" x14ac:dyDescent="0.4">
      <c r="A6793">
        <v>2940815</v>
      </c>
      <c r="B6793" t="s">
        <v>0</v>
      </c>
      <c r="C6793" t="s">
        <v>966</v>
      </c>
      <c r="D6793" t="s">
        <v>6573</v>
      </c>
    </row>
    <row r="6794" spans="1:4" x14ac:dyDescent="0.4">
      <c r="A6794">
        <v>2992223</v>
      </c>
      <c r="B6794" t="s">
        <v>0</v>
      </c>
      <c r="C6794" t="s">
        <v>966</v>
      </c>
      <c r="D6794" t="s">
        <v>371</v>
      </c>
    </row>
    <row r="6795" spans="1:4" x14ac:dyDescent="0.4">
      <c r="A6795">
        <v>2992225</v>
      </c>
      <c r="B6795" t="s">
        <v>0</v>
      </c>
      <c r="C6795" t="s">
        <v>966</v>
      </c>
      <c r="D6795" t="s">
        <v>6574</v>
      </c>
    </row>
    <row r="6796" spans="1:4" x14ac:dyDescent="0.4">
      <c r="A6796">
        <v>2950006</v>
      </c>
      <c r="B6796" t="s">
        <v>0</v>
      </c>
      <c r="C6796" t="s">
        <v>966</v>
      </c>
      <c r="D6796" t="s">
        <v>6575</v>
      </c>
    </row>
    <row r="6797" spans="1:4" x14ac:dyDescent="0.4">
      <c r="A6797">
        <v>2950026</v>
      </c>
      <c r="B6797" t="s">
        <v>0</v>
      </c>
      <c r="C6797" t="s">
        <v>966</v>
      </c>
      <c r="D6797" t="s">
        <v>6576</v>
      </c>
    </row>
    <row r="6798" spans="1:4" x14ac:dyDescent="0.4">
      <c r="A6798">
        <v>2950013</v>
      </c>
      <c r="B6798" t="s">
        <v>0</v>
      </c>
      <c r="C6798" t="s">
        <v>966</v>
      </c>
      <c r="D6798" t="s">
        <v>6577</v>
      </c>
    </row>
    <row r="6799" spans="1:4" x14ac:dyDescent="0.4">
      <c r="A6799">
        <v>2950002</v>
      </c>
      <c r="B6799" t="s">
        <v>0</v>
      </c>
      <c r="C6799" t="s">
        <v>966</v>
      </c>
      <c r="D6799" t="s">
        <v>6578</v>
      </c>
    </row>
    <row r="6800" spans="1:4" x14ac:dyDescent="0.4">
      <c r="A6800">
        <v>2950023</v>
      </c>
      <c r="B6800" t="s">
        <v>0</v>
      </c>
      <c r="C6800" t="s">
        <v>966</v>
      </c>
      <c r="D6800" t="s">
        <v>6579</v>
      </c>
    </row>
    <row r="6801" spans="1:4" x14ac:dyDescent="0.4">
      <c r="A6801">
        <v>2950014</v>
      </c>
      <c r="B6801" t="s">
        <v>0</v>
      </c>
      <c r="C6801" t="s">
        <v>966</v>
      </c>
      <c r="D6801" t="s">
        <v>6580</v>
      </c>
    </row>
    <row r="6802" spans="1:4" x14ac:dyDescent="0.4">
      <c r="A6802">
        <v>2950011</v>
      </c>
      <c r="B6802" t="s">
        <v>0</v>
      </c>
      <c r="C6802" t="s">
        <v>966</v>
      </c>
      <c r="D6802" t="s">
        <v>6581</v>
      </c>
    </row>
    <row r="6803" spans="1:4" x14ac:dyDescent="0.4">
      <c r="A6803">
        <v>2950001</v>
      </c>
      <c r="B6803" t="s">
        <v>0</v>
      </c>
      <c r="C6803" t="s">
        <v>966</v>
      </c>
      <c r="D6803" t="s">
        <v>6582</v>
      </c>
    </row>
    <row r="6804" spans="1:4" x14ac:dyDescent="0.4">
      <c r="A6804">
        <v>2950022</v>
      </c>
      <c r="B6804" t="s">
        <v>0</v>
      </c>
      <c r="C6804" t="s">
        <v>966</v>
      </c>
      <c r="D6804" t="s">
        <v>6583</v>
      </c>
    </row>
    <row r="6805" spans="1:4" x14ac:dyDescent="0.4">
      <c r="A6805">
        <v>2950003</v>
      </c>
      <c r="B6805" t="s">
        <v>0</v>
      </c>
      <c r="C6805" t="s">
        <v>966</v>
      </c>
      <c r="D6805" t="s">
        <v>6584</v>
      </c>
    </row>
    <row r="6806" spans="1:4" x14ac:dyDescent="0.4">
      <c r="A6806">
        <v>2950027</v>
      </c>
      <c r="B6806" t="s">
        <v>0</v>
      </c>
      <c r="C6806" t="s">
        <v>966</v>
      </c>
      <c r="D6806" t="s">
        <v>6585</v>
      </c>
    </row>
    <row r="6807" spans="1:4" x14ac:dyDescent="0.4">
      <c r="A6807">
        <v>2950004</v>
      </c>
      <c r="B6807" t="s">
        <v>0</v>
      </c>
      <c r="C6807" t="s">
        <v>966</v>
      </c>
      <c r="D6807" t="s">
        <v>6586</v>
      </c>
    </row>
    <row r="6808" spans="1:4" x14ac:dyDescent="0.4">
      <c r="A6808">
        <v>2950025</v>
      </c>
      <c r="B6808" t="s">
        <v>0</v>
      </c>
      <c r="C6808" t="s">
        <v>966</v>
      </c>
      <c r="D6808" t="s">
        <v>6587</v>
      </c>
    </row>
    <row r="6809" spans="1:4" x14ac:dyDescent="0.4">
      <c r="A6809">
        <v>2950024</v>
      </c>
      <c r="B6809" t="s">
        <v>0</v>
      </c>
      <c r="C6809" t="s">
        <v>966</v>
      </c>
      <c r="D6809" t="s">
        <v>6588</v>
      </c>
    </row>
    <row r="6810" spans="1:4" x14ac:dyDescent="0.4">
      <c r="A6810">
        <v>2950021</v>
      </c>
      <c r="B6810" t="s">
        <v>0</v>
      </c>
      <c r="C6810" t="s">
        <v>966</v>
      </c>
      <c r="D6810" t="s">
        <v>6589</v>
      </c>
    </row>
    <row r="6811" spans="1:4" x14ac:dyDescent="0.4">
      <c r="A6811">
        <v>2950005</v>
      </c>
      <c r="B6811" t="s">
        <v>0</v>
      </c>
      <c r="C6811" t="s">
        <v>966</v>
      </c>
      <c r="D6811" t="s">
        <v>6590</v>
      </c>
    </row>
    <row r="6812" spans="1:4" x14ac:dyDescent="0.4">
      <c r="A6812">
        <v>2950012</v>
      </c>
      <c r="B6812" t="s">
        <v>0</v>
      </c>
      <c r="C6812" t="s">
        <v>966</v>
      </c>
      <c r="D6812" t="s">
        <v>6591</v>
      </c>
    </row>
    <row r="6813" spans="1:4" x14ac:dyDescent="0.4">
      <c r="A6813">
        <v>2992416</v>
      </c>
      <c r="B6813" t="s">
        <v>0</v>
      </c>
      <c r="C6813" t="s">
        <v>966</v>
      </c>
      <c r="D6813" t="s">
        <v>6592</v>
      </c>
    </row>
    <row r="6814" spans="1:4" x14ac:dyDescent="0.4">
      <c r="A6814">
        <v>2992411</v>
      </c>
      <c r="B6814" t="s">
        <v>0</v>
      </c>
      <c r="C6814" t="s">
        <v>966</v>
      </c>
      <c r="D6814" t="s">
        <v>6593</v>
      </c>
    </row>
    <row r="6815" spans="1:4" x14ac:dyDescent="0.4">
      <c r="A6815">
        <v>2992412</v>
      </c>
      <c r="B6815" t="s">
        <v>0</v>
      </c>
      <c r="C6815" t="s">
        <v>966</v>
      </c>
      <c r="D6815" t="s">
        <v>6594</v>
      </c>
    </row>
    <row r="6816" spans="1:4" x14ac:dyDescent="0.4">
      <c r="A6816">
        <v>2992404</v>
      </c>
      <c r="B6816" t="s">
        <v>0</v>
      </c>
      <c r="C6816" t="s">
        <v>966</v>
      </c>
      <c r="D6816" t="s">
        <v>6595</v>
      </c>
    </row>
    <row r="6817" spans="1:4" x14ac:dyDescent="0.4">
      <c r="A6817">
        <v>2992418</v>
      </c>
      <c r="B6817" t="s">
        <v>0</v>
      </c>
      <c r="C6817" t="s">
        <v>966</v>
      </c>
      <c r="D6817" t="s">
        <v>6596</v>
      </c>
    </row>
    <row r="6818" spans="1:4" x14ac:dyDescent="0.4">
      <c r="A6818">
        <v>2992402</v>
      </c>
      <c r="B6818" t="s">
        <v>0</v>
      </c>
      <c r="C6818" t="s">
        <v>966</v>
      </c>
      <c r="D6818" t="s">
        <v>6597</v>
      </c>
    </row>
    <row r="6819" spans="1:4" x14ac:dyDescent="0.4">
      <c r="A6819">
        <v>2992401</v>
      </c>
      <c r="B6819" t="s">
        <v>0</v>
      </c>
      <c r="C6819" t="s">
        <v>966</v>
      </c>
      <c r="D6819" t="s">
        <v>6598</v>
      </c>
    </row>
    <row r="6820" spans="1:4" x14ac:dyDescent="0.4">
      <c r="A6820">
        <v>2992417</v>
      </c>
      <c r="B6820" t="s">
        <v>0</v>
      </c>
      <c r="C6820" t="s">
        <v>966</v>
      </c>
      <c r="D6820" t="s">
        <v>6599</v>
      </c>
    </row>
    <row r="6821" spans="1:4" x14ac:dyDescent="0.4">
      <c r="A6821">
        <v>2992403</v>
      </c>
      <c r="B6821" t="s">
        <v>0</v>
      </c>
      <c r="C6821" t="s">
        <v>966</v>
      </c>
      <c r="D6821" t="s">
        <v>6600</v>
      </c>
    </row>
    <row r="6822" spans="1:4" x14ac:dyDescent="0.4">
      <c r="A6822">
        <v>2992415</v>
      </c>
      <c r="B6822" t="s">
        <v>0</v>
      </c>
      <c r="C6822" t="s">
        <v>966</v>
      </c>
      <c r="D6822" t="s">
        <v>6601</v>
      </c>
    </row>
    <row r="6823" spans="1:4" x14ac:dyDescent="0.4">
      <c r="A6823">
        <v>2992414</v>
      </c>
      <c r="B6823" t="s">
        <v>0</v>
      </c>
      <c r="C6823" t="s">
        <v>966</v>
      </c>
      <c r="D6823" t="s">
        <v>6602</v>
      </c>
    </row>
    <row r="6824" spans="1:4" x14ac:dyDescent="0.4">
      <c r="A6824">
        <v>2992413</v>
      </c>
      <c r="B6824" t="s">
        <v>0</v>
      </c>
      <c r="C6824" t="s">
        <v>966</v>
      </c>
      <c r="D6824" t="s">
        <v>6603</v>
      </c>
    </row>
    <row r="6825" spans="1:4" x14ac:dyDescent="0.4">
      <c r="A6825">
        <v>2940811</v>
      </c>
      <c r="B6825" t="s">
        <v>0</v>
      </c>
      <c r="C6825" t="s">
        <v>966</v>
      </c>
      <c r="D6825" t="s">
        <v>2025</v>
      </c>
    </row>
    <row r="6826" spans="1:4" x14ac:dyDescent="0.4">
      <c r="A6826">
        <v>2992514</v>
      </c>
      <c r="B6826" t="s">
        <v>0</v>
      </c>
      <c r="C6826" t="s">
        <v>966</v>
      </c>
      <c r="D6826" t="s">
        <v>3877</v>
      </c>
    </row>
    <row r="6827" spans="1:4" x14ac:dyDescent="0.4">
      <c r="A6827">
        <v>2992214</v>
      </c>
      <c r="B6827" t="s">
        <v>0</v>
      </c>
      <c r="C6827" t="s">
        <v>966</v>
      </c>
      <c r="D6827" t="s">
        <v>6604</v>
      </c>
    </row>
    <row r="6828" spans="1:4" x14ac:dyDescent="0.4">
      <c r="A6828">
        <v>2992202</v>
      </c>
      <c r="B6828" t="s">
        <v>0</v>
      </c>
      <c r="C6828" t="s">
        <v>966</v>
      </c>
      <c r="D6828" t="s">
        <v>2030</v>
      </c>
    </row>
    <row r="6829" spans="1:4" x14ac:dyDescent="0.4">
      <c r="A6829">
        <v>2940823</v>
      </c>
      <c r="B6829" t="s">
        <v>0</v>
      </c>
      <c r="C6829" t="s">
        <v>966</v>
      </c>
      <c r="D6829" t="s">
        <v>6605</v>
      </c>
    </row>
    <row r="6830" spans="1:4" x14ac:dyDescent="0.4">
      <c r="A6830">
        <v>2992513</v>
      </c>
      <c r="B6830" t="s">
        <v>0</v>
      </c>
      <c r="C6830" t="s">
        <v>966</v>
      </c>
      <c r="D6830" t="s">
        <v>4691</v>
      </c>
    </row>
    <row r="6831" spans="1:4" x14ac:dyDescent="0.4">
      <c r="A6831">
        <v>2992206</v>
      </c>
      <c r="B6831" t="s">
        <v>0</v>
      </c>
      <c r="C6831" t="s">
        <v>966</v>
      </c>
      <c r="D6831" t="s">
        <v>6606</v>
      </c>
    </row>
    <row r="6832" spans="1:4" x14ac:dyDescent="0.4">
      <c r="A6832">
        <v>2992204</v>
      </c>
      <c r="B6832" t="s">
        <v>0</v>
      </c>
      <c r="C6832" t="s">
        <v>966</v>
      </c>
      <c r="D6832" t="s">
        <v>6607</v>
      </c>
    </row>
    <row r="6833" spans="1:4" x14ac:dyDescent="0.4">
      <c r="A6833">
        <v>2992516</v>
      </c>
      <c r="B6833" t="s">
        <v>0</v>
      </c>
      <c r="C6833" t="s">
        <v>966</v>
      </c>
      <c r="D6833" t="s">
        <v>4698</v>
      </c>
    </row>
    <row r="6834" spans="1:4" x14ac:dyDescent="0.4">
      <c r="A6834">
        <v>2940801</v>
      </c>
      <c r="B6834" t="s">
        <v>0</v>
      </c>
      <c r="C6834" t="s">
        <v>966</v>
      </c>
      <c r="D6834" t="s">
        <v>6608</v>
      </c>
    </row>
    <row r="6835" spans="1:4" x14ac:dyDescent="0.4">
      <c r="A6835">
        <v>2992517</v>
      </c>
      <c r="B6835" t="s">
        <v>0</v>
      </c>
      <c r="C6835" t="s">
        <v>966</v>
      </c>
      <c r="D6835" t="s">
        <v>6609</v>
      </c>
    </row>
    <row r="6836" spans="1:4" x14ac:dyDescent="0.4">
      <c r="A6836">
        <v>2992508</v>
      </c>
      <c r="B6836" t="s">
        <v>0</v>
      </c>
      <c r="C6836" t="s">
        <v>966</v>
      </c>
      <c r="D6836" t="s">
        <v>6610</v>
      </c>
    </row>
    <row r="6837" spans="1:4" x14ac:dyDescent="0.4">
      <c r="A6837">
        <v>2992506</v>
      </c>
      <c r="B6837" t="s">
        <v>0</v>
      </c>
      <c r="C6837" t="s">
        <v>966</v>
      </c>
      <c r="D6837" t="s">
        <v>6611</v>
      </c>
    </row>
    <row r="6838" spans="1:4" x14ac:dyDescent="0.4">
      <c r="A6838">
        <v>2940826</v>
      </c>
      <c r="B6838" t="s">
        <v>0</v>
      </c>
      <c r="C6838" t="s">
        <v>966</v>
      </c>
      <c r="D6838" t="s">
        <v>6612</v>
      </c>
    </row>
    <row r="6839" spans="1:4" x14ac:dyDescent="0.4">
      <c r="A6839">
        <v>2940803</v>
      </c>
      <c r="B6839" t="s">
        <v>0</v>
      </c>
      <c r="C6839" t="s">
        <v>966</v>
      </c>
      <c r="D6839" t="s">
        <v>6613</v>
      </c>
    </row>
    <row r="6840" spans="1:4" x14ac:dyDescent="0.4">
      <c r="A6840">
        <v>2992523</v>
      </c>
      <c r="B6840" t="s">
        <v>0</v>
      </c>
      <c r="C6840" t="s">
        <v>966</v>
      </c>
      <c r="D6840" t="s">
        <v>6614</v>
      </c>
    </row>
    <row r="6841" spans="1:4" x14ac:dyDescent="0.4">
      <c r="A6841">
        <v>2992505</v>
      </c>
      <c r="B6841" t="s">
        <v>0</v>
      </c>
      <c r="C6841" t="s">
        <v>966</v>
      </c>
      <c r="D6841" t="s">
        <v>2058</v>
      </c>
    </row>
    <row r="6842" spans="1:4" x14ac:dyDescent="0.4">
      <c r="A6842">
        <v>2992222</v>
      </c>
      <c r="B6842" t="s">
        <v>0</v>
      </c>
      <c r="C6842" t="s">
        <v>966</v>
      </c>
      <c r="D6842" t="s">
        <v>6615</v>
      </c>
    </row>
    <row r="6843" spans="1:4" x14ac:dyDescent="0.4">
      <c r="A6843">
        <v>2940822</v>
      </c>
      <c r="B6843" t="s">
        <v>0</v>
      </c>
      <c r="C6843" t="s">
        <v>966</v>
      </c>
      <c r="D6843" t="s">
        <v>6616</v>
      </c>
    </row>
    <row r="6844" spans="1:4" x14ac:dyDescent="0.4">
      <c r="A6844">
        <v>2940816</v>
      </c>
      <c r="B6844" t="s">
        <v>0</v>
      </c>
      <c r="C6844" t="s">
        <v>966</v>
      </c>
      <c r="D6844" t="s">
        <v>3172</v>
      </c>
    </row>
    <row r="6845" spans="1:4" x14ac:dyDescent="0.4">
      <c r="A6845">
        <v>2992203</v>
      </c>
      <c r="B6845" t="s">
        <v>0</v>
      </c>
      <c r="C6845" t="s">
        <v>966</v>
      </c>
      <c r="D6845" t="s">
        <v>3729</v>
      </c>
    </row>
    <row r="6846" spans="1:4" x14ac:dyDescent="0.4">
      <c r="A6846">
        <v>2940802</v>
      </c>
      <c r="B6846" t="s">
        <v>0</v>
      </c>
      <c r="C6846" t="s">
        <v>966</v>
      </c>
      <c r="D6846" t="s">
        <v>6617</v>
      </c>
    </row>
    <row r="6847" spans="1:4" x14ac:dyDescent="0.4">
      <c r="A6847">
        <v>2940813</v>
      </c>
      <c r="B6847" t="s">
        <v>0</v>
      </c>
      <c r="C6847" t="s">
        <v>966</v>
      </c>
      <c r="D6847" t="s">
        <v>6618</v>
      </c>
    </row>
    <row r="6848" spans="1:4" x14ac:dyDescent="0.4">
      <c r="A6848">
        <v>2992213</v>
      </c>
      <c r="B6848" t="s">
        <v>0</v>
      </c>
      <c r="C6848" t="s">
        <v>966</v>
      </c>
      <c r="D6848" t="s">
        <v>643</v>
      </c>
    </row>
    <row r="6849" spans="1:4" x14ac:dyDescent="0.4">
      <c r="A6849">
        <v>2992728</v>
      </c>
      <c r="B6849" t="s">
        <v>0</v>
      </c>
      <c r="C6849" t="s">
        <v>966</v>
      </c>
      <c r="D6849" t="s">
        <v>6619</v>
      </c>
    </row>
    <row r="6850" spans="1:4" x14ac:dyDescent="0.4">
      <c r="A6850">
        <v>2992726</v>
      </c>
      <c r="B6850" t="s">
        <v>0</v>
      </c>
      <c r="C6850" t="s">
        <v>966</v>
      </c>
      <c r="D6850" t="s">
        <v>6620</v>
      </c>
    </row>
    <row r="6851" spans="1:4" x14ac:dyDescent="0.4">
      <c r="A6851">
        <v>2992712</v>
      </c>
      <c r="B6851" t="s">
        <v>0</v>
      </c>
      <c r="C6851" t="s">
        <v>966</v>
      </c>
      <c r="D6851" t="s">
        <v>6621</v>
      </c>
    </row>
    <row r="6852" spans="1:4" x14ac:dyDescent="0.4">
      <c r="A6852">
        <v>2992727</v>
      </c>
      <c r="B6852" t="s">
        <v>0</v>
      </c>
      <c r="C6852" t="s">
        <v>966</v>
      </c>
      <c r="D6852" t="s">
        <v>6622</v>
      </c>
    </row>
    <row r="6853" spans="1:4" x14ac:dyDescent="0.4">
      <c r="A6853">
        <v>2992725</v>
      </c>
      <c r="B6853" t="s">
        <v>0</v>
      </c>
      <c r="C6853" t="s">
        <v>966</v>
      </c>
      <c r="D6853" t="s">
        <v>6623</v>
      </c>
    </row>
    <row r="6854" spans="1:4" x14ac:dyDescent="0.4">
      <c r="A6854">
        <v>2992721</v>
      </c>
      <c r="B6854" t="s">
        <v>0</v>
      </c>
      <c r="C6854" t="s">
        <v>966</v>
      </c>
      <c r="D6854" t="s">
        <v>6624</v>
      </c>
    </row>
    <row r="6855" spans="1:4" x14ac:dyDescent="0.4">
      <c r="A6855">
        <v>2992724</v>
      </c>
      <c r="B6855" t="s">
        <v>0</v>
      </c>
      <c r="C6855" t="s">
        <v>966</v>
      </c>
      <c r="D6855" t="s">
        <v>6625</v>
      </c>
    </row>
    <row r="6856" spans="1:4" x14ac:dyDescent="0.4">
      <c r="A6856">
        <v>2992702</v>
      </c>
      <c r="B6856" t="s">
        <v>0</v>
      </c>
      <c r="C6856" t="s">
        <v>966</v>
      </c>
      <c r="D6856" t="s">
        <v>6626</v>
      </c>
    </row>
    <row r="6857" spans="1:4" x14ac:dyDescent="0.4">
      <c r="A6857">
        <v>2992715</v>
      </c>
      <c r="B6857" t="s">
        <v>0</v>
      </c>
      <c r="C6857" t="s">
        <v>966</v>
      </c>
      <c r="D6857" t="s">
        <v>6627</v>
      </c>
    </row>
    <row r="6858" spans="1:4" x14ac:dyDescent="0.4">
      <c r="A6858">
        <v>2992711</v>
      </c>
      <c r="B6858" t="s">
        <v>0</v>
      </c>
      <c r="C6858" t="s">
        <v>966</v>
      </c>
      <c r="D6858" t="s">
        <v>6628</v>
      </c>
    </row>
    <row r="6859" spans="1:4" x14ac:dyDescent="0.4">
      <c r="A6859">
        <v>2992722</v>
      </c>
      <c r="B6859" t="s">
        <v>0</v>
      </c>
      <c r="C6859" t="s">
        <v>966</v>
      </c>
      <c r="D6859" t="s">
        <v>6629</v>
      </c>
    </row>
    <row r="6860" spans="1:4" x14ac:dyDescent="0.4">
      <c r="A6860">
        <v>2992716</v>
      </c>
      <c r="B6860" t="s">
        <v>0</v>
      </c>
      <c r="C6860" t="s">
        <v>966</v>
      </c>
      <c r="D6860" t="s">
        <v>6630</v>
      </c>
    </row>
    <row r="6861" spans="1:4" x14ac:dyDescent="0.4">
      <c r="A6861">
        <v>2992703</v>
      </c>
      <c r="B6861" t="s">
        <v>0</v>
      </c>
      <c r="C6861" t="s">
        <v>966</v>
      </c>
      <c r="D6861" t="s">
        <v>6631</v>
      </c>
    </row>
    <row r="6862" spans="1:4" x14ac:dyDescent="0.4">
      <c r="A6862">
        <v>2992714</v>
      </c>
      <c r="B6862" t="s">
        <v>0</v>
      </c>
      <c r="C6862" t="s">
        <v>966</v>
      </c>
      <c r="D6862" t="s">
        <v>6632</v>
      </c>
    </row>
    <row r="6863" spans="1:4" x14ac:dyDescent="0.4">
      <c r="A6863">
        <v>2992701</v>
      </c>
      <c r="B6863" t="s">
        <v>0</v>
      </c>
      <c r="C6863" t="s">
        <v>966</v>
      </c>
      <c r="D6863" t="s">
        <v>6633</v>
      </c>
    </row>
    <row r="6864" spans="1:4" x14ac:dyDescent="0.4">
      <c r="A6864">
        <v>2992723</v>
      </c>
      <c r="B6864" t="s">
        <v>0</v>
      </c>
      <c r="C6864" t="s">
        <v>966</v>
      </c>
      <c r="D6864" t="s">
        <v>6634</v>
      </c>
    </row>
    <row r="6865" spans="1:4" x14ac:dyDescent="0.4">
      <c r="A6865">
        <v>2992713</v>
      </c>
      <c r="B6865" t="s">
        <v>0</v>
      </c>
      <c r="C6865" t="s">
        <v>966</v>
      </c>
      <c r="D6865" t="s">
        <v>6635</v>
      </c>
    </row>
    <row r="6866" spans="1:4" x14ac:dyDescent="0.4">
      <c r="A6866">
        <v>2992705</v>
      </c>
      <c r="B6866" t="s">
        <v>0</v>
      </c>
      <c r="C6866" t="s">
        <v>966</v>
      </c>
      <c r="D6866" t="s">
        <v>6636</v>
      </c>
    </row>
    <row r="6867" spans="1:4" x14ac:dyDescent="0.4">
      <c r="A6867">
        <v>2992704</v>
      </c>
      <c r="B6867" t="s">
        <v>0</v>
      </c>
      <c r="C6867" t="s">
        <v>966</v>
      </c>
      <c r="D6867" t="s">
        <v>6637</v>
      </c>
    </row>
    <row r="6868" spans="1:4" x14ac:dyDescent="0.4">
      <c r="A6868">
        <v>2892100</v>
      </c>
      <c r="B6868" t="s">
        <v>0</v>
      </c>
      <c r="C6868" t="s">
        <v>6638</v>
      </c>
    </row>
    <row r="6869" spans="1:4" x14ac:dyDescent="0.4">
      <c r="A6869">
        <v>2892178</v>
      </c>
      <c r="B6869" t="s">
        <v>0</v>
      </c>
      <c r="C6869" t="s">
        <v>6638</v>
      </c>
      <c r="D6869" t="s">
        <v>6639</v>
      </c>
    </row>
    <row r="6870" spans="1:4" x14ac:dyDescent="0.4">
      <c r="A6870">
        <v>2892147</v>
      </c>
      <c r="B6870" t="s">
        <v>0</v>
      </c>
      <c r="C6870" t="s">
        <v>6638</v>
      </c>
      <c r="D6870" t="s">
        <v>6640</v>
      </c>
    </row>
    <row r="6871" spans="1:4" x14ac:dyDescent="0.4">
      <c r="A6871">
        <v>2892148</v>
      </c>
      <c r="B6871" t="s">
        <v>0</v>
      </c>
      <c r="C6871" t="s">
        <v>6638</v>
      </c>
      <c r="D6871" t="s">
        <v>6641</v>
      </c>
    </row>
    <row r="6872" spans="1:4" x14ac:dyDescent="0.4">
      <c r="A6872">
        <v>2892173</v>
      </c>
      <c r="B6872" t="s">
        <v>0</v>
      </c>
      <c r="C6872" t="s">
        <v>6638</v>
      </c>
      <c r="D6872" t="s">
        <v>6642</v>
      </c>
    </row>
    <row r="6873" spans="1:4" x14ac:dyDescent="0.4">
      <c r="A6873">
        <v>2892106</v>
      </c>
      <c r="B6873" t="s">
        <v>0</v>
      </c>
      <c r="C6873" t="s">
        <v>6638</v>
      </c>
      <c r="D6873" t="s">
        <v>310</v>
      </c>
    </row>
    <row r="6874" spans="1:4" x14ac:dyDescent="0.4">
      <c r="A6874">
        <v>2893182</v>
      </c>
      <c r="B6874" t="s">
        <v>0</v>
      </c>
      <c r="C6874" t="s">
        <v>6638</v>
      </c>
      <c r="D6874" t="s">
        <v>1713</v>
      </c>
    </row>
    <row r="6875" spans="1:4" x14ac:dyDescent="0.4">
      <c r="A6875">
        <v>2892161</v>
      </c>
      <c r="B6875" t="s">
        <v>0</v>
      </c>
      <c r="C6875" t="s">
        <v>6638</v>
      </c>
      <c r="D6875" t="s">
        <v>6643</v>
      </c>
    </row>
    <row r="6876" spans="1:4" x14ac:dyDescent="0.4">
      <c r="A6876">
        <v>2892171</v>
      </c>
      <c r="B6876" t="s">
        <v>0</v>
      </c>
      <c r="C6876" t="s">
        <v>6638</v>
      </c>
      <c r="D6876" t="s">
        <v>6644</v>
      </c>
    </row>
    <row r="6877" spans="1:4" x14ac:dyDescent="0.4">
      <c r="A6877">
        <v>2892104</v>
      </c>
      <c r="B6877" t="s">
        <v>0</v>
      </c>
      <c r="C6877" t="s">
        <v>6638</v>
      </c>
      <c r="D6877" t="s">
        <v>6645</v>
      </c>
    </row>
    <row r="6878" spans="1:4" x14ac:dyDescent="0.4">
      <c r="A6878">
        <v>2892151</v>
      </c>
      <c r="B6878" t="s">
        <v>0</v>
      </c>
      <c r="C6878" t="s">
        <v>6638</v>
      </c>
      <c r="D6878" t="s">
        <v>6646</v>
      </c>
    </row>
    <row r="6879" spans="1:4" x14ac:dyDescent="0.4">
      <c r="A6879">
        <v>2892108</v>
      </c>
      <c r="B6879" t="s">
        <v>0</v>
      </c>
      <c r="C6879" t="s">
        <v>6638</v>
      </c>
      <c r="D6879" t="s">
        <v>141</v>
      </c>
    </row>
    <row r="6880" spans="1:4" x14ac:dyDescent="0.4">
      <c r="A6880">
        <v>2892176</v>
      </c>
      <c r="B6880" t="s">
        <v>0</v>
      </c>
      <c r="C6880" t="s">
        <v>6638</v>
      </c>
      <c r="D6880" t="s">
        <v>2081</v>
      </c>
    </row>
    <row r="6881" spans="1:4" x14ac:dyDescent="0.4">
      <c r="A6881">
        <v>2892112</v>
      </c>
      <c r="B6881" t="s">
        <v>0</v>
      </c>
      <c r="C6881" t="s">
        <v>6638</v>
      </c>
      <c r="D6881" t="s">
        <v>2293</v>
      </c>
    </row>
    <row r="6882" spans="1:4" x14ac:dyDescent="0.4">
      <c r="A6882">
        <v>2892179</v>
      </c>
      <c r="B6882" t="s">
        <v>0</v>
      </c>
      <c r="C6882" t="s">
        <v>6638</v>
      </c>
      <c r="D6882" t="s">
        <v>6647</v>
      </c>
    </row>
    <row r="6883" spans="1:4" x14ac:dyDescent="0.4">
      <c r="A6883">
        <v>2892149</v>
      </c>
      <c r="B6883" t="s">
        <v>0</v>
      </c>
      <c r="C6883" t="s">
        <v>6638</v>
      </c>
      <c r="D6883" t="s">
        <v>2703</v>
      </c>
    </row>
    <row r="6884" spans="1:4" x14ac:dyDescent="0.4">
      <c r="A6884">
        <v>2892175</v>
      </c>
      <c r="B6884" t="s">
        <v>0</v>
      </c>
      <c r="C6884" t="s">
        <v>6638</v>
      </c>
      <c r="D6884" t="s">
        <v>6648</v>
      </c>
    </row>
    <row r="6885" spans="1:4" x14ac:dyDescent="0.4">
      <c r="A6885">
        <v>2892177</v>
      </c>
      <c r="B6885" t="s">
        <v>0</v>
      </c>
      <c r="C6885" t="s">
        <v>6638</v>
      </c>
      <c r="D6885" t="s">
        <v>6296</v>
      </c>
    </row>
    <row r="6886" spans="1:4" x14ac:dyDescent="0.4">
      <c r="A6886">
        <v>2892133</v>
      </c>
      <c r="B6886" t="s">
        <v>0</v>
      </c>
      <c r="C6886" t="s">
        <v>6638</v>
      </c>
      <c r="D6886" t="s">
        <v>6649</v>
      </c>
    </row>
    <row r="6887" spans="1:4" x14ac:dyDescent="0.4">
      <c r="A6887">
        <v>2892167</v>
      </c>
      <c r="B6887" t="s">
        <v>0</v>
      </c>
      <c r="C6887" t="s">
        <v>6638</v>
      </c>
      <c r="D6887" t="s">
        <v>2153</v>
      </c>
    </row>
    <row r="6888" spans="1:4" x14ac:dyDescent="0.4">
      <c r="A6888">
        <v>2893184</v>
      </c>
      <c r="B6888" t="s">
        <v>0</v>
      </c>
      <c r="C6888" t="s">
        <v>6638</v>
      </c>
      <c r="D6888" t="s">
        <v>6650</v>
      </c>
    </row>
    <row r="6889" spans="1:4" x14ac:dyDescent="0.4">
      <c r="A6889">
        <v>2893186</v>
      </c>
      <c r="B6889" t="s">
        <v>0</v>
      </c>
      <c r="C6889" t="s">
        <v>6638</v>
      </c>
      <c r="D6889" t="s">
        <v>6651</v>
      </c>
    </row>
    <row r="6890" spans="1:4" x14ac:dyDescent="0.4">
      <c r="A6890">
        <v>2892111</v>
      </c>
      <c r="B6890" t="s">
        <v>0</v>
      </c>
      <c r="C6890" t="s">
        <v>6638</v>
      </c>
      <c r="D6890" t="s">
        <v>6652</v>
      </c>
    </row>
    <row r="6891" spans="1:4" x14ac:dyDescent="0.4">
      <c r="A6891">
        <v>2892164</v>
      </c>
      <c r="B6891" t="s">
        <v>0</v>
      </c>
      <c r="C6891" t="s">
        <v>6638</v>
      </c>
      <c r="D6891" t="s">
        <v>6653</v>
      </c>
    </row>
    <row r="6892" spans="1:4" x14ac:dyDescent="0.4">
      <c r="A6892">
        <v>2892174</v>
      </c>
      <c r="B6892" t="s">
        <v>0</v>
      </c>
      <c r="C6892" t="s">
        <v>6638</v>
      </c>
      <c r="D6892" t="s">
        <v>6654</v>
      </c>
    </row>
    <row r="6893" spans="1:4" x14ac:dyDescent="0.4">
      <c r="A6893">
        <v>2892135</v>
      </c>
      <c r="B6893" t="s">
        <v>0</v>
      </c>
      <c r="C6893" t="s">
        <v>6638</v>
      </c>
      <c r="D6893" t="s">
        <v>2038</v>
      </c>
    </row>
    <row r="6894" spans="1:4" x14ac:dyDescent="0.4">
      <c r="A6894">
        <v>2892166</v>
      </c>
      <c r="B6894" t="s">
        <v>0</v>
      </c>
      <c r="C6894" t="s">
        <v>6638</v>
      </c>
      <c r="D6894" t="s">
        <v>6655</v>
      </c>
    </row>
    <row r="6895" spans="1:4" x14ac:dyDescent="0.4">
      <c r="A6895">
        <v>2892114</v>
      </c>
      <c r="B6895" t="s">
        <v>0</v>
      </c>
      <c r="C6895" t="s">
        <v>6638</v>
      </c>
      <c r="D6895" t="s">
        <v>6656</v>
      </c>
    </row>
    <row r="6896" spans="1:4" x14ac:dyDescent="0.4">
      <c r="A6896">
        <v>2892132</v>
      </c>
      <c r="B6896" t="s">
        <v>0</v>
      </c>
      <c r="C6896" t="s">
        <v>6638</v>
      </c>
      <c r="D6896" t="s">
        <v>6657</v>
      </c>
    </row>
    <row r="6897" spans="1:4" x14ac:dyDescent="0.4">
      <c r="A6897">
        <v>2892165</v>
      </c>
      <c r="B6897" t="s">
        <v>0</v>
      </c>
      <c r="C6897" t="s">
        <v>6638</v>
      </c>
      <c r="D6897" t="s">
        <v>6658</v>
      </c>
    </row>
    <row r="6898" spans="1:4" x14ac:dyDescent="0.4">
      <c r="A6898">
        <v>2892102</v>
      </c>
      <c r="B6898" t="s">
        <v>0</v>
      </c>
      <c r="C6898" t="s">
        <v>6638</v>
      </c>
      <c r="D6898" t="s">
        <v>186</v>
      </c>
    </row>
    <row r="6899" spans="1:4" x14ac:dyDescent="0.4">
      <c r="A6899">
        <v>2892136</v>
      </c>
      <c r="B6899" t="s">
        <v>0</v>
      </c>
      <c r="C6899" t="s">
        <v>6638</v>
      </c>
      <c r="D6899" t="s">
        <v>6659</v>
      </c>
    </row>
    <row r="6900" spans="1:4" x14ac:dyDescent="0.4">
      <c r="A6900">
        <v>2892154</v>
      </c>
      <c r="B6900" t="s">
        <v>0</v>
      </c>
      <c r="C6900" t="s">
        <v>6638</v>
      </c>
      <c r="D6900" t="s">
        <v>911</v>
      </c>
    </row>
    <row r="6901" spans="1:4" x14ac:dyDescent="0.4">
      <c r="A6901">
        <v>2892156</v>
      </c>
      <c r="B6901" t="s">
        <v>0</v>
      </c>
      <c r="C6901" t="s">
        <v>6638</v>
      </c>
      <c r="D6901" t="s">
        <v>2164</v>
      </c>
    </row>
    <row r="6902" spans="1:4" x14ac:dyDescent="0.4">
      <c r="A6902">
        <v>2892153</v>
      </c>
      <c r="B6902" t="s">
        <v>0</v>
      </c>
      <c r="C6902" t="s">
        <v>6638</v>
      </c>
      <c r="D6902" t="s">
        <v>2163</v>
      </c>
    </row>
    <row r="6903" spans="1:4" x14ac:dyDescent="0.4">
      <c r="A6903">
        <v>2892123</v>
      </c>
      <c r="B6903" t="s">
        <v>0</v>
      </c>
      <c r="C6903" t="s">
        <v>6638</v>
      </c>
      <c r="D6903" t="s">
        <v>3209</v>
      </c>
    </row>
    <row r="6904" spans="1:4" x14ac:dyDescent="0.4">
      <c r="A6904">
        <v>2893183</v>
      </c>
      <c r="B6904" t="s">
        <v>0</v>
      </c>
      <c r="C6904" t="s">
        <v>6638</v>
      </c>
      <c r="D6904" t="s">
        <v>1493</v>
      </c>
    </row>
    <row r="6905" spans="1:4" x14ac:dyDescent="0.4">
      <c r="A6905">
        <v>2892125</v>
      </c>
      <c r="B6905" t="s">
        <v>0</v>
      </c>
      <c r="C6905" t="s">
        <v>6638</v>
      </c>
      <c r="D6905" t="s">
        <v>6660</v>
      </c>
    </row>
    <row r="6906" spans="1:4" x14ac:dyDescent="0.4">
      <c r="A6906">
        <v>2892172</v>
      </c>
      <c r="B6906" t="s">
        <v>0</v>
      </c>
      <c r="C6906" t="s">
        <v>6638</v>
      </c>
      <c r="D6906" t="s">
        <v>5338</v>
      </c>
    </row>
    <row r="6907" spans="1:4" x14ac:dyDescent="0.4">
      <c r="A6907">
        <v>2893181</v>
      </c>
      <c r="B6907" t="s">
        <v>0</v>
      </c>
      <c r="C6907" t="s">
        <v>6638</v>
      </c>
      <c r="D6907" t="s">
        <v>6661</v>
      </c>
    </row>
    <row r="6908" spans="1:4" x14ac:dyDescent="0.4">
      <c r="A6908">
        <v>2892124</v>
      </c>
      <c r="B6908" t="s">
        <v>0</v>
      </c>
      <c r="C6908" t="s">
        <v>6638</v>
      </c>
      <c r="D6908" t="s">
        <v>1688</v>
      </c>
    </row>
    <row r="6909" spans="1:4" x14ac:dyDescent="0.4">
      <c r="A6909">
        <v>2892101</v>
      </c>
      <c r="B6909" t="s">
        <v>0</v>
      </c>
      <c r="C6909" t="s">
        <v>6638</v>
      </c>
      <c r="D6909" t="s">
        <v>6662</v>
      </c>
    </row>
    <row r="6910" spans="1:4" x14ac:dyDescent="0.4">
      <c r="A6910">
        <v>2892121</v>
      </c>
      <c r="B6910" t="s">
        <v>0</v>
      </c>
      <c r="C6910" t="s">
        <v>6638</v>
      </c>
      <c r="D6910" t="s">
        <v>6663</v>
      </c>
    </row>
    <row r="6911" spans="1:4" x14ac:dyDescent="0.4">
      <c r="A6911">
        <v>2892115</v>
      </c>
      <c r="B6911" t="s">
        <v>0</v>
      </c>
      <c r="C6911" t="s">
        <v>6638</v>
      </c>
      <c r="D6911" t="s">
        <v>6664</v>
      </c>
    </row>
    <row r="6912" spans="1:4" x14ac:dyDescent="0.4">
      <c r="A6912">
        <v>2892168</v>
      </c>
      <c r="B6912" t="s">
        <v>0</v>
      </c>
      <c r="C6912" t="s">
        <v>6638</v>
      </c>
      <c r="D6912" t="s">
        <v>6665</v>
      </c>
    </row>
    <row r="6913" spans="1:4" x14ac:dyDescent="0.4">
      <c r="A6913">
        <v>2892113</v>
      </c>
      <c r="B6913" t="s">
        <v>0</v>
      </c>
      <c r="C6913" t="s">
        <v>6638</v>
      </c>
      <c r="D6913" t="s">
        <v>6666</v>
      </c>
    </row>
    <row r="6914" spans="1:4" x14ac:dyDescent="0.4">
      <c r="A6914">
        <v>2893185</v>
      </c>
      <c r="B6914" t="s">
        <v>0</v>
      </c>
      <c r="C6914" t="s">
        <v>6638</v>
      </c>
      <c r="D6914" t="s">
        <v>6667</v>
      </c>
    </row>
    <row r="6915" spans="1:4" x14ac:dyDescent="0.4">
      <c r="A6915">
        <v>2892157</v>
      </c>
      <c r="B6915" t="s">
        <v>0</v>
      </c>
      <c r="C6915" t="s">
        <v>6638</v>
      </c>
      <c r="D6915" t="s">
        <v>467</v>
      </c>
    </row>
    <row r="6916" spans="1:4" x14ac:dyDescent="0.4">
      <c r="A6916">
        <v>2892152</v>
      </c>
      <c r="B6916" t="s">
        <v>0</v>
      </c>
      <c r="C6916" t="s">
        <v>6638</v>
      </c>
      <c r="D6916" t="s">
        <v>6152</v>
      </c>
    </row>
    <row r="6917" spans="1:4" x14ac:dyDescent="0.4">
      <c r="A6917">
        <v>2892131</v>
      </c>
      <c r="B6917" t="s">
        <v>0</v>
      </c>
      <c r="C6917" t="s">
        <v>6638</v>
      </c>
      <c r="D6917" t="s">
        <v>6668</v>
      </c>
    </row>
    <row r="6918" spans="1:4" x14ac:dyDescent="0.4">
      <c r="A6918">
        <v>2892163</v>
      </c>
      <c r="B6918" t="s">
        <v>0</v>
      </c>
      <c r="C6918" t="s">
        <v>6638</v>
      </c>
      <c r="D6918" t="s">
        <v>6669</v>
      </c>
    </row>
    <row r="6919" spans="1:4" x14ac:dyDescent="0.4">
      <c r="A6919">
        <v>2892162</v>
      </c>
      <c r="B6919" t="s">
        <v>0</v>
      </c>
      <c r="C6919" t="s">
        <v>6638</v>
      </c>
      <c r="D6919" t="s">
        <v>6670</v>
      </c>
    </row>
    <row r="6920" spans="1:4" x14ac:dyDescent="0.4">
      <c r="A6920">
        <v>2892103</v>
      </c>
      <c r="B6920" t="s">
        <v>0</v>
      </c>
      <c r="C6920" t="s">
        <v>6638</v>
      </c>
      <c r="D6920" t="s">
        <v>399</v>
      </c>
    </row>
    <row r="6921" spans="1:4" x14ac:dyDescent="0.4">
      <c r="A6921">
        <v>2892155</v>
      </c>
      <c r="B6921" t="s">
        <v>0</v>
      </c>
      <c r="C6921" t="s">
        <v>6638</v>
      </c>
      <c r="D6921" t="s">
        <v>6671</v>
      </c>
    </row>
    <row r="6922" spans="1:4" x14ac:dyDescent="0.4">
      <c r="A6922">
        <v>2892105</v>
      </c>
      <c r="B6922" t="s">
        <v>0</v>
      </c>
      <c r="C6922" t="s">
        <v>6638</v>
      </c>
      <c r="D6922" t="s">
        <v>6672</v>
      </c>
    </row>
    <row r="6923" spans="1:4" x14ac:dyDescent="0.4">
      <c r="A6923">
        <v>2892144</v>
      </c>
      <c r="B6923" t="s">
        <v>0</v>
      </c>
      <c r="C6923" t="s">
        <v>6638</v>
      </c>
      <c r="D6923" t="s">
        <v>6673</v>
      </c>
    </row>
    <row r="6924" spans="1:4" x14ac:dyDescent="0.4">
      <c r="A6924">
        <v>2892142</v>
      </c>
      <c r="B6924" t="s">
        <v>0</v>
      </c>
      <c r="C6924" t="s">
        <v>6638</v>
      </c>
      <c r="D6924" t="s">
        <v>6674</v>
      </c>
    </row>
    <row r="6925" spans="1:4" x14ac:dyDescent="0.4">
      <c r="A6925">
        <v>2892141</v>
      </c>
      <c r="B6925" t="s">
        <v>0</v>
      </c>
      <c r="C6925" t="s">
        <v>6638</v>
      </c>
      <c r="D6925" t="s">
        <v>6675</v>
      </c>
    </row>
    <row r="6926" spans="1:4" x14ac:dyDescent="0.4">
      <c r="A6926">
        <v>2892146</v>
      </c>
      <c r="B6926" t="s">
        <v>0</v>
      </c>
      <c r="C6926" t="s">
        <v>6638</v>
      </c>
      <c r="D6926" t="s">
        <v>6676</v>
      </c>
    </row>
    <row r="6927" spans="1:4" x14ac:dyDescent="0.4">
      <c r="A6927">
        <v>2892143</v>
      </c>
      <c r="B6927" t="s">
        <v>0</v>
      </c>
      <c r="C6927" t="s">
        <v>6638</v>
      </c>
      <c r="D6927" t="s">
        <v>6677</v>
      </c>
    </row>
    <row r="6928" spans="1:4" x14ac:dyDescent="0.4">
      <c r="A6928">
        <v>2892134</v>
      </c>
      <c r="B6928" t="s">
        <v>0</v>
      </c>
      <c r="C6928" t="s">
        <v>6638</v>
      </c>
      <c r="D6928" t="s">
        <v>3595</v>
      </c>
    </row>
    <row r="6929" spans="1:4" x14ac:dyDescent="0.4">
      <c r="A6929">
        <v>2892122</v>
      </c>
      <c r="B6929" t="s">
        <v>0</v>
      </c>
      <c r="C6929" t="s">
        <v>6638</v>
      </c>
      <c r="D6929" t="s">
        <v>6678</v>
      </c>
    </row>
    <row r="6930" spans="1:4" x14ac:dyDescent="0.4">
      <c r="A6930">
        <v>2892169</v>
      </c>
      <c r="B6930" t="s">
        <v>0</v>
      </c>
      <c r="C6930" t="s">
        <v>6638</v>
      </c>
      <c r="D6930" t="s">
        <v>6486</v>
      </c>
    </row>
    <row r="6931" spans="1:4" x14ac:dyDescent="0.4">
      <c r="A6931">
        <v>2892107</v>
      </c>
      <c r="B6931" t="s">
        <v>0</v>
      </c>
      <c r="C6931" t="s">
        <v>6638</v>
      </c>
      <c r="D6931" t="s">
        <v>6679</v>
      </c>
    </row>
    <row r="6932" spans="1:4" x14ac:dyDescent="0.4">
      <c r="A6932">
        <v>2892145</v>
      </c>
      <c r="B6932" t="s">
        <v>0</v>
      </c>
      <c r="C6932" t="s">
        <v>6638</v>
      </c>
      <c r="D6932" t="s">
        <v>6680</v>
      </c>
    </row>
    <row r="6933" spans="1:4" x14ac:dyDescent="0.4">
      <c r="A6933">
        <v>2870000</v>
      </c>
      <c r="B6933" t="s">
        <v>0</v>
      </c>
      <c r="C6933" t="s">
        <v>6681</v>
      </c>
    </row>
    <row r="6934" spans="1:4" x14ac:dyDescent="0.4">
      <c r="A6934">
        <v>2890321</v>
      </c>
      <c r="B6934" t="s">
        <v>0</v>
      </c>
      <c r="C6934" t="s">
        <v>6681</v>
      </c>
      <c r="D6934" t="s">
        <v>6682</v>
      </c>
    </row>
    <row r="6935" spans="1:4" x14ac:dyDescent="0.4">
      <c r="A6935">
        <v>2890326</v>
      </c>
      <c r="B6935" t="s">
        <v>0</v>
      </c>
      <c r="C6935" t="s">
        <v>6681</v>
      </c>
      <c r="D6935" t="s">
        <v>6683</v>
      </c>
    </row>
    <row r="6936" spans="1:4" x14ac:dyDescent="0.4">
      <c r="A6936">
        <v>2890346</v>
      </c>
      <c r="B6936" t="s">
        <v>0</v>
      </c>
      <c r="C6936" t="s">
        <v>6681</v>
      </c>
      <c r="D6936" t="s">
        <v>6684</v>
      </c>
    </row>
    <row r="6937" spans="1:4" x14ac:dyDescent="0.4">
      <c r="A6937">
        <v>2870106</v>
      </c>
      <c r="B6937" t="s">
        <v>0</v>
      </c>
      <c r="C6937" t="s">
        <v>6681</v>
      </c>
      <c r="D6937" t="s">
        <v>6685</v>
      </c>
    </row>
    <row r="6938" spans="1:4" x14ac:dyDescent="0.4">
      <c r="A6938">
        <v>2870056</v>
      </c>
      <c r="B6938" t="s">
        <v>0</v>
      </c>
      <c r="C6938" t="s">
        <v>6681</v>
      </c>
      <c r="D6938" t="s">
        <v>3089</v>
      </c>
    </row>
    <row r="6939" spans="1:4" x14ac:dyDescent="0.4">
      <c r="A6939">
        <v>2890324</v>
      </c>
      <c r="B6939" t="s">
        <v>0</v>
      </c>
      <c r="C6939" t="s">
        <v>6681</v>
      </c>
      <c r="D6939" t="s">
        <v>767</v>
      </c>
    </row>
    <row r="6940" spans="1:4" x14ac:dyDescent="0.4">
      <c r="A6940">
        <v>2870803</v>
      </c>
      <c r="B6940" t="s">
        <v>0</v>
      </c>
      <c r="C6940" t="s">
        <v>6681</v>
      </c>
      <c r="D6940" t="s">
        <v>6686</v>
      </c>
    </row>
    <row r="6941" spans="1:4" x14ac:dyDescent="0.4">
      <c r="A6941">
        <v>2890301</v>
      </c>
      <c r="B6941" t="s">
        <v>0</v>
      </c>
      <c r="C6941" t="s">
        <v>6681</v>
      </c>
      <c r="D6941" t="s">
        <v>6687</v>
      </c>
    </row>
    <row r="6942" spans="1:4" x14ac:dyDescent="0.4">
      <c r="A6942">
        <v>2870023</v>
      </c>
      <c r="B6942" t="s">
        <v>0</v>
      </c>
      <c r="C6942" t="s">
        <v>6681</v>
      </c>
      <c r="D6942" t="s">
        <v>6688</v>
      </c>
    </row>
    <row r="6943" spans="1:4" x14ac:dyDescent="0.4">
      <c r="A6943">
        <v>2870804</v>
      </c>
      <c r="B6943" t="s">
        <v>0</v>
      </c>
      <c r="C6943" t="s">
        <v>6681</v>
      </c>
      <c r="D6943" t="s">
        <v>6689</v>
      </c>
    </row>
    <row r="6944" spans="1:4" x14ac:dyDescent="0.4">
      <c r="A6944">
        <v>2890333</v>
      </c>
      <c r="B6944" t="s">
        <v>0</v>
      </c>
      <c r="C6944" t="s">
        <v>6681</v>
      </c>
      <c r="D6944" t="s">
        <v>6690</v>
      </c>
    </row>
    <row r="6945" spans="1:4" x14ac:dyDescent="0.4">
      <c r="A6945">
        <v>2870004</v>
      </c>
      <c r="B6945" t="s">
        <v>0</v>
      </c>
      <c r="C6945" t="s">
        <v>6681</v>
      </c>
      <c r="D6945" t="s">
        <v>6691</v>
      </c>
    </row>
    <row r="6946" spans="1:4" x14ac:dyDescent="0.4">
      <c r="A6946">
        <v>2870102</v>
      </c>
      <c r="B6946" t="s">
        <v>0</v>
      </c>
      <c r="C6946" t="s">
        <v>6681</v>
      </c>
      <c r="D6946" t="s">
        <v>6692</v>
      </c>
    </row>
    <row r="6947" spans="1:4" x14ac:dyDescent="0.4">
      <c r="A6947">
        <v>2890349</v>
      </c>
      <c r="B6947" t="s">
        <v>0</v>
      </c>
      <c r="C6947" t="s">
        <v>6681</v>
      </c>
      <c r="D6947" t="s">
        <v>1968</v>
      </c>
    </row>
    <row r="6948" spans="1:4" x14ac:dyDescent="0.4">
      <c r="A6948">
        <v>2870801</v>
      </c>
      <c r="B6948" t="s">
        <v>0</v>
      </c>
      <c r="C6948" t="s">
        <v>6681</v>
      </c>
      <c r="D6948" t="s">
        <v>2699</v>
      </c>
    </row>
    <row r="6949" spans="1:4" x14ac:dyDescent="0.4">
      <c r="A6949">
        <v>2870013</v>
      </c>
      <c r="B6949" t="s">
        <v>0</v>
      </c>
      <c r="C6949" t="s">
        <v>6681</v>
      </c>
      <c r="D6949" t="s">
        <v>6693</v>
      </c>
    </row>
    <row r="6950" spans="1:4" x14ac:dyDescent="0.4">
      <c r="A6950">
        <v>2870012</v>
      </c>
      <c r="B6950" t="s">
        <v>0</v>
      </c>
      <c r="C6950" t="s">
        <v>6681</v>
      </c>
      <c r="D6950" t="s">
        <v>6694</v>
      </c>
    </row>
    <row r="6951" spans="1:4" x14ac:dyDescent="0.4">
      <c r="A6951">
        <v>2870035</v>
      </c>
      <c r="B6951" t="s">
        <v>0</v>
      </c>
      <c r="C6951" t="s">
        <v>6681</v>
      </c>
      <c r="D6951" t="s">
        <v>1863</v>
      </c>
    </row>
    <row r="6952" spans="1:4" x14ac:dyDescent="0.4">
      <c r="A6952">
        <v>2870811</v>
      </c>
      <c r="B6952" t="s">
        <v>0</v>
      </c>
      <c r="C6952" t="s">
        <v>6681</v>
      </c>
      <c r="D6952" t="s">
        <v>891</v>
      </c>
    </row>
    <row r="6953" spans="1:4" x14ac:dyDescent="0.4">
      <c r="A6953">
        <v>2870043</v>
      </c>
      <c r="B6953" t="s">
        <v>0</v>
      </c>
      <c r="C6953" t="s">
        <v>6681</v>
      </c>
      <c r="D6953" t="s">
        <v>619</v>
      </c>
    </row>
    <row r="6954" spans="1:4" x14ac:dyDescent="0.4">
      <c r="A6954">
        <v>2890425</v>
      </c>
      <c r="B6954" t="s">
        <v>0</v>
      </c>
      <c r="C6954" t="s">
        <v>6681</v>
      </c>
      <c r="D6954" t="s">
        <v>6695</v>
      </c>
    </row>
    <row r="6955" spans="1:4" x14ac:dyDescent="0.4">
      <c r="A6955">
        <v>2870054</v>
      </c>
      <c r="B6955" t="s">
        <v>0</v>
      </c>
      <c r="C6955" t="s">
        <v>6681</v>
      </c>
      <c r="D6955" t="s">
        <v>6696</v>
      </c>
    </row>
    <row r="6956" spans="1:4" x14ac:dyDescent="0.4">
      <c r="A6956">
        <v>2870053</v>
      </c>
      <c r="B6956" t="s">
        <v>0</v>
      </c>
      <c r="C6956" t="s">
        <v>6681</v>
      </c>
      <c r="D6956" t="s">
        <v>6697</v>
      </c>
    </row>
    <row r="6957" spans="1:4" x14ac:dyDescent="0.4">
      <c r="A6957">
        <v>2870026</v>
      </c>
      <c r="B6957" t="s">
        <v>0</v>
      </c>
      <c r="C6957" t="s">
        <v>6681</v>
      </c>
      <c r="D6957" t="s">
        <v>6698</v>
      </c>
    </row>
    <row r="6958" spans="1:4" x14ac:dyDescent="0.4">
      <c r="A6958">
        <v>2890323</v>
      </c>
      <c r="B6958" t="s">
        <v>0</v>
      </c>
      <c r="C6958" t="s">
        <v>6681</v>
      </c>
      <c r="D6958" t="s">
        <v>6699</v>
      </c>
    </row>
    <row r="6959" spans="1:4" x14ac:dyDescent="0.4">
      <c r="A6959">
        <v>2890423</v>
      </c>
      <c r="B6959" t="s">
        <v>0</v>
      </c>
      <c r="C6959" t="s">
        <v>6681</v>
      </c>
      <c r="D6959" t="s">
        <v>3448</v>
      </c>
    </row>
    <row r="6960" spans="1:4" x14ac:dyDescent="0.4">
      <c r="A6960">
        <v>2890402</v>
      </c>
      <c r="B6960" t="s">
        <v>0</v>
      </c>
      <c r="C6960" t="s">
        <v>6681</v>
      </c>
      <c r="D6960" t="s">
        <v>4186</v>
      </c>
    </row>
    <row r="6961" spans="1:4" x14ac:dyDescent="0.4">
      <c r="A6961">
        <v>2890313</v>
      </c>
      <c r="B6961" t="s">
        <v>0</v>
      </c>
      <c r="C6961" t="s">
        <v>6681</v>
      </c>
      <c r="D6961" t="s">
        <v>6700</v>
      </c>
    </row>
    <row r="6962" spans="1:4" x14ac:dyDescent="0.4">
      <c r="A6962">
        <v>2890348</v>
      </c>
      <c r="B6962" t="s">
        <v>0</v>
      </c>
      <c r="C6962" t="s">
        <v>6681</v>
      </c>
      <c r="D6962" t="s">
        <v>6701</v>
      </c>
    </row>
    <row r="6963" spans="1:4" x14ac:dyDescent="0.4">
      <c r="A6963">
        <v>2890325</v>
      </c>
      <c r="B6963" t="s">
        <v>0</v>
      </c>
      <c r="C6963" t="s">
        <v>6681</v>
      </c>
      <c r="D6963" t="s">
        <v>2703</v>
      </c>
    </row>
    <row r="6964" spans="1:4" x14ac:dyDescent="0.4">
      <c r="A6964">
        <v>2870044</v>
      </c>
      <c r="B6964" t="s">
        <v>0</v>
      </c>
      <c r="C6964" t="s">
        <v>6681</v>
      </c>
      <c r="D6964" t="s">
        <v>6702</v>
      </c>
    </row>
    <row r="6965" spans="1:4" x14ac:dyDescent="0.4">
      <c r="A6965">
        <v>2870802</v>
      </c>
      <c r="B6965" t="s">
        <v>0</v>
      </c>
      <c r="C6965" t="s">
        <v>6681</v>
      </c>
      <c r="D6965" t="s">
        <v>6703</v>
      </c>
    </row>
    <row r="6966" spans="1:4" x14ac:dyDescent="0.4">
      <c r="A6966">
        <v>2870017</v>
      </c>
      <c r="B6966" t="s">
        <v>0</v>
      </c>
      <c r="C6966" t="s">
        <v>6681</v>
      </c>
      <c r="D6966" t="s">
        <v>6704</v>
      </c>
    </row>
    <row r="6967" spans="1:4" x14ac:dyDescent="0.4">
      <c r="A6967">
        <v>2870032</v>
      </c>
      <c r="B6967" t="s">
        <v>0</v>
      </c>
      <c r="C6967" t="s">
        <v>6681</v>
      </c>
      <c r="D6967" t="s">
        <v>6705</v>
      </c>
    </row>
    <row r="6968" spans="1:4" x14ac:dyDescent="0.4">
      <c r="A6968">
        <v>2870046</v>
      </c>
      <c r="B6968" t="s">
        <v>0</v>
      </c>
      <c r="C6968" t="s">
        <v>6681</v>
      </c>
      <c r="D6968" t="s">
        <v>6706</v>
      </c>
    </row>
    <row r="6969" spans="1:4" x14ac:dyDescent="0.4">
      <c r="A6969">
        <v>2890306</v>
      </c>
      <c r="B6969" t="s">
        <v>0</v>
      </c>
      <c r="C6969" t="s">
        <v>6681</v>
      </c>
      <c r="D6969" t="s">
        <v>6707</v>
      </c>
    </row>
    <row r="6970" spans="1:4" x14ac:dyDescent="0.4">
      <c r="A6970">
        <v>2870027</v>
      </c>
      <c r="B6970" t="s">
        <v>0</v>
      </c>
      <c r="C6970" t="s">
        <v>6681</v>
      </c>
      <c r="D6970" t="s">
        <v>6708</v>
      </c>
    </row>
    <row r="6971" spans="1:4" x14ac:dyDescent="0.4">
      <c r="A6971">
        <v>2870104</v>
      </c>
      <c r="B6971" t="s">
        <v>0</v>
      </c>
      <c r="C6971" t="s">
        <v>6681</v>
      </c>
      <c r="D6971" t="s">
        <v>6709</v>
      </c>
    </row>
    <row r="6972" spans="1:4" x14ac:dyDescent="0.4">
      <c r="A6972">
        <v>2890334</v>
      </c>
      <c r="B6972" t="s">
        <v>0</v>
      </c>
      <c r="C6972" t="s">
        <v>6681</v>
      </c>
      <c r="D6972" t="s">
        <v>6710</v>
      </c>
    </row>
    <row r="6973" spans="1:4" x14ac:dyDescent="0.4">
      <c r="A6973">
        <v>2890403</v>
      </c>
      <c r="B6973" t="s">
        <v>0</v>
      </c>
      <c r="C6973" t="s">
        <v>6681</v>
      </c>
      <c r="D6973" t="s">
        <v>6559</v>
      </c>
    </row>
    <row r="6974" spans="1:4" x14ac:dyDescent="0.4">
      <c r="A6974">
        <v>2870067</v>
      </c>
      <c r="B6974" t="s">
        <v>0</v>
      </c>
      <c r="C6974" t="s">
        <v>6681</v>
      </c>
      <c r="D6974" t="s">
        <v>6711</v>
      </c>
    </row>
    <row r="6975" spans="1:4" x14ac:dyDescent="0.4">
      <c r="A6975">
        <v>2870036</v>
      </c>
      <c r="B6975" t="s">
        <v>0</v>
      </c>
      <c r="C6975" t="s">
        <v>6681</v>
      </c>
      <c r="D6975" t="s">
        <v>2705</v>
      </c>
    </row>
    <row r="6976" spans="1:4" x14ac:dyDescent="0.4">
      <c r="A6976">
        <v>2890408</v>
      </c>
      <c r="B6976" t="s">
        <v>0</v>
      </c>
      <c r="C6976" t="s">
        <v>6681</v>
      </c>
      <c r="D6976" t="s">
        <v>6712</v>
      </c>
    </row>
    <row r="6977" spans="1:4" x14ac:dyDescent="0.4">
      <c r="A6977">
        <v>2870002</v>
      </c>
      <c r="B6977" t="s">
        <v>0</v>
      </c>
      <c r="C6977" t="s">
        <v>6681</v>
      </c>
      <c r="D6977" t="s">
        <v>3561</v>
      </c>
    </row>
    <row r="6978" spans="1:4" x14ac:dyDescent="0.4">
      <c r="A6978">
        <v>2890335</v>
      </c>
      <c r="B6978" t="s">
        <v>0</v>
      </c>
      <c r="C6978" t="s">
        <v>6681</v>
      </c>
      <c r="D6978" t="s">
        <v>6713</v>
      </c>
    </row>
    <row r="6979" spans="1:4" x14ac:dyDescent="0.4">
      <c r="A6979">
        <v>2890337</v>
      </c>
      <c r="B6979" t="s">
        <v>0</v>
      </c>
      <c r="C6979" t="s">
        <v>6681</v>
      </c>
      <c r="D6979" t="s">
        <v>6714</v>
      </c>
    </row>
    <row r="6980" spans="1:4" x14ac:dyDescent="0.4">
      <c r="A6980">
        <v>2890308</v>
      </c>
      <c r="B6980" t="s">
        <v>0</v>
      </c>
      <c r="C6980" t="s">
        <v>6681</v>
      </c>
      <c r="D6980" t="s">
        <v>6715</v>
      </c>
    </row>
    <row r="6981" spans="1:4" x14ac:dyDescent="0.4">
      <c r="A6981">
        <v>2890422</v>
      </c>
      <c r="B6981" t="s">
        <v>0</v>
      </c>
      <c r="C6981" t="s">
        <v>6681</v>
      </c>
      <c r="D6981" t="s">
        <v>6716</v>
      </c>
    </row>
    <row r="6982" spans="1:4" x14ac:dyDescent="0.4">
      <c r="A6982">
        <v>2890327</v>
      </c>
      <c r="B6982" t="s">
        <v>0</v>
      </c>
      <c r="C6982" t="s">
        <v>6681</v>
      </c>
      <c r="D6982" t="s">
        <v>648</v>
      </c>
    </row>
    <row r="6983" spans="1:4" x14ac:dyDescent="0.4">
      <c r="A6983">
        <v>2870022</v>
      </c>
      <c r="B6983" t="s">
        <v>0</v>
      </c>
      <c r="C6983" t="s">
        <v>6681</v>
      </c>
      <c r="D6983" t="s">
        <v>6717</v>
      </c>
    </row>
    <row r="6984" spans="1:4" x14ac:dyDescent="0.4">
      <c r="A6984">
        <v>2870823</v>
      </c>
      <c r="B6984" t="s">
        <v>0</v>
      </c>
      <c r="C6984" t="s">
        <v>6681</v>
      </c>
      <c r="D6984" t="s">
        <v>6718</v>
      </c>
    </row>
    <row r="6985" spans="1:4" x14ac:dyDescent="0.4">
      <c r="A6985">
        <v>2870805</v>
      </c>
      <c r="B6985" t="s">
        <v>0</v>
      </c>
      <c r="C6985" t="s">
        <v>6681</v>
      </c>
      <c r="D6985" t="s">
        <v>6719</v>
      </c>
    </row>
    <row r="6986" spans="1:4" x14ac:dyDescent="0.4">
      <c r="A6986">
        <v>2890404</v>
      </c>
      <c r="B6986" t="s">
        <v>0</v>
      </c>
      <c r="C6986" t="s">
        <v>6681</v>
      </c>
      <c r="D6986" t="s">
        <v>2038</v>
      </c>
    </row>
    <row r="6987" spans="1:4" x14ac:dyDescent="0.4">
      <c r="A6987">
        <v>2870826</v>
      </c>
      <c r="B6987" t="s">
        <v>0</v>
      </c>
      <c r="C6987" t="s">
        <v>6681</v>
      </c>
      <c r="D6987" t="s">
        <v>6720</v>
      </c>
    </row>
    <row r="6988" spans="1:4" x14ac:dyDescent="0.4">
      <c r="A6988">
        <v>2890328</v>
      </c>
      <c r="B6988" t="s">
        <v>0</v>
      </c>
      <c r="C6988" t="s">
        <v>6681</v>
      </c>
      <c r="D6988" t="s">
        <v>6721</v>
      </c>
    </row>
    <row r="6989" spans="1:4" x14ac:dyDescent="0.4">
      <c r="A6989">
        <v>2890401</v>
      </c>
      <c r="B6989" t="s">
        <v>0</v>
      </c>
      <c r="C6989" t="s">
        <v>6681</v>
      </c>
      <c r="D6989" t="s">
        <v>6722</v>
      </c>
    </row>
    <row r="6990" spans="1:4" x14ac:dyDescent="0.4">
      <c r="A6990">
        <v>2870813</v>
      </c>
      <c r="B6990" t="s">
        <v>0</v>
      </c>
      <c r="C6990" t="s">
        <v>6681</v>
      </c>
      <c r="D6990" t="s">
        <v>6723</v>
      </c>
    </row>
    <row r="6991" spans="1:4" x14ac:dyDescent="0.4">
      <c r="A6991">
        <v>2870105</v>
      </c>
      <c r="B6991" t="s">
        <v>0</v>
      </c>
      <c r="C6991" t="s">
        <v>6681</v>
      </c>
      <c r="D6991" t="s">
        <v>6724</v>
      </c>
    </row>
    <row r="6992" spans="1:4" x14ac:dyDescent="0.4">
      <c r="A6992">
        <v>2870003</v>
      </c>
      <c r="B6992" t="s">
        <v>0</v>
      </c>
      <c r="C6992" t="s">
        <v>6681</v>
      </c>
      <c r="D6992" t="s">
        <v>6725</v>
      </c>
    </row>
    <row r="6993" spans="1:4" x14ac:dyDescent="0.4">
      <c r="A6993">
        <v>2870822</v>
      </c>
      <c r="B6993" t="s">
        <v>0</v>
      </c>
      <c r="C6993" t="s">
        <v>6681</v>
      </c>
      <c r="D6993" t="s">
        <v>6726</v>
      </c>
    </row>
    <row r="6994" spans="1:4" x14ac:dyDescent="0.4">
      <c r="A6994">
        <v>2870816</v>
      </c>
      <c r="B6994" t="s">
        <v>0</v>
      </c>
      <c r="C6994" t="s">
        <v>6681</v>
      </c>
      <c r="D6994" t="s">
        <v>6727</v>
      </c>
    </row>
    <row r="6995" spans="1:4" x14ac:dyDescent="0.4">
      <c r="A6995">
        <v>2870005</v>
      </c>
      <c r="B6995" t="s">
        <v>0</v>
      </c>
      <c r="C6995" t="s">
        <v>6681</v>
      </c>
      <c r="D6995" t="s">
        <v>6728</v>
      </c>
    </row>
    <row r="6996" spans="1:4" x14ac:dyDescent="0.4">
      <c r="A6996">
        <v>2870001</v>
      </c>
      <c r="B6996" t="s">
        <v>0</v>
      </c>
      <c r="C6996" t="s">
        <v>6681</v>
      </c>
      <c r="D6996" t="s">
        <v>6729</v>
      </c>
    </row>
    <row r="6997" spans="1:4" x14ac:dyDescent="0.4">
      <c r="A6997">
        <v>2890302</v>
      </c>
      <c r="B6997" t="s">
        <v>0</v>
      </c>
      <c r="C6997" t="s">
        <v>6681</v>
      </c>
      <c r="D6997" t="s">
        <v>6730</v>
      </c>
    </row>
    <row r="6998" spans="1:4" x14ac:dyDescent="0.4">
      <c r="A6998">
        <v>2890413</v>
      </c>
      <c r="B6998" t="s">
        <v>0</v>
      </c>
      <c r="C6998" t="s">
        <v>6681</v>
      </c>
      <c r="D6998" t="s">
        <v>6731</v>
      </c>
    </row>
    <row r="6999" spans="1:4" x14ac:dyDescent="0.4">
      <c r="A6999">
        <v>2870006</v>
      </c>
      <c r="B6999" t="s">
        <v>0</v>
      </c>
      <c r="C6999" t="s">
        <v>6681</v>
      </c>
      <c r="D6999" t="s">
        <v>6732</v>
      </c>
    </row>
    <row r="7000" spans="1:4" x14ac:dyDescent="0.4">
      <c r="A7000">
        <v>2870821</v>
      </c>
      <c r="B7000" t="s">
        <v>0</v>
      </c>
      <c r="C7000" t="s">
        <v>6681</v>
      </c>
      <c r="D7000" t="s">
        <v>6733</v>
      </c>
    </row>
    <row r="7001" spans="1:4" x14ac:dyDescent="0.4">
      <c r="A7001">
        <v>2890322</v>
      </c>
      <c r="B7001" t="s">
        <v>0</v>
      </c>
      <c r="C7001" t="s">
        <v>6681</v>
      </c>
      <c r="D7001" t="s">
        <v>6734</v>
      </c>
    </row>
    <row r="7002" spans="1:4" x14ac:dyDescent="0.4">
      <c r="A7002">
        <v>2890338</v>
      </c>
      <c r="B7002" t="s">
        <v>0</v>
      </c>
      <c r="C7002" t="s">
        <v>6681</v>
      </c>
      <c r="D7002" t="s">
        <v>6735</v>
      </c>
    </row>
    <row r="7003" spans="1:4" x14ac:dyDescent="0.4">
      <c r="A7003">
        <v>2870021</v>
      </c>
      <c r="B7003" t="s">
        <v>0</v>
      </c>
      <c r="C7003" t="s">
        <v>6681</v>
      </c>
      <c r="D7003" t="s">
        <v>6736</v>
      </c>
    </row>
    <row r="7004" spans="1:4" x14ac:dyDescent="0.4">
      <c r="A7004">
        <v>2890304</v>
      </c>
      <c r="B7004" t="s">
        <v>0</v>
      </c>
      <c r="C7004" t="s">
        <v>6681</v>
      </c>
      <c r="D7004" t="s">
        <v>6737</v>
      </c>
    </row>
    <row r="7005" spans="1:4" x14ac:dyDescent="0.4">
      <c r="A7005">
        <v>2870055</v>
      </c>
      <c r="B7005" t="s">
        <v>0</v>
      </c>
      <c r="C7005" t="s">
        <v>6681</v>
      </c>
      <c r="D7005" t="s">
        <v>2500</v>
      </c>
    </row>
    <row r="7006" spans="1:4" x14ac:dyDescent="0.4">
      <c r="A7006">
        <v>2890344</v>
      </c>
      <c r="B7006" t="s">
        <v>0</v>
      </c>
      <c r="C7006" t="s">
        <v>6681</v>
      </c>
      <c r="D7006" t="s">
        <v>2020</v>
      </c>
    </row>
    <row r="7007" spans="1:4" x14ac:dyDescent="0.4">
      <c r="A7007">
        <v>2890336</v>
      </c>
      <c r="B7007" t="s">
        <v>0</v>
      </c>
      <c r="C7007" t="s">
        <v>6681</v>
      </c>
      <c r="D7007" t="s">
        <v>735</v>
      </c>
    </row>
    <row r="7008" spans="1:4" x14ac:dyDescent="0.4">
      <c r="A7008">
        <v>2870107</v>
      </c>
      <c r="B7008" t="s">
        <v>0</v>
      </c>
      <c r="C7008" t="s">
        <v>6681</v>
      </c>
      <c r="D7008" t="s">
        <v>6738</v>
      </c>
    </row>
    <row r="7009" spans="1:4" x14ac:dyDescent="0.4">
      <c r="A7009">
        <v>2870045</v>
      </c>
      <c r="B7009" t="s">
        <v>0</v>
      </c>
      <c r="C7009" t="s">
        <v>6681</v>
      </c>
      <c r="D7009" t="s">
        <v>1850</v>
      </c>
    </row>
    <row r="7010" spans="1:4" x14ac:dyDescent="0.4">
      <c r="A7010">
        <v>2870101</v>
      </c>
      <c r="B7010" t="s">
        <v>0</v>
      </c>
      <c r="C7010" t="s">
        <v>6681</v>
      </c>
      <c r="D7010" t="s">
        <v>6739</v>
      </c>
    </row>
    <row r="7011" spans="1:4" x14ac:dyDescent="0.4">
      <c r="A7011">
        <v>2890405</v>
      </c>
      <c r="B7011" t="s">
        <v>0</v>
      </c>
      <c r="C7011" t="s">
        <v>6681</v>
      </c>
      <c r="D7011" t="s">
        <v>6740</v>
      </c>
    </row>
    <row r="7012" spans="1:4" x14ac:dyDescent="0.4">
      <c r="A7012">
        <v>2870014</v>
      </c>
      <c r="B7012" t="s">
        <v>0</v>
      </c>
      <c r="C7012" t="s">
        <v>6681</v>
      </c>
      <c r="D7012" t="s">
        <v>6741</v>
      </c>
    </row>
    <row r="7013" spans="1:4" x14ac:dyDescent="0.4">
      <c r="A7013">
        <v>2890406</v>
      </c>
      <c r="B7013" t="s">
        <v>0</v>
      </c>
      <c r="C7013" t="s">
        <v>6681</v>
      </c>
      <c r="D7013" t="s">
        <v>6742</v>
      </c>
    </row>
    <row r="7014" spans="1:4" x14ac:dyDescent="0.4">
      <c r="A7014">
        <v>2870041</v>
      </c>
      <c r="B7014" t="s">
        <v>0</v>
      </c>
      <c r="C7014" t="s">
        <v>6681</v>
      </c>
      <c r="D7014" t="s">
        <v>6743</v>
      </c>
    </row>
    <row r="7015" spans="1:4" x14ac:dyDescent="0.4">
      <c r="A7015">
        <v>2870806</v>
      </c>
      <c r="B7015" t="s">
        <v>0</v>
      </c>
      <c r="C7015" t="s">
        <v>6681</v>
      </c>
      <c r="D7015" t="s">
        <v>6744</v>
      </c>
    </row>
    <row r="7016" spans="1:4" x14ac:dyDescent="0.4">
      <c r="A7016">
        <v>2870011</v>
      </c>
      <c r="B7016" t="s">
        <v>0</v>
      </c>
      <c r="C7016" t="s">
        <v>6681</v>
      </c>
      <c r="D7016" t="s">
        <v>6745</v>
      </c>
    </row>
    <row r="7017" spans="1:4" x14ac:dyDescent="0.4">
      <c r="A7017">
        <v>2870062</v>
      </c>
      <c r="B7017" t="s">
        <v>0</v>
      </c>
      <c r="C7017" t="s">
        <v>6681</v>
      </c>
      <c r="D7017" t="s">
        <v>6746</v>
      </c>
    </row>
    <row r="7018" spans="1:4" x14ac:dyDescent="0.4">
      <c r="A7018">
        <v>2870047</v>
      </c>
      <c r="B7018" t="s">
        <v>0</v>
      </c>
      <c r="C7018" t="s">
        <v>6681</v>
      </c>
      <c r="D7018" t="s">
        <v>6747</v>
      </c>
    </row>
    <row r="7019" spans="1:4" x14ac:dyDescent="0.4">
      <c r="A7019">
        <v>2870038</v>
      </c>
      <c r="B7019" t="s">
        <v>0</v>
      </c>
      <c r="C7019" t="s">
        <v>6681</v>
      </c>
      <c r="D7019" t="s">
        <v>6748</v>
      </c>
    </row>
    <row r="7020" spans="1:4" x14ac:dyDescent="0.4">
      <c r="A7020">
        <v>2890303</v>
      </c>
      <c r="B7020" t="s">
        <v>0</v>
      </c>
      <c r="C7020" t="s">
        <v>6681</v>
      </c>
      <c r="D7020" t="s">
        <v>4150</v>
      </c>
    </row>
    <row r="7021" spans="1:4" x14ac:dyDescent="0.4">
      <c r="A7021">
        <v>2890414</v>
      </c>
      <c r="B7021" t="s">
        <v>0</v>
      </c>
      <c r="C7021" t="s">
        <v>6681</v>
      </c>
      <c r="D7021" t="s">
        <v>2164</v>
      </c>
    </row>
    <row r="7022" spans="1:4" x14ac:dyDescent="0.4">
      <c r="A7022">
        <v>2870824</v>
      </c>
      <c r="B7022" t="s">
        <v>0</v>
      </c>
      <c r="C7022" t="s">
        <v>6681</v>
      </c>
      <c r="D7022" t="s">
        <v>4604</v>
      </c>
    </row>
    <row r="7023" spans="1:4" x14ac:dyDescent="0.4">
      <c r="A7023">
        <v>2870814</v>
      </c>
      <c r="B7023" t="s">
        <v>0</v>
      </c>
      <c r="C7023" t="s">
        <v>6681</v>
      </c>
      <c r="D7023" t="s">
        <v>6749</v>
      </c>
    </row>
    <row r="7024" spans="1:4" x14ac:dyDescent="0.4">
      <c r="A7024">
        <v>2870034</v>
      </c>
      <c r="B7024" t="s">
        <v>0</v>
      </c>
      <c r="C7024" t="s">
        <v>6681</v>
      </c>
      <c r="D7024" t="s">
        <v>6750</v>
      </c>
    </row>
    <row r="7025" spans="1:4" x14ac:dyDescent="0.4">
      <c r="A7025">
        <v>2870016</v>
      </c>
      <c r="B7025" t="s">
        <v>0</v>
      </c>
      <c r="C7025" t="s">
        <v>6681</v>
      </c>
      <c r="D7025" t="s">
        <v>6751</v>
      </c>
    </row>
    <row r="7026" spans="1:4" x14ac:dyDescent="0.4">
      <c r="A7026">
        <v>2870051</v>
      </c>
      <c r="B7026" t="s">
        <v>0</v>
      </c>
      <c r="C7026" t="s">
        <v>6681</v>
      </c>
      <c r="D7026" t="s">
        <v>6752</v>
      </c>
    </row>
    <row r="7027" spans="1:4" x14ac:dyDescent="0.4">
      <c r="A7027">
        <v>2870063</v>
      </c>
      <c r="B7027" t="s">
        <v>0</v>
      </c>
      <c r="C7027" t="s">
        <v>6681</v>
      </c>
      <c r="D7027" t="s">
        <v>6753</v>
      </c>
    </row>
    <row r="7028" spans="1:4" x14ac:dyDescent="0.4">
      <c r="A7028">
        <v>2870103</v>
      </c>
      <c r="B7028" t="s">
        <v>0</v>
      </c>
      <c r="C7028" t="s">
        <v>6681</v>
      </c>
      <c r="D7028" t="s">
        <v>6754</v>
      </c>
    </row>
    <row r="7029" spans="1:4" x14ac:dyDescent="0.4">
      <c r="A7029">
        <v>2870065</v>
      </c>
      <c r="B7029" t="s">
        <v>0</v>
      </c>
      <c r="C7029" t="s">
        <v>6681</v>
      </c>
      <c r="D7029" t="s">
        <v>6755</v>
      </c>
    </row>
    <row r="7030" spans="1:4" x14ac:dyDescent="0.4">
      <c r="A7030">
        <v>2870048</v>
      </c>
      <c r="B7030" t="s">
        <v>0</v>
      </c>
      <c r="C7030" t="s">
        <v>6681</v>
      </c>
      <c r="D7030" t="s">
        <v>6461</v>
      </c>
    </row>
    <row r="7031" spans="1:4" x14ac:dyDescent="0.4">
      <c r="A7031">
        <v>2890424</v>
      </c>
      <c r="B7031" t="s">
        <v>0</v>
      </c>
      <c r="C7031" t="s">
        <v>6681</v>
      </c>
      <c r="D7031" t="s">
        <v>5073</v>
      </c>
    </row>
    <row r="7032" spans="1:4" x14ac:dyDescent="0.4">
      <c r="A7032">
        <v>2870031</v>
      </c>
      <c r="B7032" t="s">
        <v>0</v>
      </c>
      <c r="C7032" t="s">
        <v>6681</v>
      </c>
      <c r="D7032" t="s">
        <v>6756</v>
      </c>
    </row>
    <row r="7033" spans="1:4" x14ac:dyDescent="0.4">
      <c r="A7033">
        <v>2890407</v>
      </c>
      <c r="B7033" t="s">
        <v>0</v>
      </c>
      <c r="C7033" t="s">
        <v>6681</v>
      </c>
      <c r="D7033" t="s">
        <v>6757</v>
      </c>
    </row>
    <row r="7034" spans="1:4" x14ac:dyDescent="0.4">
      <c r="A7034">
        <v>2890314</v>
      </c>
      <c r="B7034" t="s">
        <v>0</v>
      </c>
      <c r="C7034" t="s">
        <v>6681</v>
      </c>
      <c r="D7034" t="s">
        <v>1928</v>
      </c>
    </row>
    <row r="7035" spans="1:4" x14ac:dyDescent="0.4">
      <c r="A7035">
        <v>2870825</v>
      </c>
      <c r="B7035" t="s">
        <v>0</v>
      </c>
      <c r="C7035" t="s">
        <v>6681</v>
      </c>
      <c r="D7035" t="s">
        <v>6758</v>
      </c>
    </row>
    <row r="7036" spans="1:4" x14ac:dyDescent="0.4">
      <c r="A7036">
        <v>2890347</v>
      </c>
      <c r="B7036" t="s">
        <v>0</v>
      </c>
      <c r="C7036" t="s">
        <v>6681</v>
      </c>
      <c r="D7036" t="s">
        <v>6759</v>
      </c>
    </row>
    <row r="7037" spans="1:4" x14ac:dyDescent="0.4">
      <c r="A7037">
        <v>2890345</v>
      </c>
      <c r="B7037" t="s">
        <v>0</v>
      </c>
      <c r="C7037" t="s">
        <v>6681</v>
      </c>
      <c r="D7037" t="s">
        <v>6760</v>
      </c>
    </row>
    <row r="7038" spans="1:4" x14ac:dyDescent="0.4">
      <c r="A7038">
        <v>2890421</v>
      </c>
      <c r="B7038" t="s">
        <v>0</v>
      </c>
      <c r="C7038" t="s">
        <v>6681</v>
      </c>
      <c r="D7038" t="s">
        <v>6761</v>
      </c>
    </row>
    <row r="7039" spans="1:4" x14ac:dyDescent="0.4">
      <c r="A7039">
        <v>2890331</v>
      </c>
      <c r="B7039" t="s">
        <v>0</v>
      </c>
      <c r="C7039" t="s">
        <v>6681</v>
      </c>
      <c r="D7039" t="s">
        <v>6762</v>
      </c>
    </row>
    <row r="7040" spans="1:4" x14ac:dyDescent="0.4">
      <c r="A7040">
        <v>2870024</v>
      </c>
      <c r="B7040" t="s">
        <v>0</v>
      </c>
      <c r="C7040" t="s">
        <v>6681</v>
      </c>
      <c r="D7040" t="s">
        <v>5131</v>
      </c>
    </row>
    <row r="7041" spans="1:4" x14ac:dyDescent="0.4">
      <c r="A7041">
        <v>2890329</v>
      </c>
      <c r="B7041" t="s">
        <v>0</v>
      </c>
      <c r="C7041" t="s">
        <v>6681</v>
      </c>
      <c r="D7041" t="s">
        <v>6763</v>
      </c>
    </row>
    <row r="7042" spans="1:4" x14ac:dyDescent="0.4">
      <c r="A7042">
        <v>2890411</v>
      </c>
      <c r="B7042" t="s">
        <v>0</v>
      </c>
      <c r="C7042" t="s">
        <v>6681</v>
      </c>
      <c r="D7042" t="s">
        <v>6764</v>
      </c>
    </row>
    <row r="7043" spans="1:4" x14ac:dyDescent="0.4">
      <c r="A7043">
        <v>2890412</v>
      </c>
      <c r="B7043" t="s">
        <v>0</v>
      </c>
      <c r="C7043" t="s">
        <v>6681</v>
      </c>
      <c r="D7043" t="s">
        <v>6765</v>
      </c>
    </row>
    <row r="7044" spans="1:4" x14ac:dyDescent="0.4">
      <c r="A7044">
        <v>2870066</v>
      </c>
      <c r="B7044" t="s">
        <v>0</v>
      </c>
      <c r="C7044" t="s">
        <v>6681</v>
      </c>
      <c r="D7044" t="s">
        <v>467</v>
      </c>
    </row>
    <row r="7045" spans="1:4" x14ac:dyDescent="0.4">
      <c r="A7045">
        <v>2890312</v>
      </c>
      <c r="B7045" t="s">
        <v>0</v>
      </c>
      <c r="C7045" t="s">
        <v>6681</v>
      </c>
      <c r="D7045" t="s">
        <v>210</v>
      </c>
    </row>
    <row r="7046" spans="1:4" x14ac:dyDescent="0.4">
      <c r="A7046">
        <v>2870033</v>
      </c>
      <c r="B7046" t="s">
        <v>0</v>
      </c>
      <c r="C7046" t="s">
        <v>6681</v>
      </c>
      <c r="D7046" t="s">
        <v>6766</v>
      </c>
    </row>
    <row r="7047" spans="1:4" x14ac:dyDescent="0.4">
      <c r="A7047">
        <v>2890307</v>
      </c>
      <c r="B7047" t="s">
        <v>0</v>
      </c>
      <c r="C7047" t="s">
        <v>6681</v>
      </c>
      <c r="D7047" t="s">
        <v>6767</v>
      </c>
    </row>
    <row r="7048" spans="1:4" x14ac:dyDescent="0.4">
      <c r="A7048">
        <v>2870812</v>
      </c>
      <c r="B7048" t="s">
        <v>0</v>
      </c>
      <c r="C7048" t="s">
        <v>6681</v>
      </c>
      <c r="D7048" t="s">
        <v>5620</v>
      </c>
    </row>
    <row r="7049" spans="1:4" x14ac:dyDescent="0.4">
      <c r="A7049">
        <v>2870064</v>
      </c>
      <c r="B7049" t="s">
        <v>0</v>
      </c>
      <c r="C7049" t="s">
        <v>6681</v>
      </c>
      <c r="D7049" t="s">
        <v>6768</v>
      </c>
    </row>
    <row r="7050" spans="1:4" x14ac:dyDescent="0.4">
      <c r="A7050">
        <v>2890332</v>
      </c>
      <c r="B7050" t="s">
        <v>0</v>
      </c>
      <c r="C7050" t="s">
        <v>6681</v>
      </c>
      <c r="D7050" t="s">
        <v>6769</v>
      </c>
    </row>
    <row r="7051" spans="1:4" x14ac:dyDescent="0.4">
      <c r="A7051">
        <v>2890341</v>
      </c>
      <c r="B7051" t="s">
        <v>0</v>
      </c>
      <c r="C7051" t="s">
        <v>6681</v>
      </c>
      <c r="D7051" t="s">
        <v>6770</v>
      </c>
    </row>
    <row r="7052" spans="1:4" x14ac:dyDescent="0.4">
      <c r="A7052">
        <v>2870025</v>
      </c>
      <c r="B7052" t="s">
        <v>0</v>
      </c>
      <c r="C7052" t="s">
        <v>6681</v>
      </c>
      <c r="D7052" t="s">
        <v>6771</v>
      </c>
    </row>
    <row r="7053" spans="1:4" x14ac:dyDescent="0.4">
      <c r="A7053">
        <v>2870052</v>
      </c>
      <c r="B7053" t="s">
        <v>0</v>
      </c>
      <c r="C7053" t="s">
        <v>6681</v>
      </c>
      <c r="D7053" t="s">
        <v>6772</v>
      </c>
    </row>
    <row r="7054" spans="1:4" x14ac:dyDescent="0.4">
      <c r="A7054">
        <v>2870815</v>
      </c>
      <c r="B7054" t="s">
        <v>0</v>
      </c>
      <c r="C7054" t="s">
        <v>6681</v>
      </c>
      <c r="D7054" t="s">
        <v>6773</v>
      </c>
    </row>
    <row r="7055" spans="1:4" x14ac:dyDescent="0.4">
      <c r="A7055">
        <v>2870061</v>
      </c>
      <c r="B7055" t="s">
        <v>0</v>
      </c>
      <c r="C7055" t="s">
        <v>6681</v>
      </c>
      <c r="D7055" t="s">
        <v>853</v>
      </c>
    </row>
    <row r="7056" spans="1:4" x14ac:dyDescent="0.4">
      <c r="A7056">
        <v>2890343</v>
      </c>
      <c r="B7056" t="s">
        <v>0</v>
      </c>
      <c r="C7056" t="s">
        <v>6681</v>
      </c>
      <c r="D7056" t="s">
        <v>6774</v>
      </c>
    </row>
    <row r="7057" spans="1:4" x14ac:dyDescent="0.4">
      <c r="A7057">
        <v>2890426</v>
      </c>
      <c r="B7057" t="s">
        <v>0</v>
      </c>
      <c r="C7057" t="s">
        <v>6681</v>
      </c>
      <c r="D7057" t="s">
        <v>3978</v>
      </c>
    </row>
    <row r="7058" spans="1:4" x14ac:dyDescent="0.4">
      <c r="A7058">
        <v>2870042</v>
      </c>
      <c r="B7058" t="s">
        <v>0</v>
      </c>
      <c r="C7058" t="s">
        <v>6681</v>
      </c>
      <c r="D7058" t="s">
        <v>6775</v>
      </c>
    </row>
    <row r="7059" spans="1:4" x14ac:dyDescent="0.4">
      <c r="A7059">
        <v>2890311</v>
      </c>
      <c r="B7059" t="s">
        <v>0</v>
      </c>
      <c r="C7059" t="s">
        <v>6681</v>
      </c>
      <c r="D7059" t="s">
        <v>6776</v>
      </c>
    </row>
    <row r="7060" spans="1:4" x14ac:dyDescent="0.4">
      <c r="A7060">
        <v>2870018</v>
      </c>
      <c r="B7060" t="s">
        <v>0</v>
      </c>
      <c r="C7060" t="s">
        <v>6681</v>
      </c>
      <c r="D7060" t="s">
        <v>6777</v>
      </c>
    </row>
    <row r="7061" spans="1:4" x14ac:dyDescent="0.4">
      <c r="A7061">
        <v>2870037</v>
      </c>
      <c r="B7061" t="s">
        <v>0</v>
      </c>
      <c r="C7061" t="s">
        <v>6681</v>
      </c>
      <c r="D7061" t="s">
        <v>6778</v>
      </c>
    </row>
    <row r="7062" spans="1:4" x14ac:dyDescent="0.4">
      <c r="A7062">
        <v>2870015</v>
      </c>
      <c r="B7062" t="s">
        <v>0</v>
      </c>
      <c r="C7062" t="s">
        <v>6681</v>
      </c>
      <c r="D7062" t="s">
        <v>4321</v>
      </c>
    </row>
    <row r="7063" spans="1:4" x14ac:dyDescent="0.4">
      <c r="A7063">
        <v>2890342</v>
      </c>
      <c r="B7063" t="s">
        <v>0</v>
      </c>
      <c r="C7063" t="s">
        <v>6681</v>
      </c>
      <c r="D7063" t="s">
        <v>6779</v>
      </c>
    </row>
    <row r="7064" spans="1:4" x14ac:dyDescent="0.4">
      <c r="A7064">
        <v>2890305</v>
      </c>
      <c r="B7064" t="s">
        <v>0</v>
      </c>
      <c r="C7064" t="s">
        <v>6681</v>
      </c>
      <c r="D7064" t="s">
        <v>6780</v>
      </c>
    </row>
    <row r="7065" spans="1:4" x14ac:dyDescent="0.4">
      <c r="A7065">
        <v>2891300</v>
      </c>
      <c r="B7065" t="s">
        <v>0</v>
      </c>
      <c r="C7065" t="s">
        <v>6781</v>
      </c>
    </row>
    <row r="7066" spans="1:4" x14ac:dyDescent="0.4">
      <c r="A7066">
        <v>2891203</v>
      </c>
      <c r="B7066" t="s">
        <v>0</v>
      </c>
      <c r="C7066" t="s">
        <v>6781</v>
      </c>
      <c r="D7066" t="s">
        <v>6782</v>
      </c>
    </row>
    <row r="7067" spans="1:4" x14ac:dyDescent="0.4">
      <c r="A7067">
        <v>2891213</v>
      </c>
      <c r="B7067" t="s">
        <v>0</v>
      </c>
      <c r="C7067" t="s">
        <v>6781</v>
      </c>
      <c r="D7067" t="s">
        <v>6783</v>
      </c>
    </row>
    <row r="7068" spans="1:4" x14ac:dyDescent="0.4">
      <c r="A7068">
        <v>2891201</v>
      </c>
      <c r="B7068" t="s">
        <v>0</v>
      </c>
      <c r="C7068" t="s">
        <v>6781</v>
      </c>
      <c r="D7068" t="s">
        <v>6784</v>
      </c>
    </row>
    <row r="7069" spans="1:4" x14ac:dyDescent="0.4">
      <c r="A7069">
        <v>2891335</v>
      </c>
      <c r="B7069" t="s">
        <v>0</v>
      </c>
      <c r="C7069" t="s">
        <v>6781</v>
      </c>
      <c r="D7069" t="s">
        <v>6785</v>
      </c>
    </row>
    <row r="7070" spans="1:4" x14ac:dyDescent="0.4">
      <c r="A7070">
        <v>2891222</v>
      </c>
      <c r="B7070" t="s">
        <v>0</v>
      </c>
      <c r="C7070" t="s">
        <v>6781</v>
      </c>
      <c r="D7070" t="s">
        <v>6786</v>
      </c>
    </row>
    <row r="7071" spans="1:4" x14ac:dyDescent="0.4">
      <c r="A7071">
        <v>2891333</v>
      </c>
      <c r="B7071" t="s">
        <v>0</v>
      </c>
      <c r="C7071" t="s">
        <v>6781</v>
      </c>
      <c r="D7071" t="s">
        <v>601</v>
      </c>
    </row>
    <row r="7072" spans="1:4" x14ac:dyDescent="0.4">
      <c r="A7072">
        <v>2891304</v>
      </c>
      <c r="B7072" t="s">
        <v>0</v>
      </c>
      <c r="C7072" t="s">
        <v>6781</v>
      </c>
      <c r="D7072" t="s">
        <v>6787</v>
      </c>
    </row>
    <row r="7073" spans="1:4" x14ac:dyDescent="0.4">
      <c r="A7073">
        <v>2891216</v>
      </c>
      <c r="B7073" t="s">
        <v>0</v>
      </c>
      <c r="C7073" t="s">
        <v>6781</v>
      </c>
      <c r="D7073" t="s">
        <v>6788</v>
      </c>
    </row>
    <row r="7074" spans="1:4" x14ac:dyDescent="0.4">
      <c r="A7074">
        <v>2891211</v>
      </c>
      <c r="B7074" t="s">
        <v>0</v>
      </c>
      <c r="C7074" t="s">
        <v>6781</v>
      </c>
      <c r="D7074" t="s">
        <v>1939</v>
      </c>
    </row>
    <row r="7075" spans="1:4" x14ac:dyDescent="0.4">
      <c r="A7075">
        <v>2891225</v>
      </c>
      <c r="B7075" t="s">
        <v>0</v>
      </c>
      <c r="C7075" t="s">
        <v>6781</v>
      </c>
      <c r="D7075" t="s">
        <v>1944</v>
      </c>
    </row>
    <row r="7076" spans="1:4" x14ac:dyDescent="0.4">
      <c r="A7076">
        <v>2891332</v>
      </c>
      <c r="B7076" t="s">
        <v>0</v>
      </c>
      <c r="C7076" t="s">
        <v>6781</v>
      </c>
      <c r="D7076" t="s">
        <v>6789</v>
      </c>
    </row>
    <row r="7077" spans="1:4" x14ac:dyDescent="0.4">
      <c r="A7077">
        <v>2891313</v>
      </c>
      <c r="B7077" t="s">
        <v>0</v>
      </c>
      <c r="C7077" t="s">
        <v>6781</v>
      </c>
      <c r="D7077" t="s">
        <v>6790</v>
      </c>
    </row>
    <row r="7078" spans="1:4" x14ac:dyDescent="0.4">
      <c r="A7078">
        <v>2891331</v>
      </c>
      <c r="B7078" t="s">
        <v>0</v>
      </c>
      <c r="C7078" t="s">
        <v>6781</v>
      </c>
      <c r="D7078" t="s">
        <v>5866</v>
      </c>
    </row>
    <row r="7079" spans="1:4" x14ac:dyDescent="0.4">
      <c r="A7079">
        <v>2891301</v>
      </c>
      <c r="B7079" t="s">
        <v>0</v>
      </c>
      <c r="C7079" t="s">
        <v>6781</v>
      </c>
      <c r="D7079" t="s">
        <v>6791</v>
      </c>
    </row>
    <row r="7080" spans="1:4" x14ac:dyDescent="0.4">
      <c r="A7080">
        <v>2891212</v>
      </c>
      <c r="B7080" t="s">
        <v>0</v>
      </c>
      <c r="C7080" t="s">
        <v>6781</v>
      </c>
      <c r="D7080" t="s">
        <v>1947</v>
      </c>
    </row>
    <row r="7081" spans="1:4" x14ac:dyDescent="0.4">
      <c r="A7081">
        <v>2891315</v>
      </c>
      <c r="B7081" t="s">
        <v>0</v>
      </c>
      <c r="C7081" t="s">
        <v>6781</v>
      </c>
      <c r="D7081" t="s">
        <v>1987</v>
      </c>
    </row>
    <row r="7082" spans="1:4" x14ac:dyDescent="0.4">
      <c r="A7082">
        <v>2891317</v>
      </c>
      <c r="B7082" t="s">
        <v>0</v>
      </c>
      <c r="C7082" t="s">
        <v>6781</v>
      </c>
      <c r="D7082" t="s">
        <v>6792</v>
      </c>
    </row>
    <row r="7083" spans="1:4" x14ac:dyDescent="0.4">
      <c r="A7083">
        <v>2891316</v>
      </c>
      <c r="B7083" t="s">
        <v>0</v>
      </c>
      <c r="C7083" t="s">
        <v>6781</v>
      </c>
      <c r="D7083" t="s">
        <v>6793</v>
      </c>
    </row>
    <row r="7084" spans="1:4" x14ac:dyDescent="0.4">
      <c r="A7084">
        <v>2891302</v>
      </c>
      <c r="B7084" t="s">
        <v>0</v>
      </c>
      <c r="C7084" t="s">
        <v>6781</v>
      </c>
      <c r="D7084" t="s">
        <v>1670</v>
      </c>
    </row>
    <row r="7085" spans="1:4" x14ac:dyDescent="0.4">
      <c r="A7085">
        <v>2891221</v>
      </c>
      <c r="B7085" t="s">
        <v>0</v>
      </c>
      <c r="C7085" t="s">
        <v>6781</v>
      </c>
      <c r="D7085" t="s">
        <v>6794</v>
      </c>
    </row>
    <row r="7086" spans="1:4" x14ac:dyDescent="0.4">
      <c r="A7086">
        <v>2891205</v>
      </c>
      <c r="B7086" t="s">
        <v>0</v>
      </c>
      <c r="C7086" t="s">
        <v>6781</v>
      </c>
      <c r="D7086" t="s">
        <v>6795</v>
      </c>
    </row>
    <row r="7087" spans="1:4" x14ac:dyDescent="0.4">
      <c r="A7087">
        <v>2891312</v>
      </c>
      <c r="B7087" t="s">
        <v>0</v>
      </c>
      <c r="C7087" t="s">
        <v>6781</v>
      </c>
      <c r="D7087" t="s">
        <v>6796</v>
      </c>
    </row>
    <row r="7088" spans="1:4" x14ac:dyDescent="0.4">
      <c r="A7088">
        <v>2891325</v>
      </c>
      <c r="B7088" t="s">
        <v>0</v>
      </c>
      <c r="C7088" t="s">
        <v>6781</v>
      </c>
      <c r="D7088" t="s">
        <v>6797</v>
      </c>
    </row>
    <row r="7089" spans="1:4" x14ac:dyDescent="0.4">
      <c r="A7089">
        <v>2891342</v>
      </c>
      <c r="B7089" t="s">
        <v>0</v>
      </c>
      <c r="C7089" t="s">
        <v>6781</v>
      </c>
      <c r="D7089" t="s">
        <v>6798</v>
      </c>
    </row>
    <row r="7090" spans="1:4" x14ac:dyDescent="0.4">
      <c r="A7090">
        <v>2891217</v>
      </c>
      <c r="B7090" t="s">
        <v>0</v>
      </c>
      <c r="C7090" t="s">
        <v>6781</v>
      </c>
      <c r="D7090" t="s">
        <v>6799</v>
      </c>
    </row>
    <row r="7091" spans="1:4" x14ac:dyDescent="0.4">
      <c r="A7091">
        <v>2891314</v>
      </c>
      <c r="B7091" t="s">
        <v>0</v>
      </c>
      <c r="C7091" t="s">
        <v>6781</v>
      </c>
      <c r="D7091" t="s">
        <v>6800</v>
      </c>
    </row>
    <row r="7092" spans="1:4" x14ac:dyDescent="0.4">
      <c r="A7092">
        <v>2891306</v>
      </c>
      <c r="B7092" t="s">
        <v>0</v>
      </c>
      <c r="C7092" t="s">
        <v>6781</v>
      </c>
      <c r="D7092" t="s">
        <v>1849</v>
      </c>
    </row>
    <row r="7093" spans="1:4" x14ac:dyDescent="0.4">
      <c r="A7093">
        <v>2891343</v>
      </c>
      <c r="B7093" t="s">
        <v>0</v>
      </c>
      <c r="C7093" t="s">
        <v>6781</v>
      </c>
      <c r="D7093" t="s">
        <v>6801</v>
      </c>
    </row>
    <row r="7094" spans="1:4" x14ac:dyDescent="0.4">
      <c r="A7094">
        <v>2891345</v>
      </c>
      <c r="B7094" t="s">
        <v>0</v>
      </c>
      <c r="C7094" t="s">
        <v>6781</v>
      </c>
      <c r="D7094" t="s">
        <v>6802</v>
      </c>
    </row>
    <row r="7095" spans="1:4" x14ac:dyDescent="0.4">
      <c r="A7095">
        <v>2891318</v>
      </c>
      <c r="B7095" t="s">
        <v>0</v>
      </c>
      <c r="C7095" t="s">
        <v>6781</v>
      </c>
      <c r="D7095" t="s">
        <v>375</v>
      </c>
    </row>
    <row r="7096" spans="1:4" x14ac:dyDescent="0.4">
      <c r="A7096">
        <v>2891204</v>
      </c>
      <c r="B7096" t="s">
        <v>0</v>
      </c>
      <c r="C7096" t="s">
        <v>6781</v>
      </c>
      <c r="D7096" t="s">
        <v>6803</v>
      </c>
    </row>
    <row r="7097" spans="1:4" x14ac:dyDescent="0.4">
      <c r="A7097">
        <v>2891324</v>
      </c>
      <c r="B7097" t="s">
        <v>0</v>
      </c>
      <c r="C7097" t="s">
        <v>6781</v>
      </c>
      <c r="D7097" t="s">
        <v>6804</v>
      </c>
    </row>
    <row r="7098" spans="1:4" x14ac:dyDescent="0.4">
      <c r="A7098">
        <v>2891323</v>
      </c>
      <c r="B7098" t="s">
        <v>0</v>
      </c>
      <c r="C7098" t="s">
        <v>6781</v>
      </c>
      <c r="D7098" t="s">
        <v>6805</v>
      </c>
    </row>
    <row r="7099" spans="1:4" x14ac:dyDescent="0.4">
      <c r="A7099">
        <v>2891321</v>
      </c>
      <c r="B7099" t="s">
        <v>0</v>
      </c>
      <c r="C7099" t="s">
        <v>6781</v>
      </c>
      <c r="D7099" t="s">
        <v>4150</v>
      </c>
    </row>
    <row r="7100" spans="1:4" x14ac:dyDescent="0.4">
      <c r="A7100">
        <v>2891322</v>
      </c>
      <c r="B7100" t="s">
        <v>0</v>
      </c>
      <c r="C7100" t="s">
        <v>6781</v>
      </c>
      <c r="D7100" t="s">
        <v>6806</v>
      </c>
    </row>
    <row r="7101" spans="1:4" x14ac:dyDescent="0.4">
      <c r="A7101">
        <v>2891202</v>
      </c>
      <c r="B7101" t="s">
        <v>0</v>
      </c>
      <c r="C7101" t="s">
        <v>6781</v>
      </c>
      <c r="D7101" t="s">
        <v>6807</v>
      </c>
    </row>
    <row r="7102" spans="1:4" x14ac:dyDescent="0.4">
      <c r="A7102">
        <v>2891326</v>
      </c>
      <c r="B7102" t="s">
        <v>0</v>
      </c>
      <c r="C7102" t="s">
        <v>6781</v>
      </c>
      <c r="D7102" t="s">
        <v>6808</v>
      </c>
    </row>
    <row r="7103" spans="1:4" x14ac:dyDescent="0.4">
      <c r="A7103">
        <v>2891344</v>
      </c>
      <c r="B7103" t="s">
        <v>0</v>
      </c>
      <c r="C7103" t="s">
        <v>6781</v>
      </c>
      <c r="D7103" t="s">
        <v>6809</v>
      </c>
    </row>
    <row r="7104" spans="1:4" x14ac:dyDescent="0.4">
      <c r="A7104">
        <v>2891341</v>
      </c>
      <c r="B7104" t="s">
        <v>0</v>
      </c>
      <c r="C7104" t="s">
        <v>6781</v>
      </c>
      <c r="D7104" t="s">
        <v>6810</v>
      </c>
    </row>
    <row r="7105" spans="1:4" x14ac:dyDescent="0.4">
      <c r="A7105">
        <v>2891801</v>
      </c>
      <c r="B7105" t="s">
        <v>0</v>
      </c>
      <c r="C7105" t="s">
        <v>6781</v>
      </c>
      <c r="D7105" t="s">
        <v>6811</v>
      </c>
    </row>
    <row r="7106" spans="1:4" x14ac:dyDescent="0.4">
      <c r="A7106">
        <v>2891805</v>
      </c>
      <c r="B7106" t="s">
        <v>0</v>
      </c>
      <c r="C7106" t="s">
        <v>6781</v>
      </c>
      <c r="D7106" t="s">
        <v>6812</v>
      </c>
    </row>
    <row r="7107" spans="1:4" x14ac:dyDescent="0.4">
      <c r="A7107">
        <v>2891806</v>
      </c>
      <c r="B7107" t="s">
        <v>0</v>
      </c>
      <c r="C7107" t="s">
        <v>6781</v>
      </c>
      <c r="D7107" t="s">
        <v>6813</v>
      </c>
    </row>
    <row r="7108" spans="1:4" x14ac:dyDescent="0.4">
      <c r="A7108">
        <v>2891804</v>
      </c>
      <c r="B7108" t="s">
        <v>0</v>
      </c>
      <c r="C7108" t="s">
        <v>6781</v>
      </c>
      <c r="D7108" t="s">
        <v>6814</v>
      </c>
    </row>
    <row r="7109" spans="1:4" x14ac:dyDescent="0.4">
      <c r="A7109">
        <v>2891803</v>
      </c>
      <c r="B7109" t="s">
        <v>0</v>
      </c>
      <c r="C7109" t="s">
        <v>6781</v>
      </c>
      <c r="D7109" t="s">
        <v>6815</v>
      </c>
    </row>
    <row r="7110" spans="1:4" x14ac:dyDescent="0.4">
      <c r="A7110">
        <v>2891802</v>
      </c>
      <c r="B7110" t="s">
        <v>0</v>
      </c>
      <c r="C7110" t="s">
        <v>6781</v>
      </c>
      <c r="D7110" t="s">
        <v>6816</v>
      </c>
    </row>
    <row r="7111" spans="1:4" x14ac:dyDescent="0.4">
      <c r="A7111">
        <v>2891223</v>
      </c>
      <c r="B7111" t="s">
        <v>0</v>
      </c>
      <c r="C7111" t="s">
        <v>6781</v>
      </c>
      <c r="D7111" t="s">
        <v>6817</v>
      </c>
    </row>
    <row r="7112" spans="1:4" x14ac:dyDescent="0.4">
      <c r="A7112">
        <v>2891311</v>
      </c>
      <c r="B7112" t="s">
        <v>0</v>
      </c>
      <c r="C7112" t="s">
        <v>6781</v>
      </c>
      <c r="D7112" t="s">
        <v>6818</v>
      </c>
    </row>
    <row r="7113" spans="1:4" x14ac:dyDescent="0.4">
      <c r="A7113">
        <v>2891327</v>
      </c>
      <c r="B7113" t="s">
        <v>0</v>
      </c>
      <c r="C7113" t="s">
        <v>6781</v>
      </c>
      <c r="D7113" t="s">
        <v>6819</v>
      </c>
    </row>
    <row r="7114" spans="1:4" x14ac:dyDescent="0.4">
      <c r="A7114">
        <v>2891206</v>
      </c>
      <c r="B7114" t="s">
        <v>0</v>
      </c>
      <c r="C7114" t="s">
        <v>6781</v>
      </c>
      <c r="D7114" t="s">
        <v>6820</v>
      </c>
    </row>
    <row r="7115" spans="1:4" x14ac:dyDescent="0.4">
      <c r="A7115">
        <v>2891524</v>
      </c>
      <c r="B7115" t="s">
        <v>0</v>
      </c>
      <c r="C7115" t="s">
        <v>6781</v>
      </c>
      <c r="D7115" t="s">
        <v>6821</v>
      </c>
    </row>
    <row r="7116" spans="1:4" x14ac:dyDescent="0.4">
      <c r="A7116">
        <v>2891527</v>
      </c>
      <c r="B7116" t="s">
        <v>0</v>
      </c>
      <c r="C7116" t="s">
        <v>6781</v>
      </c>
      <c r="D7116" t="s">
        <v>6822</v>
      </c>
    </row>
    <row r="7117" spans="1:4" x14ac:dyDescent="0.4">
      <c r="A7117">
        <v>2891507</v>
      </c>
      <c r="B7117" t="s">
        <v>0</v>
      </c>
      <c r="C7117" t="s">
        <v>6781</v>
      </c>
      <c r="D7117" t="s">
        <v>6823</v>
      </c>
    </row>
    <row r="7118" spans="1:4" x14ac:dyDescent="0.4">
      <c r="A7118">
        <v>2891535</v>
      </c>
      <c r="B7118" t="s">
        <v>0</v>
      </c>
      <c r="C7118" t="s">
        <v>6781</v>
      </c>
      <c r="D7118" t="s">
        <v>6824</v>
      </c>
    </row>
    <row r="7119" spans="1:4" x14ac:dyDescent="0.4">
      <c r="A7119">
        <v>2891537</v>
      </c>
      <c r="B7119" t="s">
        <v>0</v>
      </c>
      <c r="C7119" t="s">
        <v>6781</v>
      </c>
      <c r="D7119" t="s">
        <v>6825</v>
      </c>
    </row>
    <row r="7120" spans="1:4" x14ac:dyDescent="0.4">
      <c r="A7120">
        <v>2891511</v>
      </c>
      <c r="B7120" t="s">
        <v>0</v>
      </c>
      <c r="C7120" t="s">
        <v>6781</v>
      </c>
      <c r="D7120" t="s">
        <v>6826</v>
      </c>
    </row>
    <row r="7121" spans="1:4" x14ac:dyDescent="0.4">
      <c r="A7121">
        <v>2891506</v>
      </c>
      <c r="B7121" t="s">
        <v>0</v>
      </c>
      <c r="C7121" t="s">
        <v>6781</v>
      </c>
      <c r="D7121" t="s">
        <v>6827</v>
      </c>
    </row>
    <row r="7122" spans="1:4" x14ac:dyDescent="0.4">
      <c r="A7122">
        <v>2891505</v>
      </c>
      <c r="B7122" t="s">
        <v>0</v>
      </c>
      <c r="C7122" t="s">
        <v>6781</v>
      </c>
      <c r="D7122" t="s">
        <v>6828</v>
      </c>
    </row>
    <row r="7123" spans="1:4" x14ac:dyDescent="0.4">
      <c r="A7123">
        <v>2891531</v>
      </c>
      <c r="B7123" t="s">
        <v>0</v>
      </c>
      <c r="C7123" t="s">
        <v>6781</v>
      </c>
      <c r="D7123" t="s">
        <v>6829</v>
      </c>
    </row>
    <row r="7124" spans="1:4" x14ac:dyDescent="0.4">
      <c r="A7124">
        <v>2891523</v>
      </c>
      <c r="B7124" t="s">
        <v>0</v>
      </c>
      <c r="C7124" t="s">
        <v>6781</v>
      </c>
      <c r="D7124" t="s">
        <v>6830</v>
      </c>
    </row>
    <row r="7125" spans="1:4" x14ac:dyDescent="0.4">
      <c r="A7125">
        <v>2891504</v>
      </c>
      <c r="B7125" t="s">
        <v>0</v>
      </c>
      <c r="C7125" t="s">
        <v>6781</v>
      </c>
      <c r="D7125" t="s">
        <v>6831</v>
      </c>
    </row>
    <row r="7126" spans="1:4" x14ac:dyDescent="0.4">
      <c r="A7126">
        <v>2891513</v>
      </c>
      <c r="B7126" t="s">
        <v>0</v>
      </c>
      <c r="C7126" t="s">
        <v>6781</v>
      </c>
      <c r="D7126" t="s">
        <v>6832</v>
      </c>
    </row>
    <row r="7127" spans="1:4" x14ac:dyDescent="0.4">
      <c r="A7127">
        <v>2891517</v>
      </c>
      <c r="B7127" t="s">
        <v>0</v>
      </c>
      <c r="C7127" t="s">
        <v>6781</v>
      </c>
      <c r="D7127" t="s">
        <v>6833</v>
      </c>
    </row>
    <row r="7128" spans="1:4" x14ac:dyDescent="0.4">
      <c r="A7128">
        <v>2891534</v>
      </c>
      <c r="B7128" t="s">
        <v>0</v>
      </c>
      <c r="C7128" t="s">
        <v>6781</v>
      </c>
      <c r="D7128" t="s">
        <v>6834</v>
      </c>
    </row>
    <row r="7129" spans="1:4" x14ac:dyDescent="0.4">
      <c r="A7129">
        <v>2891536</v>
      </c>
      <c r="B7129" t="s">
        <v>0</v>
      </c>
      <c r="C7129" t="s">
        <v>6781</v>
      </c>
      <c r="D7129" t="s">
        <v>6835</v>
      </c>
    </row>
    <row r="7130" spans="1:4" x14ac:dyDescent="0.4">
      <c r="A7130">
        <v>2891522</v>
      </c>
      <c r="B7130" t="s">
        <v>0</v>
      </c>
      <c r="C7130" t="s">
        <v>6781</v>
      </c>
      <c r="D7130" t="s">
        <v>6836</v>
      </c>
    </row>
    <row r="7131" spans="1:4" x14ac:dyDescent="0.4">
      <c r="A7131">
        <v>2891532</v>
      </c>
      <c r="B7131" t="s">
        <v>0</v>
      </c>
      <c r="C7131" t="s">
        <v>6781</v>
      </c>
      <c r="D7131" t="s">
        <v>6837</v>
      </c>
    </row>
    <row r="7132" spans="1:4" x14ac:dyDescent="0.4">
      <c r="A7132">
        <v>2891516</v>
      </c>
      <c r="B7132" t="s">
        <v>0</v>
      </c>
      <c r="C7132" t="s">
        <v>6781</v>
      </c>
      <c r="D7132" t="s">
        <v>6838</v>
      </c>
    </row>
    <row r="7133" spans="1:4" x14ac:dyDescent="0.4">
      <c r="A7133">
        <v>2891512</v>
      </c>
      <c r="B7133" t="s">
        <v>0</v>
      </c>
      <c r="C7133" t="s">
        <v>6781</v>
      </c>
      <c r="D7133" t="s">
        <v>6839</v>
      </c>
    </row>
    <row r="7134" spans="1:4" x14ac:dyDescent="0.4">
      <c r="A7134">
        <v>2891502</v>
      </c>
      <c r="B7134" t="s">
        <v>0</v>
      </c>
      <c r="C7134" t="s">
        <v>6781</v>
      </c>
      <c r="D7134" t="s">
        <v>6840</v>
      </c>
    </row>
    <row r="7135" spans="1:4" x14ac:dyDescent="0.4">
      <c r="A7135">
        <v>2891533</v>
      </c>
      <c r="B7135" t="s">
        <v>0</v>
      </c>
      <c r="C7135" t="s">
        <v>6781</v>
      </c>
      <c r="D7135" t="s">
        <v>6841</v>
      </c>
    </row>
    <row r="7136" spans="1:4" x14ac:dyDescent="0.4">
      <c r="A7136">
        <v>2891515</v>
      </c>
      <c r="B7136" t="s">
        <v>0</v>
      </c>
      <c r="C7136" t="s">
        <v>6781</v>
      </c>
      <c r="D7136" t="s">
        <v>6842</v>
      </c>
    </row>
    <row r="7137" spans="1:4" x14ac:dyDescent="0.4">
      <c r="A7137">
        <v>2891514</v>
      </c>
      <c r="B7137" t="s">
        <v>0</v>
      </c>
      <c r="C7137" t="s">
        <v>6781</v>
      </c>
      <c r="D7137" t="s">
        <v>6843</v>
      </c>
    </row>
    <row r="7138" spans="1:4" x14ac:dyDescent="0.4">
      <c r="A7138">
        <v>2891526</v>
      </c>
      <c r="B7138" t="s">
        <v>0</v>
      </c>
      <c r="C7138" t="s">
        <v>6781</v>
      </c>
      <c r="D7138" t="s">
        <v>6844</v>
      </c>
    </row>
    <row r="7139" spans="1:4" x14ac:dyDescent="0.4">
      <c r="A7139">
        <v>2891521</v>
      </c>
      <c r="B7139" t="s">
        <v>0</v>
      </c>
      <c r="C7139" t="s">
        <v>6781</v>
      </c>
      <c r="D7139" t="s">
        <v>6845</v>
      </c>
    </row>
    <row r="7140" spans="1:4" x14ac:dyDescent="0.4">
      <c r="A7140">
        <v>2891525</v>
      </c>
      <c r="B7140" t="s">
        <v>0</v>
      </c>
      <c r="C7140" t="s">
        <v>6781</v>
      </c>
      <c r="D7140" t="s">
        <v>6846</v>
      </c>
    </row>
    <row r="7141" spans="1:4" x14ac:dyDescent="0.4">
      <c r="A7141">
        <v>2891503</v>
      </c>
      <c r="B7141" t="s">
        <v>0</v>
      </c>
      <c r="C7141" t="s">
        <v>6781</v>
      </c>
      <c r="D7141" t="s">
        <v>6847</v>
      </c>
    </row>
    <row r="7142" spans="1:4" x14ac:dyDescent="0.4">
      <c r="A7142">
        <v>2891501</v>
      </c>
      <c r="B7142" t="s">
        <v>0</v>
      </c>
      <c r="C7142" t="s">
        <v>6781</v>
      </c>
      <c r="D7142" t="s">
        <v>6848</v>
      </c>
    </row>
    <row r="7143" spans="1:4" x14ac:dyDescent="0.4">
      <c r="A7143">
        <v>2891303</v>
      </c>
      <c r="B7143" t="s">
        <v>0</v>
      </c>
      <c r="C7143" t="s">
        <v>6781</v>
      </c>
      <c r="D7143" t="s">
        <v>3781</v>
      </c>
    </row>
    <row r="7144" spans="1:4" x14ac:dyDescent="0.4">
      <c r="A7144">
        <v>2891224</v>
      </c>
      <c r="B7144" t="s">
        <v>0</v>
      </c>
      <c r="C7144" t="s">
        <v>6781</v>
      </c>
      <c r="D7144" t="s">
        <v>6849</v>
      </c>
    </row>
    <row r="7145" spans="1:4" x14ac:dyDescent="0.4">
      <c r="A7145">
        <v>2891218</v>
      </c>
      <c r="B7145" t="s">
        <v>0</v>
      </c>
      <c r="C7145" t="s">
        <v>6781</v>
      </c>
      <c r="D7145" t="s">
        <v>6850</v>
      </c>
    </row>
    <row r="7146" spans="1:4" x14ac:dyDescent="0.4">
      <c r="A7146">
        <v>2891305</v>
      </c>
      <c r="B7146" t="s">
        <v>0</v>
      </c>
      <c r="C7146" t="s">
        <v>6781</v>
      </c>
      <c r="D7146" t="s">
        <v>6851</v>
      </c>
    </row>
    <row r="7147" spans="1:4" x14ac:dyDescent="0.4">
      <c r="A7147">
        <v>2891214</v>
      </c>
      <c r="B7147" t="s">
        <v>0</v>
      </c>
      <c r="C7147" t="s">
        <v>6781</v>
      </c>
      <c r="D7147" t="s">
        <v>2484</v>
      </c>
    </row>
    <row r="7148" spans="1:4" x14ac:dyDescent="0.4">
      <c r="A7148">
        <v>2891215</v>
      </c>
      <c r="B7148" t="s">
        <v>0</v>
      </c>
      <c r="C7148" t="s">
        <v>6781</v>
      </c>
      <c r="D7148" t="s">
        <v>6852</v>
      </c>
    </row>
    <row r="7149" spans="1:4" x14ac:dyDescent="0.4">
      <c r="A7149">
        <v>2891328</v>
      </c>
      <c r="B7149" t="s">
        <v>0</v>
      </c>
      <c r="C7149" t="s">
        <v>6781</v>
      </c>
      <c r="D7149" t="s">
        <v>6853</v>
      </c>
    </row>
    <row r="7150" spans="1:4" x14ac:dyDescent="0.4">
      <c r="A7150">
        <v>2891226</v>
      </c>
      <c r="B7150" t="s">
        <v>0</v>
      </c>
      <c r="C7150" t="s">
        <v>6781</v>
      </c>
      <c r="D7150" t="s">
        <v>1934</v>
      </c>
    </row>
    <row r="7151" spans="1:4" x14ac:dyDescent="0.4">
      <c r="A7151">
        <v>2891334</v>
      </c>
      <c r="B7151" t="s">
        <v>0</v>
      </c>
      <c r="C7151" t="s">
        <v>6781</v>
      </c>
      <c r="D7151" t="s">
        <v>2176</v>
      </c>
    </row>
    <row r="7152" spans="1:4" x14ac:dyDescent="0.4">
      <c r="A7152">
        <v>2980000</v>
      </c>
      <c r="B7152" t="s">
        <v>0</v>
      </c>
      <c r="C7152" t="s">
        <v>6854</v>
      </c>
    </row>
    <row r="7153" spans="1:4" x14ac:dyDescent="0.4">
      <c r="A7153">
        <v>2980126</v>
      </c>
      <c r="B7153" t="s">
        <v>0</v>
      </c>
      <c r="C7153" t="s">
        <v>6854</v>
      </c>
      <c r="D7153" t="s">
        <v>6855</v>
      </c>
    </row>
    <row r="7154" spans="1:4" x14ac:dyDescent="0.4">
      <c r="A7154">
        <v>2980011</v>
      </c>
      <c r="B7154" t="s">
        <v>0</v>
      </c>
      <c r="C7154" t="s">
        <v>6854</v>
      </c>
      <c r="D7154" t="s">
        <v>6856</v>
      </c>
    </row>
    <row r="7155" spans="1:4" x14ac:dyDescent="0.4">
      <c r="A7155">
        <v>2980013</v>
      </c>
      <c r="B7155" t="s">
        <v>0</v>
      </c>
      <c r="C7155" t="s">
        <v>6854</v>
      </c>
      <c r="D7155" t="s">
        <v>678</v>
      </c>
    </row>
    <row r="7156" spans="1:4" x14ac:dyDescent="0.4">
      <c r="A7156">
        <v>2980113</v>
      </c>
      <c r="B7156" t="s">
        <v>0</v>
      </c>
      <c r="C7156" t="s">
        <v>6854</v>
      </c>
      <c r="D7156" t="s">
        <v>4375</v>
      </c>
    </row>
    <row r="7157" spans="1:4" x14ac:dyDescent="0.4">
      <c r="A7157">
        <v>2980004</v>
      </c>
      <c r="B7157" t="s">
        <v>0</v>
      </c>
      <c r="C7157" t="s">
        <v>6854</v>
      </c>
      <c r="D7157" t="s">
        <v>1827</v>
      </c>
    </row>
    <row r="7158" spans="1:4" x14ac:dyDescent="0.4">
      <c r="A7158">
        <v>2980014</v>
      </c>
      <c r="B7158" t="s">
        <v>0</v>
      </c>
      <c r="C7158" t="s">
        <v>6854</v>
      </c>
      <c r="D7158" t="s">
        <v>6857</v>
      </c>
    </row>
    <row r="7159" spans="1:4" x14ac:dyDescent="0.4">
      <c r="A7159">
        <v>2980029</v>
      </c>
      <c r="B7159" t="s">
        <v>0</v>
      </c>
      <c r="C7159" t="s">
        <v>6854</v>
      </c>
      <c r="D7159" t="s">
        <v>621</v>
      </c>
    </row>
    <row r="7160" spans="1:4" x14ac:dyDescent="0.4">
      <c r="A7160">
        <v>2980131</v>
      </c>
      <c r="B7160" t="s">
        <v>0</v>
      </c>
      <c r="C7160" t="s">
        <v>6854</v>
      </c>
      <c r="D7160" t="s">
        <v>6858</v>
      </c>
    </row>
    <row r="7161" spans="1:4" x14ac:dyDescent="0.4">
      <c r="A7161">
        <v>2980012</v>
      </c>
      <c r="B7161" t="s">
        <v>0</v>
      </c>
      <c r="C7161" t="s">
        <v>6854</v>
      </c>
      <c r="D7161" t="s">
        <v>4888</v>
      </c>
    </row>
    <row r="7162" spans="1:4" x14ac:dyDescent="0.4">
      <c r="A7162">
        <v>2980102</v>
      </c>
      <c r="B7162" t="s">
        <v>0</v>
      </c>
      <c r="C7162" t="s">
        <v>6854</v>
      </c>
      <c r="D7162" t="s">
        <v>6647</v>
      </c>
    </row>
    <row r="7163" spans="1:4" x14ac:dyDescent="0.4">
      <c r="A7163">
        <v>2980115</v>
      </c>
      <c r="B7163" t="s">
        <v>0</v>
      </c>
      <c r="C7163" t="s">
        <v>6854</v>
      </c>
      <c r="D7163" t="s">
        <v>6859</v>
      </c>
    </row>
    <row r="7164" spans="1:4" x14ac:dyDescent="0.4">
      <c r="A7164">
        <v>2980103</v>
      </c>
      <c r="B7164" t="s">
        <v>0</v>
      </c>
      <c r="C7164" t="s">
        <v>6854</v>
      </c>
      <c r="D7164" t="s">
        <v>6860</v>
      </c>
    </row>
    <row r="7165" spans="1:4" x14ac:dyDescent="0.4">
      <c r="A7165">
        <v>2980018</v>
      </c>
      <c r="B7165" t="s">
        <v>0</v>
      </c>
      <c r="C7165" t="s">
        <v>6854</v>
      </c>
      <c r="D7165" t="s">
        <v>6861</v>
      </c>
    </row>
    <row r="7166" spans="1:4" x14ac:dyDescent="0.4">
      <c r="A7166">
        <v>2980123</v>
      </c>
      <c r="B7166" t="s">
        <v>0</v>
      </c>
      <c r="C7166" t="s">
        <v>6854</v>
      </c>
      <c r="D7166" t="s">
        <v>6862</v>
      </c>
    </row>
    <row r="7167" spans="1:4" x14ac:dyDescent="0.4">
      <c r="A7167">
        <v>2980112</v>
      </c>
      <c r="B7167" t="s">
        <v>0</v>
      </c>
      <c r="C7167" t="s">
        <v>6854</v>
      </c>
      <c r="D7167" t="s">
        <v>6863</v>
      </c>
    </row>
    <row r="7168" spans="1:4" x14ac:dyDescent="0.4">
      <c r="A7168">
        <v>2980101</v>
      </c>
      <c r="B7168" t="s">
        <v>0</v>
      </c>
      <c r="C7168" t="s">
        <v>6854</v>
      </c>
      <c r="D7168" t="s">
        <v>6864</v>
      </c>
    </row>
    <row r="7169" spans="1:4" x14ac:dyDescent="0.4">
      <c r="A7169">
        <v>2980135</v>
      </c>
      <c r="B7169" t="s">
        <v>0</v>
      </c>
      <c r="C7169" t="s">
        <v>6854</v>
      </c>
      <c r="D7169" t="s">
        <v>6865</v>
      </c>
    </row>
    <row r="7170" spans="1:4" x14ac:dyDescent="0.4">
      <c r="A7170">
        <v>2980114</v>
      </c>
      <c r="B7170" t="s">
        <v>0</v>
      </c>
      <c r="C7170" t="s">
        <v>6854</v>
      </c>
      <c r="D7170" t="s">
        <v>6866</v>
      </c>
    </row>
    <row r="7171" spans="1:4" x14ac:dyDescent="0.4">
      <c r="A7171">
        <v>2980022</v>
      </c>
      <c r="B7171" t="s">
        <v>0</v>
      </c>
      <c r="C7171" t="s">
        <v>6854</v>
      </c>
      <c r="D7171" t="s">
        <v>6867</v>
      </c>
    </row>
    <row r="7172" spans="1:4" x14ac:dyDescent="0.4">
      <c r="A7172">
        <v>2980023</v>
      </c>
      <c r="B7172" t="s">
        <v>0</v>
      </c>
      <c r="C7172" t="s">
        <v>6854</v>
      </c>
      <c r="D7172" t="s">
        <v>6868</v>
      </c>
    </row>
    <row r="7173" spans="1:4" x14ac:dyDescent="0.4">
      <c r="A7173">
        <v>2980121</v>
      </c>
      <c r="B7173" t="s">
        <v>0</v>
      </c>
      <c r="C7173" t="s">
        <v>6854</v>
      </c>
      <c r="D7173" t="s">
        <v>6797</v>
      </c>
    </row>
    <row r="7174" spans="1:4" x14ac:dyDescent="0.4">
      <c r="A7174">
        <v>2980027</v>
      </c>
      <c r="B7174" t="s">
        <v>0</v>
      </c>
      <c r="C7174" t="s">
        <v>6854</v>
      </c>
      <c r="D7174" t="s">
        <v>6869</v>
      </c>
    </row>
    <row r="7175" spans="1:4" x14ac:dyDescent="0.4">
      <c r="A7175">
        <v>2980017</v>
      </c>
      <c r="B7175" t="s">
        <v>0</v>
      </c>
      <c r="C7175" t="s">
        <v>6854</v>
      </c>
      <c r="D7175" t="s">
        <v>6870</v>
      </c>
    </row>
    <row r="7176" spans="1:4" x14ac:dyDescent="0.4">
      <c r="A7176">
        <v>2980015</v>
      </c>
      <c r="B7176" t="s">
        <v>0</v>
      </c>
      <c r="C7176" t="s">
        <v>6854</v>
      </c>
      <c r="D7176" t="s">
        <v>6871</v>
      </c>
    </row>
    <row r="7177" spans="1:4" x14ac:dyDescent="0.4">
      <c r="A7177">
        <v>2980116</v>
      </c>
      <c r="B7177" t="s">
        <v>0</v>
      </c>
      <c r="C7177" t="s">
        <v>6854</v>
      </c>
      <c r="D7177" t="s">
        <v>6872</v>
      </c>
    </row>
    <row r="7178" spans="1:4" x14ac:dyDescent="0.4">
      <c r="A7178">
        <v>2980106</v>
      </c>
      <c r="B7178" t="s">
        <v>0</v>
      </c>
      <c r="C7178" t="s">
        <v>6854</v>
      </c>
      <c r="D7178" t="s">
        <v>6873</v>
      </c>
    </row>
    <row r="7179" spans="1:4" x14ac:dyDescent="0.4">
      <c r="A7179">
        <v>2980021</v>
      </c>
      <c r="B7179" t="s">
        <v>0</v>
      </c>
      <c r="C7179" t="s">
        <v>6854</v>
      </c>
      <c r="D7179" t="s">
        <v>1916</v>
      </c>
    </row>
    <row r="7180" spans="1:4" x14ac:dyDescent="0.4">
      <c r="A7180">
        <v>2980024</v>
      </c>
      <c r="B7180" t="s">
        <v>0</v>
      </c>
      <c r="C7180" t="s">
        <v>6854</v>
      </c>
      <c r="D7180" t="s">
        <v>6874</v>
      </c>
    </row>
    <row r="7181" spans="1:4" x14ac:dyDescent="0.4">
      <c r="A7181">
        <v>2980134</v>
      </c>
      <c r="B7181" t="s">
        <v>0</v>
      </c>
      <c r="C7181" t="s">
        <v>6854</v>
      </c>
      <c r="D7181" t="s">
        <v>6875</v>
      </c>
    </row>
    <row r="7182" spans="1:4" x14ac:dyDescent="0.4">
      <c r="A7182">
        <v>2980005</v>
      </c>
      <c r="B7182" t="s">
        <v>0</v>
      </c>
      <c r="C7182" t="s">
        <v>6854</v>
      </c>
      <c r="D7182" t="s">
        <v>178</v>
      </c>
    </row>
    <row r="7183" spans="1:4" x14ac:dyDescent="0.4">
      <c r="A7183">
        <v>2980026</v>
      </c>
      <c r="B7183" t="s">
        <v>0</v>
      </c>
      <c r="C7183" t="s">
        <v>6854</v>
      </c>
      <c r="D7183" t="s">
        <v>6876</v>
      </c>
    </row>
    <row r="7184" spans="1:4" x14ac:dyDescent="0.4">
      <c r="A7184">
        <v>2980016</v>
      </c>
      <c r="B7184" t="s">
        <v>0</v>
      </c>
      <c r="C7184" t="s">
        <v>6854</v>
      </c>
      <c r="D7184" t="s">
        <v>6877</v>
      </c>
    </row>
    <row r="7185" spans="1:4" x14ac:dyDescent="0.4">
      <c r="A7185">
        <v>2980105</v>
      </c>
      <c r="B7185" t="s">
        <v>0</v>
      </c>
      <c r="C7185" t="s">
        <v>6854</v>
      </c>
      <c r="D7185" t="s">
        <v>6878</v>
      </c>
    </row>
    <row r="7186" spans="1:4" x14ac:dyDescent="0.4">
      <c r="A7186">
        <v>2980002</v>
      </c>
      <c r="B7186" t="s">
        <v>0</v>
      </c>
      <c r="C7186" t="s">
        <v>6854</v>
      </c>
      <c r="D7186" t="s">
        <v>6879</v>
      </c>
    </row>
    <row r="7187" spans="1:4" x14ac:dyDescent="0.4">
      <c r="A7187">
        <v>2980133</v>
      </c>
      <c r="B7187" t="s">
        <v>0</v>
      </c>
      <c r="C7187" t="s">
        <v>6854</v>
      </c>
      <c r="D7187" t="s">
        <v>3953</v>
      </c>
    </row>
    <row r="7188" spans="1:4" x14ac:dyDescent="0.4">
      <c r="A7188">
        <v>2980003</v>
      </c>
      <c r="B7188" t="s">
        <v>0</v>
      </c>
      <c r="C7188" t="s">
        <v>6854</v>
      </c>
      <c r="D7188" t="s">
        <v>6880</v>
      </c>
    </row>
    <row r="7189" spans="1:4" x14ac:dyDescent="0.4">
      <c r="A7189">
        <v>2980125</v>
      </c>
      <c r="B7189" t="s">
        <v>0</v>
      </c>
      <c r="C7189" t="s">
        <v>6854</v>
      </c>
      <c r="D7189" t="s">
        <v>6881</v>
      </c>
    </row>
    <row r="7190" spans="1:4" x14ac:dyDescent="0.4">
      <c r="A7190">
        <v>2980028</v>
      </c>
      <c r="B7190" t="s">
        <v>0</v>
      </c>
      <c r="C7190" t="s">
        <v>6854</v>
      </c>
      <c r="D7190" t="s">
        <v>6882</v>
      </c>
    </row>
    <row r="7191" spans="1:4" x14ac:dyDescent="0.4">
      <c r="A7191">
        <v>2980117</v>
      </c>
      <c r="B7191" t="s">
        <v>0</v>
      </c>
      <c r="C7191" t="s">
        <v>6854</v>
      </c>
      <c r="D7191" t="s">
        <v>6767</v>
      </c>
    </row>
    <row r="7192" spans="1:4" x14ac:dyDescent="0.4">
      <c r="A7192">
        <v>2980104</v>
      </c>
      <c r="B7192" t="s">
        <v>0</v>
      </c>
      <c r="C7192" t="s">
        <v>6854</v>
      </c>
      <c r="D7192" t="s">
        <v>6883</v>
      </c>
    </row>
    <row r="7193" spans="1:4" x14ac:dyDescent="0.4">
      <c r="A7193">
        <v>2980111</v>
      </c>
      <c r="B7193" t="s">
        <v>0</v>
      </c>
      <c r="C7193" t="s">
        <v>6854</v>
      </c>
      <c r="D7193" t="s">
        <v>6884</v>
      </c>
    </row>
    <row r="7194" spans="1:4" x14ac:dyDescent="0.4">
      <c r="A7194">
        <v>2994615</v>
      </c>
      <c r="B7194" t="s">
        <v>0</v>
      </c>
      <c r="C7194" t="s">
        <v>6854</v>
      </c>
      <c r="D7194" t="s">
        <v>6885</v>
      </c>
    </row>
    <row r="7195" spans="1:4" x14ac:dyDescent="0.4">
      <c r="A7195">
        <v>2994611</v>
      </c>
      <c r="B7195" t="s">
        <v>0</v>
      </c>
      <c r="C7195" t="s">
        <v>6854</v>
      </c>
      <c r="D7195" t="s">
        <v>6886</v>
      </c>
    </row>
    <row r="7196" spans="1:4" x14ac:dyDescent="0.4">
      <c r="A7196">
        <v>2994503</v>
      </c>
      <c r="B7196" t="s">
        <v>0</v>
      </c>
      <c r="C7196" t="s">
        <v>6854</v>
      </c>
      <c r="D7196" t="s">
        <v>6887</v>
      </c>
    </row>
    <row r="7197" spans="1:4" x14ac:dyDescent="0.4">
      <c r="A7197">
        <v>2994506</v>
      </c>
      <c r="B7197" t="s">
        <v>0</v>
      </c>
      <c r="C7197" t="s">
        <v>6854</v>
      </c>
      <c r="D7197" t="s">
        <v>6888</v>
      </c>
    </row>
    <row r="7198" spans="1:4" x14ac:dyDescent="0.4">
      <c r="A7198">
        <v>2994505</v>
      </c>
      <c r="B7198" t="s">
        <v>0</v>
      </c>
      <c r="C7198" t="s">
        <v>6854</v>
      </c>
      <c r="D7198" t="s">
        <v>6889</v>
      </c>
    </row>
    <row r="7199" spans="1:4" x14ac:dyDescent="0.4">
      <c r="A7199">
        <v>2994508</v>
      </c>
      <c r="B7199" t="s">
        <v>0</v>
      </c>
      <c r="C7199" t="s">
        <v>6854</v>
      </c>
      <c r="D7199" t="s">
        <v>6890</v>
      </c>
    </row>
    <row r="7200" spans="1:4" x14ac:dyDescent="0.4">
      <c r="A7200">
        <v>2994612</v>
      </c>
      <c r="B7200" t="s">
        <v>0</v>
      </c>
      <c r="C7200" t="s">
        <v>6854</v>
      </c>
      <c r="D7200" t="s">
        <v>6891</v>
      </c>
    </row>
    <row r="7201" spans="1:4" x14ac:dyDescent="0.4">
      <c r="A7201">
        <v>2994622</v>
      </c>
      <c r="B7201" t="s">
        <v>0</v>
      </c>
      <c r="C7201" t="s">
        <v>6854</v>
      </c>
      <c r="D7201" t="s">
        <v>6892</v>
      </c>
    </row>
    <row r="7202" spans="1:4" x14ac:dyDescent="0.4">
      <c r="A7202">
        <v>2994624</v>
      </c>
      <c r="B7202" t="s">
        <v>0</v>
      </c>
      <c r="C7202" t="s">
        <v>6854</v>
      </c>
      <c r="D7202" t="s">
        <v>6893</v>
      </c>
    </row>
    <row r="7203" spans="1:4" x14ac:dyDescent="0.4">
      <c r="A7203">
        <v>2994625</v>
      </c>
      <c r="B7203" t="s">
        <v>0</v>
      </c>
      <c r="C7203" t="s">
        <v>6854</v>
      </c>
      <c r="D7203" t="s">
        <v>6894</v>
      </c>
    </row>
    <row r="7204" spans="1:4" x14ac:dyDescent="0.4">
      <c r="A7204">
        <v>2994504</v>
      </c>
      <c r="B7204" t="s">
        <v>0</v>
      </c>
      <c r="C7204" t="s">
        <v>6854</v>
      </c>
      <c r="D7204" t="s">
        <v>6895</v>
      </c>
    </row>
    <row r="7205" spans="1:4" x14ac:dyDescent="0.4">
      <c r="A7205">
        <v>2994501</v>
      </c>
      <c r="B7205" t="s">
        <v>0</v>
      </c>
      <c r="C7205" t="s">
        <v>6854</v>
      </c>
      <c r="D7205" t="s">
        <v>6896</v>
      </c>
    </row>
    <row r="7206" spans="1:4" x14ac:dyDescent="0.4">
      <c r="A7206">
        <v>2994616</v>
      </c>
      <c r="B7206" t="s">
        <v>0</v>
      </c>
      <c r="C7206" t="s">
        <v>6854</v>
      </c>
      <c r="D7206" t="s">
        <v>6897</v>
      </c>
    </row>
    <row r="7207" spans="1:4" x14ac:dyDescent="0.4">
      <c r="A7207">
        <v>2994623</v>
      </c>
      <c r="B7207" t="s">
        <v>0</v>
      </c>
      <c r="C7207" t="s">
        <v>6854</v>
      </c>
      <c r="D7207" t="s">
        <v>6898</v>
      </c>
    </row>
    <row r="7208" spans="1:4" x14ac:dyDescent="0.4">
      <c r="A7208">
        <v>2994502</v>
      </c>
      <c r="B7208" t="s">
        <v>0</v>
      </c>
      <c r="C7208" t="s">
        <v>6854</v>
      </c>
      <c r="D7208" t="s">
        <v>6899</v>
      </c>
    </row>
    <row r="7209" spans="1:4" x14ac:dyDescent="0.4">
      <c r="A7209">
        <v>2994614</v>
      </c>
      <c r="B7209" t="s">
        <v>0</v>
      </c>
      <c r="C7209" t="s">
        <v>6854</v>
      </c>
      <c r="D7209" t="s">
        <v>6900</v>
      </c>
    </row>
    <row r="7210" spans="1:4" x14ac:dyDescent="0.4">
      <c r="A7210">
        <v>2994621</v>
      </c>
      <c r="B7210" t="s">
        <v>0</v>
      </c>
      <c r="C7210" t="s">
        <v>6854</v>
      </c>
      <c r="D7210" t="s">
        <v>6901</v>
      </c>
    </row>
    <row r="7211" spans="1:4" x14ac:dyDescent="0.4">
      <c r="A7211">
        <v>2994613</v>
      </c>
      <c r="B7211" t="s">
        <v>0</v>
      </c>
      <c r="C7211" t="s">
        <v>6854</v>
      </c>
      <c r="D7211" t="s">
        <v>6902</v>
      </c>
    </row>
    <row r="7212" spans="1:4" x14ac:dyDescent="0.4">
      <c r="A7212">
        <v>2994507</v>
      </c>
      <c r="B7212" t="s">
        <v>0</v>
      </c>
      <c r="C7212" t="s">
        <v>6854</v>
      </c>
      <c r="D7212" t="s">
        <v>6903</v>
      </c>
    </row>
    <row r="7213" spans="1:4" x14ac:dyDescent="0.4">
      <c r="A7213">
        <v>2980132</v>
      </c>
      <c r="B7213" t="s">
        <v>0</v>
      </c>
      <c r="C7213" t="s">
        <v>6854</v>
      </c>
      <c r="D7213" t="s">
        <v>6904</v>
      </c>
    </row>
    <row r="7214" spans="1:4" x14ac:dyDescent="0.4">
      <c r="A7214">
        <v>2980124</v>
      </c>
      <c r="B7214" t="s">
        <v>0</v>
      </c>
      <c r="C7214" t="s">
        <v>6854</v>
      </c>
      <c r="D7214" t="s">
        <v>6905</v>
      </c>
    </row>
    <row r="7215" spans="1:4" x14ac:dyDescent="0.4">
      <c r="A7215">
        <v>2980025</v>
      </c>
      <c r="B7215" t="s">
        <v>0</v>
      </c>
      <c r="C7215" t="s">
        <v>6854</v>
      </c>
      <c r="D7215" t="s">
        <v>3729</v>
      </c>
    </row>
    <row r="7216" spans="1:4" x14ac:dyDescent="0.4">
      <c r="A7216">
        <v>2980122</v>
      </c>
      <c r="B7216" t="s">
        <v>0</v>
      </c>
      <c r="C7216" t="s">
        <v>6854</v>
      </c>
      <c r="D7216" t="s">
        <v>6906</v>
      </c>
    </row>
    <row r="7217" spans="1:4" x14ac:dyDescent="0.4">
      <c r="A7217">
        <v>2980001</v>
      </c>
      <c r="B7217" t="s">
        <v>0</v>
      </c>
      <c r="C7217" t="s">
        <v>6854</v>
      </c>
      <c r="D7217" t="s">
        <v>6449</v>
      </c>
    </row>
    <row r="7218" spans="1:4" x14ac:dyDescent="0.4">
      <c r="A7218">
        <v>2850900</v>
      </c>
      <c r="B7218" t="s">
        <v>0</v>
      </c>
      <c r="C7218" t="s">
        <v>6907</v>
      </c>
    </row>
    <row r="7219" spans="1:4" x14ac:dyDescent="0.4">
      <c r="A7219">
        <v>2850912</v>
      </c>
      <c r="B7219" t="s">
        <v>0</v>
      </c>
      <c r="C7219" t="s">
        <v>6907</v>
      </c>
      <c r="D7219" t="s">
        <v>6267</v>
      </c>
    </row>
    <row r="7220" spans="1:4" x14ac:dyDescent="0.4">
      <c r="A7220">
        <v>2850902</v>
      </c>
      <c r="B7220" t="s">
        <v>0</v>
      </c>
      <c r="C7220" t="s">
        <v>6907</v>
      </c>
      <c r="D7220" t="s">
        <v>6908</v>
      </c>
    </row>
    <row r="7221" spans="1:4" x14ac:dyDescent="0.4">
      <c r="A7221">
        <v>2850904</v>
      </c>
      <c r="B7221" t="s">
        <v>0</v>
      </c>
      <c r="C7221" t="s">
        <v>6907</v>
      </c>
      <c r="D7221" t="s">
        <v>6909</v>
      </c>
    </row>
    <row r="7222" spans="1:4" x14ac:dyDescent="0.4">
      <c r="A7222">
        <v>2850903</v>
      </c>
      <c r="B7222" t="s">
        <v>0</v>
      </c>
      <c r="C7222" t="s">
        <v>6907</v>
      </c>
      <c r="D7222" t="s">
        <v>6910</v>
      </c>
    </row>
    <row r="7223" spans="1:4" x14ac:dyDescent="0.4">
      <c r="A7223">
        <v>2850911</v>
      </c>
      <c r="B7223" t="s">
        <v>0</v>
      </c>
      <c r="C7223" t="s">
        <v>6907</v>
      </c>
      <c r="D7223" t="s">
        <v>6911</v>
      </c>
    </row>
    <row r="7224" spans="1:4" x14ac:dyDescent="0.4">
      <c r="A7224">
        <v>2850906</v>
      </c>
      <c r="B7224" t="s">
        <v>0</v>
      </c>
      <c r="C7224" t="s">
        <v>6907</v>
      </c>
      <c r="D7224" t="s">
        <v>6912</v>
      </c>
    </row>
    <row r="7225" spans="1:4" x14ac:dyDescent="0.4">
      <c r="A7225">
        <v>2850905</v>
      </c>
      <c r="B7225" t="s">
        <v>0</v>
      </c>
      <c r="C7225" t="s">
        <v>6907</v>
      </c>
      <c r="D7225" t="s">
        <v>6913</v>
      </c>
    </row>
    <row r="7226" spans="1:4" x14ac:dyDescent="0.4">
      <c r="A7226">
        <v>2850925</v>
      </c>
      <c r="B7226" t="s">
        <v>0</v>
      </c>
      <c r="C7226" t="s">
        <v>6907</v>
      </c>
      <c r="D7226" t="s">
        <v>6914</v>
      </c>
    </row>
    <row r="7227" spans="1:4" x14ac:dyDescent="0.4">
      <c r="A7227">
        <v>2850927</v>
      </c>
      <c r="B7227" t="s">
        <v>0</v>
      </c>
      <c r="C7227" t="s">
        <v>6907</v>
      </c>
      <c r="D7227" t="s">
        <v>6915</v>
      </c>
    </row>
    <row r="7228" spans="1:4" x14ac:dyDescent="0.4">
      <c r="A7228">
        <v>2850901</v>
      </c>
      <c r="B7228" t="s">
        <v>0</v>
      </c>
      <c r="C7228" t="s">
        <v>6907</v>
      </c>
      <c r="D7228" t="s">
        <v>6916</v>
      </c>
    </row>
    <row r="7229" spans="1:4" x14ac:dyDescent="0.4">
      <c r="A7229">
        <v>2850907</v>
      </c>
      <c r="B7229" t="s">
        <v>0</v>
      </c>
      <c r="C7229" t="s">
        <v>6907</v>
      </c>
      <c r="D7229" t="s">
        <v>6917</v>
      </c>
    </row>
    <row r="7230" spans="1:4" x14ac:dyDescent="0.4">
      <c r="A7230">
        <v>2850924</v>
      </c>
      <c r="B7230" t="s">
        <v>0</v>
      </c>
      <c r="C7230" t="s">
        <v>6907</v>
      </c>
      <c r="D7230" t="s">
        <v>6918</v>
      </c>
    </row>
    <row r="7231" spans="1:4" x14ac:dyDescent="0.4">
      <c r="A7231">
        <v>2850913</v>
      </c>
      <c r="B7231" t="s">
        <v>0</v>
      </c>
      <c r="C7231" t="s">
        <v>6907</v>
      </c>
      <c r="D7231" t="s">
        <v>6919</v>
      </c>
    </row>
    <row r="7232" spans="1:4" x14ac:dyDescent="0.4">
      <c r="A7232">
        <v>2850922</v>
      </c>
      <c r="B7232" t="s">
        <v>0</v>
      </c>
      <c r="C7232" t="s">
        <v>6907</v>
      </c>
      <c r="D7232" t="s">
        <v>6920</v>
      </c>
    </row>
    <row r="7233" spans="1:4" x14ac:dyDescent="0.4">
      <c r="A7233">
        <v>2850921</v>
      </c>
      <c r="B7233" t="s">
        <v>0</v>
      </c>
      <c r="C7233" t="s">
        <v>6907</v>
      </c>
      <c r="D7233" t="s">
        <v>1411</v>
      </c>
    </row>
    <row r="7234" spans="1:4" x14ac:dyDescent="0.4">
      <c r="A7234">
        <v>2850923</v>
      </c>
      <c r="B7234" t="s">
        <v>0</v>
      </c>
      <c r="C7234" t="s">
        <v>6907</v>
      </c>
      <c r="D7234" t="s">
        <v>6921</v>
      </c>
    </row>
    <row r="7235" spans="1:4" x14ac:dyDescent="0.4">
      <c r="A7235">
        <v>2850928</v>
      </c>
      <c r="B7235" t="s">
        <v>0</v>
      </c>
      <c r="C7235" t="s">
        <v>6907</v>
      </c>
      <c r="D7235" t="s">
        <v>6922</v>
      </c>
    </row>
    <row r="7236" spans="1:4" x14ac:dyDescent="0.4">
      <c r="A7236">
        <v>2850914</v>
      </c>
      <c r="B7236" t="s">
        <v>0</v>
      </c>
      <c r="C7236" t="s">
        <v>6907</v>
      </c>
      <c r="D7236" t="s">
        <v>3588</v>
      </c>
    </row>
    <row r="7237" spans="1:4" x14ac:dyDescent="0.4">
      <c r="A7237">
        <v>2850926</v>
      </c>
      <c r="B7237" t="s">
        <v>0</v>
      </c>
      <c r="C7237" t="s">
        <v>6907</v>
      </c>
      <c r="D7237" t="s">
        <v>6923</v>
      </c>
    </row>
    <row r="7238" spans="1:4" x14ac:dyDescent="0.4">
      <c r="A7238">
        <v>2701600</v>
      </c>
      <c r="B7238" t="s">
        <v>0</v>
      </c>
      <c r="C7238" t="s">
        <v>6924</v>
      </c>
    </row>
    <row r="7239" spans="1:4" x14ac:dyDescent="0.4">
      <c r="A7239">
        <v>2701616</v>
      </c>
      <c r="B7239" t="s">
        <v>0</v>
      </c>
      <c r="C7239" t="s">
        <v>6924</v>
      </c>
      <c r="D7239" t="s">
        <v>2280</v>
      </c>
    </row>
    <row r="7240" spans="1:4" x14ac:dyDescent="0.4">
      <c r="A7240">
        <v>2701612</v>
      </c>
      <c r="B7240" t="s">
        <v>0</v>
      </c>
      <c r="C7240" t="s">
        <v>6924</v>
      </c>
      <c r="D7240" t="s">
        <v>6925</v>
      </c>
    </row>
    <row r="7241" spans="1:4" x14ac:dyDescent="0.4">
      <c r="A7241">
        <v>2701613</v>
      </c>
      <c r="B7241" t="s">
        <v>0</v>
      </c>
      <c r="C7241" t="s">
        <v>6924</v>
      </c>
      <c r="D7241" t="s">
        <v>6926</v>
      </c>
    </row>
    <row r="7242" spans="1:4" x14ac:dyDescent="0.4">
      <c r="A7242">
        <v>2701614</v>
      </c>
      <c r="B7242" t="s">
        <v>0</v>
      </c>
      <c r="C7242" t="s">
        <v>6924</v>
      </c>
      <c r="D7242" t="s">
        <v>2503</v>
      </c>
    </row>
    <row r="7243" spans="1:4" x14ac:dyDescent="0.4">
      <c r="A7243">
        <v>2701611</v>
      </c>
      <c r="B7243" t="s">
        <v>0</v>
      </c>
      <c r="C7243" t="s">
        <v>6924</v>
      </c>
      <c r="D7243" t="s">
        <v>6927</v>
      </c>
    </row>
    <row r="7244" spans="1:4" x14ac:dyDescent="0.4">
      <c r="A7244">
        <v>2701601</v>
      </c>
      <c r="B7244" t="s">
        <v>0</v>
      </c>
      <c r="C7244" t="s">
        <v>6924</v>
      </c>
      <c r="D7244" t="s">
        <v>6928</v>
      </c>
    </row>
    <row r="7245" spans="1:4" x14ac:dyDescent="0.4">
      <c r="A7245">
        <v>2701605</v>
      </c>
      <c r="B7245" t="s">
        <v>0</v>
      </c>
      <c r="C7245" t="s">
        <v>6924</v>
      </c>
      <c r="D7245" t="s">
        <v>3581</v>
      </c>
    </row>
    <row r="7246" spans="1:4" x14ac:dyDescent="0.4">
      <c r="A7246">
        <v>2701606</v>
      </c>
      <c r="B7246" t="s">
        <v>0</v>
      </c>
      <c r="C7246" t="s">
        <v>6924</v>
      </c>
      <c r="D7246" t="s">
        <v>6929</v>
      </c>
    </row>
    <row r="7247" spans="1:4" x14ac:dyDescent="0.4">
      <c r="A7247">
        <v>2701608</v>
      </c>
      <c r="B7247" t="s">
        <v>0</v>
      </c>
      <c r="C7247" t="s">
        <v>6924</v>
      </c>
      <c r="D7247" t="s">
        <v>6930</v>
      </c>
    </row>
    <row r="7248" spans="1:4" x14ac:dyDescent="0.4">
      <c r="A7248">
        <v>2701602</v>
      </c>
      <c r="B7248" t="s">
        <v>0</v>
      </c>
      <c r="C7248" t="s">
        <v>6924</v>
      </c>
      <c r="D7248" t="s">
        <v>6931</v>
      </c>
    </row>
    <row r="7249" spans="1:4" x14ac:dyDescent="0.4">
      <c r="A7249">
        <v>2701607</v>
      </c>
      <c r="B7249" t="s">
        <v>0</v>
      </c>
      <c r="C7249" t="s">
        <v>6924</v>
      </c>
      <c r="D7249" t="s">
        <v>6932</v>
      </c>
    </row>
    <row r="7250" spans="1:4" x14ac:dyDescent="0.4">
      <c r="A7250">
        <v>2701615</v>
      </c>
      <c r="B7250" t="s">
        <v>0</v>
      </c>
      <c r="C7250" t="s">
        <v>6924</v>
      </c>
      <c r="D7250" t="s">
        <v>6933</v>
      </c>
    </row>
    <row r="7251" spans="1:4" x14ac:dyDescent="0.4">
      <c r="A7251">
        <v>2701604</v>
      </c>
      <c r="B7251" t="s">
        <v>0</v>
      </c>
      <c r="C7251" t="s">
        <v>6924</v>
      </c>
      <c r="D7251" t="s">
        <v>3729</v>
      </c>
    </row>
    <row r="7252" spans="1:4" x14ac:dyDescent="0.4">
      <c r="A7252">
        <v>2701603</v>
      </c>
      <c r="B7252" t="s">
        <v>0</v>
      </c>
      <c r="C7252" t="s">
        <v>6924</v>
      </c>
      <c r="D7252" t="s">
        <v>6934</v>
      </c>
    </row>
    <row r="7253" spans="1:4" x14ac:dyDescent="0.4">
      <c r="A7253">
        <v>2701617</v>
      </c>
      <c r="B7253" t="s">
        <v>0</v>
      </c>
      <c r="C7253" t="s">
        <v>6924</v>
      </c>
      <c r="D7253" t="s">
        <v>6486</v>
      </c>
    </row>
    <row r="7254" spans="1:4" x14ac:dyDescent="0.4">
      <c r="A7254">
        <v>2701609</v>
      </c>
      <c r="B7254" t="s">
        <v>0</v>
      </c>
      <c r="C7254" t="s">
        <v>6924</v>
      </c>
      <c r="D7254" t="s">
        <v>6935</v>
      </c>
    </row>
    <row r="7255" spans="1:4" x14ac:dyDescent="0.4">
      <c r="A7255">
        <v>2702300</v>
      </c>
      <c r="B7255" t="s">
        <v>0</v>
      </c>
      <c r="C7255" t="s">
        <v>6936</v>
      </c>
    </row>
    <row r="7256" spans="1:4" x14ac:dyDescent="0.4">
      <c r="A7256">
        <v>2702302</v>
      </c>
      <c r="B7256" t="s">
        <v>0</v>
      </c>
      <c r="C7256" t="s">
        <v>6936</v>
      </c>
      <c r="D7256" t="s">
        <v>6937</v>
      </c>
    </row>
    <row r="7257" spans="1:4" x14ac:dyDescent="0.4">
      <c r="A7257">
        <v>2702323</v>
      </c>
      <c r="B7257" t="s">
        <v>0</v>
      </c>
      <c r="C7257" t="s">
        <v>6936</v>
      </c>
      <c r="D7257" t="s">
        <v>6938</v>
      </c>
    </row>
    <row r="7258" spans="1:4" x14ac:dyDescent="0.4">
      <c r="A7258">
        <v>2702318</v>
      </c>
      <c r="B7258" t="s">
        <v>0</v>
      </c>
      <c r="C7258" t="s">
        <v>6936</v>
      </c>
      <c r="D7258" t="s">
        <v>6939</v>
      </c>
    </row>
    <row r="7259" spans="1:4" x14ac:dyDescent="0.4">
      <c r="A7259">
        <v>2702322</v>
      </c>
      <c r="B7259" t="s">
        <v>0</v>
      </c>
      <c r="C7259" t="s">
        <v>6936</v>
      </c>
      <c r="D7259" t="s">
        <v>6940</v>
      </c>
    </row>
    <row r="7260" spans="1:4" x14ac:dyDescent="0.4">
      <c r="A7260">
        <v>2702319</v>
      </c>
      <c r="B7260" t="s">
        <v>0</v>
      </c>
      <c r="C7260" t="s">
        <v>6936</v>
      </c>
      <c r="D7260" t="s">
        <v>6652</v>
      </c>
    </row>
    <row r="7261" spans="1:4" x14ac:dyDescent="0.4">
      <c r="A7261">
        <v>2702316</v>
      </c>
      <c r="B7261" t="s">
        <v>0</v>
      </c>
      <c r="C7261" t="s">
        <v>6936</v>
      </c>
      <c r="D7261" t="s">
        <v>6941</v>
      </c>
    </row>
    <row r="7262" spans="1:4" x14ac:dyDescent="0.4">
      <c r="A7262">
        <v>2702326</v>
      </c>
      <c r="B7262" t="s">
        <v>0</v>
      </c>
      <c r="C7262" t="s">
        <v>6936</v>
      </c>
      <c r="D7262" t="s">
        <v>6942</v>
      </c>
    </row>
    <row r="7263" spans="1:4" x14ac:dyDescent="0.4">
      <c r="A7263">
        <v>2702308</v>
      </c>
      <c r="B7263" t="s">
        <v>0</v>
      </c>
      <c r="C7263" t="s">
        <v>6936</v>
      </c>
      <c r="D7263" t="s">
        <v>1982</v>
      </c>
    </row>
    <row r="7264" spans="1:4" x14ac:dyDescent="0.4">
      <c r="A7264">
        <v>2702303</v>
      </c>
      <c r="B7264" t="s">
        <v>0</v>
      </c>
      <c r="C7264" t="s">
        <v>6936</v>
      </c>
      <c r="D7264" t="s">
        <v>6943</v>
      </c>
    </row>
    <row r="7265" spans="1:4" x14ac:dyDescent="0.4">
      <c r="A7265">
        <v>2702305</v>
      </c>
      <c r="B7265" t="s">
        <v>0</v>
      </c>
      <c r="C7265" t="s">
        <v>6936</v>
      </c>
      <c r="D7265" t="s">
        <v>6944</v>
      </c>
    </row>
    <row r="7266" spans="1:4" x14ac:dyDescent="0.4">
      <c r="A7266">
        <v>2702313</v>
      </c>
      <c r="B7266" t="s">
        <v>0</v>
      </c>
      <c r="C7266" t="s">
        <v>6936</v>
      </c>
      <c r="D7266" t="s">
        <v>6945</v>
      </c>
    </row>
    <row r="7267" spans="1:4" x14ac:dyDescent="0.4">
      <c r="A7267">
        <v>2702317</v>
      </c>
      <c r="B7267" t="s">
        <v>0</v>
      </c>
      <c r="C7267" t="s">
        <v>6936</v>
      </c>
      <c r="D7267" t="s">
        <v>6946</v>
      </c>
    </row>
    <row r="7268" spans="1:4" x14ac:dyDescent="0.4">
      <c r="A7268">
        <v>2702301</v>
      </c>
      <c r="B7268" t="s">
        <v>0</v>
      </c>
      <c r="C7268" t="s">
        <v>6936</v>
      </c>
      <c r="D7268" t="s">
        <v>6947</v>
      </c>
    </row>
    <row r="7269" spans="1:4" x14ac:dyDescent="0.4">
      <c r="A7269">
        <v>2702304</v>
      </c>
      <c r="B7269" t="s">
        <v>0</v>
      </c>
      <c r="C7269" t="s">
        <v>6936</v>
      </c>
      <c r="D7269" t="s">
        <v>6948</v>
      </c>
    </row>
    <row r="7270" spans="1:4" x14ac:dyDescent="0.4">
      <c r="A7270">
        <v>2702328</v>
      </c>
      <c r="B7270" t="s">
        <v>0</v>
      </c>
      <c r="C7270" t="s">
        <v>6936</v>
      </c>
      <c r="D7270" t="s">
        <v>441</v>
      </c>
    </row>
    <row r="7271" spans="1:4" x14ac:dyDescent="0.4">
      <c r="A7271">
        <v>2702329</v>
      </c>
      <c r="B7271" t="s">
        <v>0</v>
      </c>
      <c r="C7271" t="s">
        <v>6936</v>
      </c>
      <c r="D7271" t="s">
        <v>6949</v>
      </c>
    </row>
    <row r="7272" spans="1:4" x14ac:dyDescent="0.4">
      <c r="A7272">
        <v>2702325</v>
      </c>
      <c r="B7272" t="s">
        <v>0</v>
      </c>
      <c r="C7272" t="s">
        <v>6936</v>
      </c>
      <c r="D7272" t="s">
        <v>5498</v>
      </c>
    </row>
    <row r="7273" spans="1:4" x14ac:dyDescent="0.4">
      <c r="A7273">
        <v>2702315</v>
      </c>
      <c r="B7273" t="s">
        <v>0</v>
      </c>
      <c r="C7273" t="s">
        <v>6936</v>
      </c>
      <c r="D7273" t="s">
        <v>2025</v>
      </c>
    </row>
    <row r="7274" spans="1:4" x14ac:dyDescent="0.4">
      <c r="A7274">
        <v>2702306</v>
      </c>
      <c r="B7274" t="s">
        <v>0</v>
      </c>
      <c r="C7274" t="s">
        <v>6936</v>
      </c>
      <c r="D7274" t="s">
        <v>6950</v>
      </c>
    </row>
    <row r="7275" spans="1:4" x14ac:dyDescent="0.4">
      <c r="A7275">
        <v>2702324</v>
      </c>
      <c r="B7275" t="s">
        <v>0</v>
      </c>
      <c r="C7275" t="s">
        <v>6936</v>
      </c>
      <c r="D7275" t="s">
        <v>279</v>
      </c>
    </row>
    <row r="7276" spans="1:4" x14ac:dyDescent="0.4">
      <c r="A7276">
        <v>2702312</v>
      </c>
      <c r="B7276" t="s">
        <v>0</v>
      </c>
      <c r="C7276" t="s">
        <v>6936</v>
      </c>
      <c r="D7276" t="s">
        <v>6951</v>
      </c>
    </row>
    <row r="7277" spans="1:4" x14ac:dyDescent="0.4">
      <c r="A7277">
        <v>2702311</v>
      </c>
      <c r="B7277" t="s">
        <v>0</v>
      </c>
      <c r="C7277" t="s">
        <v>6936</v>
      </c>
      <c r="D7277" t="s">
        <v>6928</v>
      </c>
    </row>
    <row r="7278" spans="1:4" x14ac:dyDescent="0.4">
      <c r="A7278">
        <v>2702307</v>
      </c>
      <c r="B7278" t="s">
        <v>0</v>
      </c>
      <c r="C7278" t="s">
        <v>6936</v>
      </c>
      <c r="D7278" t="s">
        <v>1608</v>
      </c>
    </row>
    <row r="7279" spans="1:4" x14ac:dyDescent="0.4">
      <c r="A7279">
        <v>2702314</v>
      </c>
      <c r="B7279" t="s">
        <v>0</v>
      </c>
      <c r="C7279" t="s">
        <v>6936</v>
      </c>
      <c r="D7279" t="s">
        <v>6931</v>
      </c>
    </row>
    <row r="7280" spans="1:4" x14ac:dyDescent="0.4">
      <c r="A7280">
        <v>2702331</v>
      </c>
      <c r="B7280" t="s">
        <v>0</v>
      </c>
      <c r="C7280" t="s">
        <v>6936</v>
      </c>
      <c r="D7280" t="s">
        <v>507</v>
      </c>
    </row>
    <row r="7281" spans="1:4" x14ac:dyDescent="0.4">
      <c r="A7281">
        <v>2702321</v>
      </c>
      <c r="B7281" t="s">
        <v>0</v>
      </c>
      <c r="C7281" t="s">
        <v>6936</v>
      </c>
      <c r="D7281" t="s">
        <v>6952</v>
      </c>
    </row>
    <row r="7282" spans="1:4" x14ac:dyDescent="0.4">
      <c r="A7282">
        <v>2702327</v>
      </c>
      <c r="B7282" t="s">
        <v>0</v>
      </c>
      <c r="C7282" t="s">
        <v>6936</v>
      </c>
      <c r="D7282" t="s">
        <v>6953</v>
      </c>
    </row>
    <row r="7283" spans="1:4" x14ac:dyDescent="0.4">
      <c r="A7283">
        <v>2701500</v>
      </c>
      <c r="B7283" t="s">
        <v>0</v>
      </c>
      <c r="C7283" t="s">
        <v>6954</v>
      </c>
    </row>
    <row r="7284" spans="1:4" x14ac:dyDescent="0.4">
      <c r="A7284">
        <v>2701516</v>
      </c>
      <c r="B7284" t="s">
        <v>0</v>
      </c>
      <c r="C7284" t="s">
        <v>6954</v>
      </c>
      <c r="D7284" t="s">
        <v>6955</v>
      </c>
    </row>
    <row r="7285" spans="1:4" x14ac:dyDescent="0.4">
      <c r="A7285">
        <v>2701515</v>
      </c>
      <c r="B7285" t="s">
        <v>0</v>
      </c>
      <c r="C7285" t="s">
        <v>6954</v>
      </c>
      <c r="D7285" t="s">
        <v>6956</v>
      </c>
    </row>
    <row r="7286" spans="1:4" x14ac:dyDescent="0.4">
      <c r="A7286">
        <v>2701517</v>
      </c>
      <c r="B7286" t="s">
        <v>0</v>
      </c>
      <c r="C7286" t="s">
        <v>6954</v>
      </c>
      <c r="D7286" t="s">
        <v>6957</v>
      </c>
    </row>
    <row r="7287" spans="1:4" x14ac:dyDescent="0.4">
      <c r="A7287">
        <v>2701504</v>
      </c>
      <c r="B7287" t="s">
        <v>0</v>
      </c>
      <c r="C7287" t="s">
        <v>6954</v>
      </c>
      <c r="D7287" t="s">
        <v>6958</v>
      </c>
    </row>
    <row r="7288" spans="1:4" x14ac:dyDescent="0.4">
      <c r="A7288">
        <v>2701543</v>
      </c>
      <c r="B7288" t="s">
        <v>0</v>
      </c>
      <c r="C7288" t="s">
        <v>6954</v>
      </c>
      <c r="D7288" t="s">
        <v>6959</v>
      </c>
    </row>
    <row r="7289" spans="1:4" x14ac:dyDescent="0.4">
      <c r="A7289">
        <v>2701526</v>
      </c>
      <c r="B7289" t="s">
        <v>0</v>
      </c>
      <c r="C7289" t="s">
        <v>6954</v>
      </c>
      <c r="D7289" t="s">
        <v>538</v>
      </c>
    </row>
    <row r="7290" spans="1:4" x14ac:dyDescent="0.4">
      <c r="A7290">
        <v>2701503</v>
      </c>
      <c r="B7290" t="s">
        <v>0</v>
      </c>
      <c r="C7290" t="s">
        <v>6954</v>
      </c>
      <c r="D7290" t="s">
        <v>540</v>
      </c>
    </row>
    <row r="7291" spans="1:4" x14ac:dyDescent="0.4">
      <c r="A7291">
        <v>2701527</v>
      </c>
      <c r="B7291" t="s">
        <v>0</v>
      </c>
      <c r="C7291" t="s">
        <v>6954</v>
      </c>
      <c r="D7291" t="s">
        <v>6939</v>
      </c>
    </row>
    <row r="7292" spans="1:4" x14ac:dyDescent="0.4">
      <c r="A7292">
        <v>2701545</v>
      </c>
      <c r="B7292" t="s">
        <v>0</v>
      </c>
      <c r="C7292" t="s">
        <v>6954</v>
      </c>
      <c r="D7292" t="s">
        <v>3561</v>
      </c>
    </row>
    <row r="7293" spans="1:4" x14ac:dyDescent="0.4">
      <c r="A7293">
        <v>2701511</v>
      </c>
      <c r="B7293" t="s">
        <v>0</v>
      </c>
      <c r="C7293" t="s">
        <v>6954</v>
      </c>
      <c r="D7293" t="s">
        <v>6960</v>
      </c>
    </row>
    <row r="7294" spans="1:4" x14ac:dyDescent="0.4">
      <c r="A7294">
        <v>2701513</v>
      </c>
      <c r="B7294" t="s">
        <v>0</v>
      </c>
      <c r="C7294" t="s">
        <v>6954</v>
      </c>
      <c r="D7294" t="s">
        <v>6961</v>
      </c>
    </row>
    <row r="7295" spans="1:4" x14ac:dyDescent="0.4">
      <c r="A7295">
        <v>2701514</v>
      </c>
      <c r="B7295" t="s">
        <v>0</v>
      </c>
      <c r="C7295" t="s">
        <v>6954</v>
      </c>
      <c r="D7295" t="s">
        <v>6962</v>
      </c>
    </row>
    <row r="7296" spans="1:4" x14ac:dyDescent="0.4">
      <c r="A7296">
        <v>2701525</v>
      </c>
      <c r="B7296" t="s">
        <v>0</v>
      </c>
      <c r="C7296" t="s">
        <v>6954</v>
      </c>
      <c r="D7296" t="s">
        <v>6963</v>
      </c>
    </row>
    <row r="7297" spans="1:4" x14ac:dyDescent="0.4">
      <c r="A7297">
        <v>2701512</v>
      </c>
      <c r="B7297" t="s">
        <v>0</v>
      </c>
      <c r="C7297" t="s">
        <v>6954</v>
      </c>
      <c r="D7297" t="s">
        <v>3114</v>
      </c>
    </row>
    <row r="7298" spans="1:4" x14ac:dyDescent="0.4">
      <c r="A7298">
        <v>2701531</v>
      </c>
      <c r="B7298" t="s">
        <v>0</v>
      </c>
      <c r="C7298" t="s">
        <v>6954</v>
      </c>
      <c r="D7298" t="s">
        <v>180</v>
      </c>
    </row>
    <row r="7299" spans="1:4" x14ac:dyDescent="0.4">
      <c r="A7299">
        <v>2701544</v>
      </c>
      <c r="B7299" t="s">
        <v>0</v>
      </c>
      <c r="C7299" t="s">
        <v>6954</v>
      </c>
      <c r="D7299" t="s">
        <v>561</v>
      </c>
    </row>
    <row r="7300" spans="1:4" x14ac:dyDescent="0.4">
      <c r="A7300">
        <v>2701524</v>
      </c>
      <c r="B7300" t="s">
        <v>0</v>
      </c>
      <c r="C7300" t="s">
        <v>6954</v>
      </c>
      <c r="D7300" t="s">
        <v>6964</v>
      </c>
    </row>
    <row r="7301" spans="1:4" x14ac:dyDescent="0.4">
      <c r="A7301">
        <v>2701534</v>
      </c>
      <c r="B7301" t="s">
        <v>0</v>
      </c>
      <c r="C7301" t="s">
        <v>6954</v>
      </c>
      <c r="D7301" t="s">
        <v>806</v>
      </c>
    </row>
    <row r="7302" spans="1:4" x14ac:dyDescent="0.4">
      <c r="A7302">
        <v>2701522</v>
      </c>
      <c r="B7302" t="s">
        <v>0</v>
      </c>
      <c r="C7302" t="s">
        <v>6954</v>
      </c>
      <c r="D7302" t="s">
        <v>6965</v>
      </c>
    </row>
    <row r="7303" spans="1:4" x14ac:dyDescent="0.4">
      <c r="A7303">
        <v>2701535</v>
      </c>
      <c r="B7303" t="s">
        <v>0</v>
      </c>
      <c r="C7303" t="s">
        <v>6954</v>
      </c>
      <c r="D7303" t="s">
        <v>6966</v>
      </c>
    </row>
    <row r="7304" spans="1:4" x14ac:dyDescent="0.4">
      <c r="A7304">
        <v>2701546</v>
      </c>
      <c r="B7304" t="s">
        <v>0</v>
      </c>
      <c r="C7304" t="s">
        <v>6954</v>
      </c>
      <c r="D7304" t="s">
        <v>6967</v>
      </c>
    </row>
    <row r="7305" spans="1:4" x14ac:dyDescent="0.4">
      <c r="A7305">
        <v>2701532</v>
      </c>
      <c r="B7305" t="s">
        <v>0</v>
      </c>
      <c r="C7305" t="s">
        <v>6954</v>
      </c>
      <c r="D7305" t="s">
        <v>659</v>
      </c>
    </row>
    <row r="7306" spans="1:4" x14ac:dyDescent="0.4">
      <c r="A7306">
        <v>2701533</v>
      </c>
      <c r="B7306" t="s">
        <v>0</v>
      </c>
      <c r="C7306" t="s">
        <v>6954</v>
      </c>
      <c r="D7306" t="s">
        <v>6968</v>
      </c>
    </row>
    <row r="7307" spans="1:4" x14ac:dyDescent="0.4">
      <c r="A7307">
        <v>2701536</v>
      </c>
      <c r="B7307" t="s">
        <v>0</v>
      </c>
      <c r="C7307" t="s">
        <v>6954</v>
      </c>
      <c r="D7307" t="s">
        <v>5202</v>
      </c>
    </row>
    <row r="7308" spans="1:4" x14ac:dyDescent="0.4">
      <c r="A7308">
        <v>2701502</v>
      </c>
      <c r="B7308" t="s">
        <v>0</v>
      </c>
      <c r="C7308" t="s">
        <v>6954</v>
      </c>
      <c r="D7308" t="s">
        <v>2843</v>
      </c>
    </row>
    <row r="7309" spans="1:4" x14ac:dyDescent="0.4">
      <c r="A7309">
        <v>2701501</v>
      </c>
      <c r="B7309" t="s">
        <v>0</v>
      </c>
      <c r="C7309" t="s">
        <v>6954</v>
      </c>
      <c r="D7309" t="s">
        <v>6969</v>
      </c>
    </row>
    <row r="7310" spans="1:4" x14ac:dyDescent="0.4">
      <c r="A7310">
        <v>2701542</v>
      </c>
      <c r="B7310" t="s">
        <v>0</v>
      </c>
      <c r="C7310" t="s">
        <v>6954</v>
      </c>
      <c r="D7310" t="s">
        <v>6970</v>
      </c>
    </row>
    <row r="7311" spans="1:4" x14ac:dyDescent="0.4">
      <c r="A7311">
        <v>2701506</v>
      </c>
      <c r="B7311" t="s">
        <v>0</v>
      </c>
      <c r="C7311" t="s">
        <v>6954</v>
      </c>
      <c r="D7311" t="s">
        <v>6971</v>
      </c>
    </row>
    <row r="7312" spans="1:4" x14ac:dyDescent="0.4">
      <c r="A7312">
        <v>2701505</v>
      </c>
      <c r="B7312" t="s">
        <v>0</v>
      </c>
      <c r="C7312" t="s">
        <v>6954</v>
      </c>
      <c r="D7312" t="s">
        <v>6972</v>
      </c>
    </row>
    <row r="7313" spans="1:4" x14ac:dyDescent="0.4">
      <c r="A7313">
        <v>2701541</v>
      </c>
      <c r="B7313" t="s">
        <v>0</v>
      </c>
      <c r="C7313" t="s">
        <v>6954</v>
      </c>
      <c r="D7313" t="s">
        <v>6973</v>
      </c>
    </row>
    <row r="7314" spans="1:4" x14ac:dyDescent="0.4">
      <c r="A7314">
        <v>2701523</v>
      </c>
      <c r="B7314" t="s">
        <v>0</v>
      </c>
      <c r="C7314" t="s">
        <v>6954</v>
      </c>
      <c r="D7314" t="s">
        <v>6974</v>
      </c>
    </row>
    <row r="7315" spans="1:4" x14ac:dyDescent="0.4">
      <c r="A7315">
        <v>2701521</v>
      </c>
      <c r="B7315" t="s">
        <v>0</v>
      </c>
      <c r="C7315" t="s">
        <v>6954</v>
      </c>
      <c r="D7315" t="s">
        <v>2176</v>
      </c>
    </row>
    <row r="7316" spans="1:4" x14ac:dyDescent="0.4">
      <c r="A7316">
        <v>2890100</v>
      </c>
      <c r="B7316" t="s">
        <v>0</v>
      </c>
      <c r="C7316" t="s">
        <v>6975</v>
      </c>
    </row>
    <row r="7317" spans="1:4" x14ac:dyDescent="0.4">
      <c r="A7317">
        <v>2890205</v>
      </c>
      <c r="B7317" t="s">
        <v>0</v>
      </c>
      <c r="C7317" t="s">
        <v>6975</v>
      </c>
      <c r="D7317" t="s">
        <v>6976</v>
      </c>
    </row>
    <row r="7318" spans="1:4" x14ac:dyDescent="0.4">
      <c r="A7318">
        <v>2890216</v>
      </c>
      <c r="B7318" t="s">
        <v>0</v>
      </c>
      <c r="C7318" t="s">
        <v>6975</v>
      </c>
      <c r="D7318" t="s">
        <v>6977</v>
      </c>
    </row>
    <row r="7319" spans="1:4" x14ac:dyDescent="0.4">
      <c r="A7319">
        <v>2890203</v>
      </c>
      <c r="B7319" t="s">
        <v>0</v>
      </c>
      <c r="C7319" t="s">
        <v>6975</v>
      </c>
      <c r="D7319" t="s">
        <v>6978</v>
      </c>
    </row>
    <row r="7320" spans="1:4" x14ac:dyDescent="0.4">
      <c r="A7320">
        <v>2890214</v>
      </c>
      <c r="B7320" t="s">
        <v>0</v>
      </c>
      <c r="C7320" t="s">
        <v>6975</v>
      </c>
      <c r="D7320" t="s">
        <v>6979</v>
      </c>
    </row>
    <row r="7321" spans="1:4" x14ac:dyDescent="0.4">
      <c r="A7321">
        <v>2890226</v>
      </c>
      <c r="B7321" t="s">
        <v>0</v>
      </c>
      <c r="C7321" t="s">
        <v>6975</v>
      </c>
      <c r="D7321" t="s">
        <v>6980</v>
      </c>
    </row>
    <row r="7322" spans="1:4" x14ac:dyDescent="0.4">
      <c r="A7322">
        <v>2890221</v>
      </c>
      <c r="B7322" t="s">
        <v>0</v>
      </c>
      <c r="C7322" t="s">
        <v>6975</v>
      </c>
      <c r="D7322" t="s">
        <v>6981</v>
      </c>
    </row>
    <row r="7323" spans="1:4" x14ac:dyDescent="0.4">
      <c r="A7323">
        <v>2890201</v>
      </c>
      <c r="B7323" t="s">
        <v>0</v>
      </c>
      <c r="C7323" t="s">
        <v>6975</v>
      </c>
      <c r="D7323" t="s">
        <v>1916</v>
      </c>
    </row>
    <row r="7324" spans="1:4" x14ac:dyDescent="0.4">
      <c r="A7324">
        <v>2890202</v>
      </c>
      <c r="B7324" t="s">
        <v>0</v>
      </c>
      <c r="C7324" t="s">
        <v>6975</v>
      </c>
      <c r="D7324" t="s">
        <v>4121</v>
      </c>
    </row>
    <row r="7325" spans="1:4" x14ac:dyDescent="0.4">
      <c r="A7325">
        <v>2890215</v>
      </c>
      <c r="B7325" t="s">
        <v>0</v>
      </c>
      <c r="C7325" t="s">
        <v>6975</v>
      </c>
      <c r="D7325" t="s">
        <v>6982</v>
      </c>
    </row>
    <row r="7326" spans="1:4" x14ac:dyDescent="0.4">
      <c r="A7326">
        <v>2890223</v>
      </c>
      <c r="B7326" t="s">
        <v>0</v>
      </c>
      <c r="C7326" t="s">
        <v>6975</v>
      </c>
      <c r="D7326" t="s">
        <v>1670</v>
      </c>
    </row>
    <row r="7327" spans="1:4" x14ac:dyDescent="0.4">
      <c r="A7327">
        <v>2890204</v>
      </c>
      <c r="B7327" t="s">
        <v>0</v>
      </c>
      <c r="C7327" t="s">
        <v>6975</v>
      </c>
      <c r="D7327" t="s">
        <v>6983</v>
      </c>
    </row>
    <row r="7328" spans="1:4" x14ac:dyDescent="0.4">
      <c r="A7328">
        <v>2890225</v>
      </c>
      <c r="B7328" t="s">
        <v>0</v>
      </c>
      <c r="C7328" t="s">
        <v>6975</v>
      </c>
      <c r="D7328" t="s">
        <v>6984</v>
      </c>
    </row>
    <row r="7329" spans="1:4" x14ac:dyDescent="0.4">
      <c r="A7329">
        <v>2890213</v>
      </c>
      <c r="B7329" t="s">
        <v>0</v>
      </c>
      <c r="C7329" t="s">
        <v>6975</v>
      </c>
      <c r="D7329" t="s">
        <v>6655</v>
      </c>
    </row>
    <row r="7330" spans="1:4" x14ac:dyDescent="0.4">
      <c r="A7330">
        <v>2890212</v>
      </c>
      <c r="B7330" t="s">
        <v>0</v>
      </c>
      <c r="C7330" t="s">
        <v>6975</v>
      </c>
      <c r="D7330" t="s">
        <v>6985</v>
      </c>
    </row>
    <row r="7331" spans="1:4" x14ac:dyDescent="0.4">
      <c r="A7331">
        <v>2890211</v>
      </c>
      <c r="B7331" t="s">
        <v>0</v>
      </c>
      <c r="C7331" t="s">
        <v>6975</v>
      </c>
      <c r="D7331" t="s">
        <v>3916</v>
      </c>
    </row>
    <row r="7332" spans="1:4" x14ac:dyDescent="0.4">
      <c r="A7332">
        <v>2890222</v>
      </c>
      <c r="B7332" t="s">
        <v>0</v>
      </c>
      <c r="C7332" t="s">
        <v>6975</v>
      </c>
      <c r="D7332" t="s">
        <v>745</v>
      </c>
    </row>
    <row r="7333" spans="1:4" x14ac:dyDescent="0.4">
      <c r="A7333">
        <v>2890217</v>
      </c>
      <c r="B7333" t="s">
        <v>0</v>
      </c>
      <c r="C7333" t="s">
        <v>6975</v>
      </c>
      <c r="D7333" t="s">
        <v>6986</v>
      </c>
    </row>
    <row r="7334" spans="1:4" x14ac:dyDescent="0.4">
      <c r="A7334">
        <v>2890224</v>
      </c>
      <c r="B7334" t="s">
        <v>0</v>
      </c>
      <c r="C7334" t="s">
        <v>6975</v>
      </c>
      <c r="D7334" t="s">
        <v>2003</v>
      </c>
    </row>
    <row r="7335" spans="1:4" x14ac:dyDescent="0.4">
      <c r="A7335">
        <v>2892200</v>
      </c>
      <c r="B7335" t="s">
        <v>0</v>
      </c>
      <c r="C7335" t="s">
        <v>6987</v>
      </c>
    </row>
    <row r="7336" spans="1:4" x14ac:dyDescent="0.4">
      <c r="A7336">
        <v>2892231</v>
      </c>
      <c r="B7336" t="s">
        <v>0</v>
      </c>
      <c r="C7336" t="s">
        <v>6987</v>
      </c>
      <c r="D7336" t="s">
        <v>6988</v>
      </c>
    </row>
    <row r="7337" spans="1:4" x14ac:dyDescent="0.4">
      <c r="A7337">
        <v>2892301</v>
      </c>
      <c r="B7337" t="s">
        <v>0</v>
      </c>
      <c r="C7337" t="s">
        <v>6987</v>
      </c>
      <c r="D7337" t="s">
        <v>6989</v>
      </c>
    </row>
    <row r="7338" spans="1:4" x14ac:dyDescent="0.4">
      <c r="A7338">
        <v>2892317</v>
      </c>
      <c r="B7338" t="s">
        <v>0</v>
      </c>
      <c r="C7338" t="s">
        <v>6987</v>
      </c>
      <c r="D7338" t="s">
        <v>6990</v>
      </c>
    </row>
    <row r="7339" spans="1:4" x14ac:dyDescent="0.4">
      <c r="A7339">
        <v>2892245</v>
      </c>
      <c r="B7339" t="s">
        <v>0</v>
      </c>
      <c r="C7339" t="s">
        <v>6987</v>
      </c>
      <c r="D7339" t="s">
        <v>6991</v>
      </c>
    </row>
    <row r="7340" spans="1:4" x14ac:dyDescent="0.4">
      <c r="A7340">
        <v>2892303</v>
      </c>
      <c r="B7340" t="s">
        <v>0</v>
      </c>
      <c r="C7340" t="s">
        <v>6987</v>
      </c>
      <c r="D7340" t="s">
        <v>1874</v>
      </c>
    </row>
    <row r="7341" spans="1:4" x14ac:dyDescent="0.4">
      <c r="A7341">
        <v>2892305</v>
      </c>
      <c r="B7341" t="s">
        <v>0</v>
      </c>
      <c r="C7341" t="s">
        <v>6987</v>
      </c>
      <c r="D7341" t="s">
        <v>6992</v>
      </c>
    </row>
    <row r="7342" spans="1:4" x14ac:dyDescent="0.4">
      <c r="A7342">
        <v>2892324</v>
      </c>
      <c r="B7342" t="s">
        <v>0</v>
      </c>
      <c r="C7342" t="s">
        <v>6987</v>
      </c>
      <c r="D7342" t="s">
        <v>6476</v>
      </c>
    </row>
    <row r="7343" spans="1:4" x14ac:dyDescent="0.4">
      <c r="A7343">
        <v>2892232</v>
      </c>
      <c r="B7343" t="s">
        <v>0</v>
      </c>
      <c r="C7343" t="s">
        <v>6987</v>
      </c>
      <c r="D7343" t="s">
        <v>641</v>
      </c>
    </row>
    <row r="7344" spans="1:4" x14ac:dyDescent="0.4">
      <c r="A7344">
        <v>2892251</v>
      </c>
      <c r="B7344" t="s">
        <v>0</v>
      </c>
      <c r="C7344" t="s">
        <v>6987</v>
      </c>
      <c r="D7344" t="s">
        <v>4291</v>
      </c>
    </row>
    <row r="7345" spans="1:4" x14ac:dyDescent="0.4">
      <c r="A7345">
        <v>2892315</v>
      </c>
      <c r="B7345" t="s">
        <v>0</v>
      </c>
      <c r="C7345" t="s">
        <v>6987</v>
      </c>
      <c r="D7345" t="s">
        <v>6993</v>
      </c>
    </row>
    <row r="7346" spans="1:4" x14ac:dyDescent="0.4">
      <c r="A7346">
        <v>2892234</v>
      </c>
      <c r="B7346" t="s">
        <v>0</v>
      </c>
      <c r="C7346" t="s">
        <v>6987</v>
      </c>
      <c r="D7346" t="s">
        <v>6994</v>
      </c>
    </row>
    <row r="7347" spans="1:4" x14ac:dyDescent="0.4">
      <c r="A7347">
        <v>2892322</v>
      </c>
      <c r="B7347" t="s">
        <v>0</v>
      </c>
      <c r="C7347" t="s">
        <v>6987</v>
      </c>
      <c r="D7347" t="s">
        <v>6995</v>
      </c>
    </row>
    <row r="7348" spans="1:4" x14ac:dyDescent="0.4">
      <c r="A7348">
        <v>2892312</v>
      </c>
      <c r="B7348" t="s">
        <v>0</v>
      </c>
      <c r="C7348" t="s">
        <v>6987</v>
      </c>
      <c r="D7348" t="s">
        <v>6996</v>
      </c>
    </row>
    <row r="7349" spans="1:4" x14ac:dyDescent="0.4">
      <c r="A7349">
        <v>2892243</v>
      </c>
      <c r="B7349" t="s">
        <v>0</v>
      </c>
      <c r="C7349" t="s">
        <v>6987</v>
      </c>
      <c r="D7349" t="s">
        <v>6797</v>
      </c>
    </row>
    <row r="7350" spans="1:4" x14ac:dyDescent="0.4">
      <c r="A7350">
        <v>2892242</v>
      </c>
      <c r="B7350" t="s">
        <v>0</v>
      </c>
      <c r="C7350" t="s">
        <v>6987</v>
      </c>
      <c r="D7350" t="s">
        <v>6997</v>
      </c>
    </row>
    <row r="7351" spans="1:4" x14ac:dyDescent="0.4">
      <c r="A7351">
        <v>2892304</v>
      </c>
      <c r="B7351" t="s">
        <v>0</v>
      </c>
      <c r="C7351" t="s">
        <v>6987</v>
      </c>
      <c r="D7351" t="s">
        <v>6998</v>
      </c>
    </row>
    <row r="7352" spans="1:4" x14ac:dyDescent="0.4">
      <c r="A7352">
        <v>2892241</v>
      </c>
      <c r="B7352" t="s">
        <v>0</v>
      </c>
      <c r="C7352" t="s">
        <v>6987</v>
      </c>
      <c r="D7352" t="s">
        <v>6999</v>
      </c>
    </row>
    <row r="7353" spans="1:4" x14ac:dyDescent="0.4">
      <c r="A7353">
        <v>2892246</v>
      </c>
      <c r="B7353" t="s">
        <v>0</v>
      </c>
      <c r="C7353" t="s">
        <v>6987</v>
      </c>
      <c r="D7353" t="s">
        <v>905</v>
      </c>
    </row>
    <row r="7354" spans="1:4" x14ac:dyDescent="0.4">
      <c r="A7354">
        <v>2892313</v>
      </c>
      <c r="B7354" t="s">
        <v>0</v>
      </c>
      <c r="C7354" t="s">
        <v>6987</v>
      </c>
      <c r="D7354" t="s">
        <v>7000</v>
      </c>
    </row>
    <row r="7355" spans="1:4" x14ac:dyDescent="0.4">
      <c r="A7355">
        <v>2892316</v>
      </c>
      <c r="B7355" t="s">
        <v>0</v>
      </c>
      <c r="C7355" t="s">
        <v>6987</v>
      </c>
      <c r="D7355" t="s">
        <v>7001</v>
      </c>
    </row>
    <row r="7356" spans="1:4" x14ac:dyDescent="0.4">
      <c r="A7356">
        <v>2892254</v>
      </c>
      <c r="B7356" t="s">
        <v>0</v>
      </c>
      <c r="C7356" t="s">
        <v>6987</v>
      </c>
      <c r="D7356" t="s">
        <v>7002</v>
      </c>
    </row>
    <row r="7357" spans="1:4" x14ac:dyDescent="0.4">
      <c r="A7357">
        <v>2892306</v>
      </c>
      <c r="B7357" t="s">
        <v>0</v>
      </c>
      <c r="C7357" t="s">
        <v>6987</v>
      </c>
      <c r="D7357" t="s">
        <v>7003</v>
      </c>
    </row>
    <row r="7358" spans="1:4" x14ac:dyDescent="0.4">
      <c r="A7358">
        <v>2892256</v>
      </c>
      <c r="B7358" t="s">
        <v>0</v>
      </c>
      <c r="C7358" t="s">
        <v>6987</v>
      </c>
      <c r="D7358" t="s">
        <v>7004</v>
      </c>
    </row>
    <row r="7359" spans="1:4" x14ac:dyDescent="0.4">
      <c r="A7359">
        <v>2892314</v>
      </c>
      <c r="B7359" t="s">
        <v>0</v>
      </c>
      <c r="C7359" t="s">
        <v>6987</v>
      </c>
      <c r="D7359" t="s">
        <v>7005</v>
      </c>
    </row>
    <row r="7360" spans="1:4" x14ac:dyDescent="0.4">
      <c r="A7360">
        <v>2892233</v>
      </c>
      <c r="B7360" t="s">
        <v>0</v>
      </c>
      <c r="C7360" t="s">
        <v>6987</v>
      </c>
      <c r="D7360" t="s">
        <v>1929</v>
      </c>
    </row>
    <row r="7361" spans="1:4" x14ac:dyDescent="0.4">
      <c r="A7361">
        <v>2892321</v>
      </c>
      <c r="B7361" t="s">
        <v>0</v>
      </c>
      <c r="C7361" t="s">
        <v>6987</v>
      </c>
      <c r="D7361" t="s">
        <v>7006</v>
      </c>
    </row>
    <row r="7362" spans="1:4" x14ac:dyDescent="0.4">
      <c r="A7362">
        <v>2820031</v>
      </c>
      <c r="B7362" t="s">
        <v>0</v>
      </c>
      <c r="C7362" t="s">
        <v>6987</v>
      </c>
      <c r="D7362" t="s">
        <v>7007</v>
      </c>
    </row>
    <row r="7363" spans="1:4" x14ac:dyDescent="0.4">
      <c r="A7363">
        <v>2892236</v>
      </c>
      <c r="B7363" t="s">
        <v>0</v>
      </c>
      <c r="C7363" t="s">
        <v>6987</v>
      </c>
      <c r="D7363" t="s">
        <v>7008</v>
      </c>
    </row>
    <row r="7364" spans="1:4" x14ac:dyDescent="0.4">
      <c r="A7364">
        <v>2892302</v>
      </c>
      <c r="B7364" t="s">
        <v>0</v>
      </c>
      <c r="C7364" t="s">
        <v>6987</v>
      </c>
      <c r="D7364" t="s">
        <v>7009</v>
      </c>
    </row>
    <row r="7365" spans="1:4" x14ac:dyDescent="0.4">
      <c r="A7365">
        <v>2892244</v>
      </c>
      <c r="B7365" t="s">
        <v>0</v>
      </c>
      <c r="C7365" t="s">
        <v>6987</v>
      </c>
      <c r="D7365" t="s">
        <v>5925</v>
      </c>
    </row>
    <row r="7366" spans="1:4" x14ac:dyDescent="0.4">
      <c r="A7366">
        <v>2892323</v>
      </c>
      <c r="B7366" t="s">
        <v>0</v>
      </c>
      <c r="C7366" t="s">
        <v>6987</v>
      </c>
      <c r="D7366" t="s">
        <v>7010</v>
      </c>
    </row>
    <row r="7367" spans="1:4" x14ac:dyDescent="0.4">
      <c r="A7367">
        <v>2892235</v>
      </c>
      <c r="B7367" t="s">
        <v>0</v>
      </c>
      <c r="C7367" t="s">
        <v>6987</v>
      </c>
      <c r="D7367" t="s">
        <v>7011</v>
      </c>
    </row>
    <row r="7368" spans="1:4" x14ac:dyDescent="0.4">
      <c r="A7368">
        <v>2892247</v>
      </c>
      <c r="B7368" t="s">
        <v>0</v>
      </c>
      <c r="C7368" t="s">
        <v>6987</v>
      </c>
      <c r="D7368" t="s">
        <v>7012</v>
      </c>
    </row>
    <row r="7369" spans="1:4" x14ac:dyDescent="0.4">
      <c r="A7369">
        <v>2892253</v>
      </c>
      <c r="B7369" t="s">
        <v>0</v>
      </c>
      <c r="C7369" t="s">
        <v>6987</v>
      </c>
      <c r="D7369" t="s">
        <v>7013</v>
      </c>
    </row>
    <row r="7370" spans="1:4" x14ac:dyDescent="0.4">
      <c r="A7370">
        <v>2892325</v>
      </c>
      <c r="B7370" t="s">
        <v>0</v>
      </c>
      <c r="C7370" t="s">
        <v>6987</v>
      </c>
      <c r="D7370" t="s">
        <v>7014</v>
      </c>
    </row>
    <row r="7371" spans="1:4" x14ac:dyDescent="0.4">
      <c r="A7371">
        <v>2892257</v>
      </c>
      <c r="B7371" t="s">
        <v>0</v>
      </c>
      <c r="C7371" t="s">
        <v>6987</v>
      </c>
      <c r="D7371" t="s">
        <v>7015</v>
      </c>
    </row>
    <row r="7372" spans="1:4" x14ac:dyDescent="0.4">
      <c r="A7372">
        <v>2892255</v>
      </c>
      <c r="B7372" t="s">
        <v>0</v>
      </c>
      <c r="C7372" t="s">
        <v>6987</v>
      </c>
      <c r="D7372" t="s">
        <v>7016</v>
      </c>
    </row>
    <row r="7373" spans="1:4" x14ac:dyDescent="0.4">
      <c r="A7373">
        <v>2892252</v>
      </c>
      <c r="B7373" t="s">
        <v>0</v>
      </c>
      <c r="C7373" t="s">
        <v>6987</v>
      </c>
      <c r="D7373" t="s">
        <v>7017</v>
      </c>
    </row>
    <row r="7374" spans="1:4" x14ac:dyDescent="0.4">
      <c r="A7374">
        <v>2892311</v>
      </c>
      <c r="B7374" t="s">
        <v>0</v>
      </c>
      <c r="C7374" t="s">
        <v>6987</v>
      </c>
      <c r="D7374" t="s">
        <v>7018</v>
      </c>
    </row>
    <row r="7375" spans="1:4" x14ac:dyDescent="0.4">
      <c r="A7375">
        <v>2890600</v>
      </c>
      <c r="B7375" t="s">
        <v>0</v>
      </c>
      <c r="C7375" t="s">
        <v>7019</v>
      </c>
    </row>
    <row r="7376" spans="1:4" x14ac:dyDescent="0.4">
      <c r="A7376">
        <v>2890627</v>
      </c>
      <c r="B7376" t="s">
        <v>0</v>
      </c>
      <c r="C7376" t="s">
        <v>7019</v>
      </c>
      <c r="D7376" t="s">
        <v>4049</v>
      </c>
    </row>
    <row r="7377" spans="1:4" x14ac:dyDescent="0.4">
      <c r="A7377">
        <v>2890612</v>
      </c>
      <c r="B7377" t="s">
        <v>0</v>
      </c>
      <c r="C7377" t="s">
        <v>7019</v>
      </c>
      <c r="D7377" t="s">
        <v>7020</v>
      </c>
    </row>
    <row r="7378" spans="1:4" x14ac:dyDescent="0.4">
      <c r="A7378">
        <v>2890619</v>
      </c>
      <c r="B7378" t="s">
        <v>0</v>
      </c>
      <c r="C7378" t="s">
        <v>7019</v>
      </c>
      <c r="D7378" t="s">
        <v>7021</v>
      </c>
    </row>
    <row r="7379" spans="1:4" x14ac:dyDescent="0.4">
      <c r="A7379">
        <v>2890633</v>
      </c>
      <c r="B7379" t="s">
        <v>0</v>
      </c>
      <c r="C7379" t="s">
        <v>7019</v>
      </c>
      <c r="D7379" t="s">
        <v>139</v>
      </c>
    </row>
    <row r="7380" spans="1:4" x14ac:dyDescent="0.4">
      <c r="A7380">
        <v>2890621</v>
      </c>
      <c r="B7380" t="s">
        <v>0</v>
      </c>
      <c r="C7380" t="s">
        <v>7019</v>
      </c>
      <c r="D7380" t="s">
        <v>7022</v>
      </c>
    </row>
    <row r="7381" spans="1:4" x14ac:dyDescent="0.4">
      <c r="A7381">
        <v>2890615</v>
      </c>
      <c r="B7381" t="s">
        <v>0</v>
      </c>
      <c r="C7381" t="s">
        <v>7019</v>
      </c>
      <c r="D7381" t="s">
        <v>7023</v>
      </c>
    </row>
    <row r="7382" spans="1:4" x14ac:dyDescent="0.4">
      <c r="A7382">
        <v>2890622</v>
      </c>
      <c r="B7382" t="s">
        <v>0</v>
      </c>
      <c r="C7382" t="s">
        <v>7019</v>
      </c>
      <c r="D7382" t="s">
        <v>7024</v>
      </c>
    </row>
    <row r="7383" spans="1:4" x14ac:dyDescent="0.4">
      <c r="A7383">
        <v>2890635</v>
      </c>
      <c r="B7383" t="s">
        <v>0</v>
      </c>
      <c r="C7383" t="s">
        <v>7019</v>
      </c>
      <c r="D7383" t="s">
        <v>1818</v>
      </c>
    </row>
    <row r="7384" spans="1:4" x14ac:dyDescent="0.4">
      <c r="A7384">
        <v>2890632</v>
      </c>
      <c r="B7384" t="s">
        <v>0</v>
      </c>
      <c r="C7384" t="s">
        <v>7019</v>
      </c>
      <c r="D7384" t="s">
        <v>7025</v>
      </c>
    </row>
    <row r="7385" spans="1:4" x14ac:dyDescent="0.4">
      <c r="A7385">
        <v>2890637</v>
      </c>
      <c r="B7385" t="s">
        <v>0</v>
      </c>
      <c r="C7385" t="s">
        <v>7019</v>
      </c>
      <c r="D7385" t="s">
        <v>7026</v>
      </c>
    </row>
    <row r="7386" spans="1:4" x14ac:dyDescent="0.4">
      <c r="A7386">
        <v>2890624</v>
      </c>
      <c r="B7386" t="s">
        <v>0</v>
      </c>
      <c r="C7386" t="s">
        <v>7019</v>
      </c>
      <c r="D7386" t="s">
        <v>7027</v>
      </c>
    </row>
    <row r="7387" spans="1:4" x14ac:dyDescent="0.4">
      <c r="A7387">
        <v>2890601</v>
      </c>
      <c r="B7387" t="s">
        <v>0</v>
      </c>
      <c r="C7387" t="s">
        <v>7019</v>
      </c>
      <c r="D7387" t="s">
        <v>7028</v>
      </c>
    </row>
    <row r="7388" spans="1:4" x14ac:dyDescent="0.4">
      <c r="A7388">
        <v>2890602</v>
      </c>
      <c r="B7388" t="s">
        <v>0</v>
      </c>
      <c r="C7388" t="s">
        <v>7019</v>
      </c>
      <c r="D7388" t="s">
        <v>7029</v>
      </c>
    </row>
    <row r="7389" spans="1:4" x14ac:dyDescent="0.4">
      <c r="A7389">
        <v>2890616</v>
      </c>
      <c r="B7389" t="s">
        <v>0</v>
      </c>
      <c r="C7389" t="s">
        <v>7019</v>
      </c>
      <c r="D7389" t="s">
        <v>7030</v>
      </c>
    </row>
    <row r="7390" spans="1:4" x14ac:dyDescent="0.4">
      <c r="A7390">
        <v>2890636</v>
      </c>
      <c r="B7390" t="s">
        <v>0</v>
      </c>
      <c r="C7390" t="s">
        <v>7019</v>
      </c>
      <c r="D7390" t="s">
        <v>7031</v>
      </c>
    </row>
    <row r="7391" spans="1:4" x14ac:dyDescent="0.4">
      <c r="A7391">
        <v>2890625</v>
      </c>
      <c r="B7391" t="s">
        <v>0</v>
      </c>
      <c r="C7391" t="s">
        <v>7019</v>
      </c>
      <c r="D7391" t="s">
        <v>7032</v>
      </c>
    </row>
    <row r="7392" spans="1:4" x14ac:dyDescent="0.4">
      <c r="A7392">
        <v>2890611</v>
      </c>
      <c r="B7392" t="s">
        <v>0</v>
      </c>
      <c r="C7392" t="s">
        <v>7019</v>
      </c>
      <c r="D7392" t="s">
        <v>177</v>
      </c>
    </row>
    <row r="7393" spans="1:4" x14ac:dyDescent="0.4">
      <c r="A7393">
        <v>2890617</v>
      </c>
      <c r="B7393" t="s">
        <v>0</v>
      </c>
      <c r="C7393" t="s">
        <v>7019</v>
      </c>
      <c r="D7393" t="s">
        <v>7033</v>
      </c>
    </row>
    <row r="7394" spans="1:4" x14ac:dyDescent="0.4">
      <c r="A7394">
        <v>2890613</v>
      </c>
      <c r="B7394" t="s">
        <v>0</v>
      </c>
      <c r="C7394" t="s">
        <v>7019</v>
      </c>
      <c r="D7394" t="s">
        <v>7034</v>
      </c>
    </row>
    <row r="7395" spans="1:4" x14ac:dyDescent="0.4">
      <c r="A7395">
        <v>2890631</v>
      </c>
      <c r="B7395" t="s">
        <v>0</v>
      </c>
      <c r="C7395" t="s">
        <v>7019</v>
      </c>
      <c r="D7395" t="s">
        <v>3530</v>
      </c>
    </row>
    <row r="7396" spans="1:4" x14ac:dyDescent="0.4">
      <c r="A7396">
        <v>2890634</v>
      </c>
      <c r="B7396" t="s">
        <v>0</v>
      </c>
      <c r="C7396" t="s">
        <v>7019</v>
      </c>
      <c r="D7396" t="s">
        <v>3779</v>
      </c>
    </row>
    <row r="7397" spans="1:4" x14ac:dyDescent="0.4">
      <c r="A7397">
        <v>2890623</v>
      </c>
      <c r="B7397" t="s">
        <v>0</v>
      </c>
      <c r="C7397" t="s">
        <v>7019</v>
      </c>
      <c r="D7397" t="s">
        <v>7035</v>
      </c>
    </row>
    <row r="7398" spans="1:4" x14ac:dyDescent="0.4">
      <c r="A7398">
        <v>2890614</v>
      </c>
      <c r="B7398" t="s">
        <v>0</v>
      </c>
      <c r="C7398" t="s">
        <v>7019</v>
      </c>
      <c r="D7398" t="s">
        <v>399</v>
      </c>
    </row>
    <row r="7399" spans="1:4" x14ac:dyDescent="0.4">
      <c r="A7399">
        <v>2890626</v>
      </c>
      <c r="B7399" t="s">
        <v>0</v>
      </c>
      <c r="C7399" t="s">
        <v>7019</v>
      </c>
      <c r="D7399" t="s">
        <v>7036</v>
      </c>
    </row>
    <row r="7400" spans="1:4" x14ac:dyDescent="0.4">
      <c r="A7400">
        <v>2890618</v>
      </c>
      <c r="B7400" t="s">
        <v>0</v>
      </c>
      <c r="C7400" t="s">
        <v>7019</v>
      </c>
      <c r="D7400" t="s">
        <v>3652</v>
      </c>
    </row>
    <row r="7401" spans="1:4" x14ac:dyDescent="0.4">
      <c r="A7401">
        <v>2993200</v>
      </c>
      <c r="B7401" t="s">
        <v>0</v>
      </c>
      <c r="C7401" t="s">
        <v>7037</v>
      </c>
    </row>
    <row r="7402" spans="1:4" x14ac:dyDescent="0.4">
      <c r="A7402">
        <v>2993245</v>
      </c>
      <c r="B7402" t="s">
        <v>0</v>
      </c>
      <c r="C7402" t="s">
        <v>7037</v>
      </c>
      <c r="D7402" t="s">
        <v>766</v>
      </c>
    </row>
    <row r="7403" spans="1:4" x14ac:dyDescent="0.4">
      <c r="A7403">
        <v>2993249</v>
      </c>
      <c r="B7403" t="s">
        <v>0</v>
      </c>
      <c r="C7403" t="s">
        <v>7037</v>
      </c>
      <c r="D7403" t="s">
        <v>7038</v>
      </c>
    </row>
    <row r="7404" spans="1:4" x14ac:dyDescent="0.4">
      <c r="A7404">
        <v>2993268</v>
      </c>
      <c r="B7404" t="s">
        <v>0</v>
      </c>
      <c r="C7404" t="s">
        <v>7037</v>
      </c>
      <c r="D7404" t="s">
        <v>7039</v>
      </c>
    </row>
    <row r="7405" spans="1:4" x14ac:dyDescent="0.4">
      <c r="A7405">
        <v>2993251</v>
      </c>
      <c r="B7405" t="s">
        <v>0</v>
      </c>
      <c r="C7405" t="s">
        <v>7037</v>
      </c>
      <c r="D7405" t="s">
        <v>7040</v>
      </c>
    </row>
    <row r="7406" spans="1:4" x14ac:dyDescent="0.4">
      <c r="A7406">
        <v>2993243</v>
      </c>
      <c r="B7406" t="s">
        <v>0</v>
      </c>
      <c r="C7406" t="s">
        <v>7037</v>
      </c>
      <c r="D7406" t="s">
        <v>2183</v>
      </c>
    </row>
    <row r="7407" spans="1:4" x14ac:dyDescent="0.4">
      <c r="A7407">
        <v>2993264</v>
      </c>
      <c r="B7407" t="s">
        <v>0</v>
      </c>
      <c r="C7407" t="s">
        <v>7037</v>
      </c>
      <c r="D7407" t="s">
        <v>7041</v>
      </c>
    </row>
    <row r="7408" spans="1:4" x14ac:dyDescent="0.4">
      <c r="A7408">
        <v>2993262</v>
      </c>
      <c r="B7408" t="s">
        <v>0</v>
      </c>
      <c r="C7408" t="s">
        <v>7037</v>
      </c>
      <c r="D7408" t="s">
        <v>7042</v>
      </c>
    </row>
    <row r="7409" spans="1:4" x14ac:dyDescent="0.4">
      <c r="A7409">
        <v>2993242</v>
      </c>
      <c r="B7409" t="s">
        <v>0</v>
      </c>
      <c r="C7409" t="s">
        <v>7037</v>
      </c>
      <c r="D7409" t="s">
        <v>7043</v>
      </c>
    </row>
    <row r="7410" spans="1:4" x14ac:dyDescent="0.4">
      <c r="A7410">
        <v>2993265</v>
      </c>
      <c r="B7410" t="s">
        <v>0</v>
      </c>
      <c r="C7410" t="s">
        <v>7037</v>
      </c>
      <c r="D7410" t="s">
        <v>4000</v>
      </c>
    </row>
    <row r="7411" spans="1:4" x14ac:dyDescent="0.4">
      <c r="A7411">
        <v>2993248</v>
      </c>
      <c r="B7411" t="s">
        <v>0</v>
      </c>
      <c r="C7411" t="s">
        <v>7037</v>
      </c>
      <c r="D7411" t="s">
        <v>7044</v>
      </c>
    </row>
    <row r="7412" spans="1:4" x14ac:dyDescent="0.4">
      <c r="A7412">
        <v>2993247</v>
      </c>
      <c r="B7412" t="s">
        <v>0</v>
      </c>
      <c r="C7412" t="s">
        <v>7037</v>
      </c>
      <c r="D7412" t="s">
        <v>7045</v>
      </c>
    </row>
    <row r="7413" spans="1:4" x14ac:dyDescent="0.4">
      <c r="A7413">
        <v>2993217</v>
      </c>
      <c r="B7413" t="s">
        <v>0</v>
      </c>
      <c r="C7413" t="s">
        <v>7037</v>
      </c>
      <c r="D7413" t="s">
        <v>1829</v>
      </c>
    </row>
    <row r="7414" spans="1:4" x14ac:dyDescent="0.4">
      <c r="A7414">
        <v>2993218</v>
      </c>
      <c r="B7414" t="s">
        <v>0</v>
      </c>
      <c r="C7414" t="s">
        <v>7037</v>
      </c>
      <c r="D7414" t="s">
        <v>7046</v>
      </c>
    </row>
    <row r="7415" spans="1:4" x14ac:dyDescent="0.4">
      <c r="A7415">
        <v>2993201</v>
      </c>
      <c r="B7415" t="s">
        <v>0</v>
      </c>
      <c r="C7415" t="s">
        <v>7037</v>
      </c>
      <c r="D7415" t="s">
        <v>7047</v>
      </c>
    </row>
    <row r="7416" spans="1:4" x14ac:dyDescent="0.4">
      <c r="A7416">
        <v>2993266</v>
      </c>
      <c r="B7416" t="s">
        <v>0</v>
      </c>
      <c r="C7416" t="s">
        <v>7037</v>
      </c>
      <c r="D7416" t="s">
        <v>7048</v>
      </c>
    </row>
    <row r="7417" spans="1:4" x14ac:dyDescent="0.4">
      <c r="A7417">
        <v>2993216</v>
      </c>
      <c r="B7417" t="s">
        <v>0</v>
      </c>
      <c r="C7417" t="s">
        <v>7037</v>
      </c>
      <c r="D7417" t="s">
        <v>7049</v>
      </c>
    </row>
    <row r="7418" spans="1:4" x14ac:dyDescent="0.4">
      <c r="A7418">
        <v>2993241</v>
      </c>
      <c r="B7418" t="s">
        <v>0</v>
      </c>
      <c r="C7418" t="s">
        <v>7037</v>
      </c>
      <c r="D7418" t="s">
        <v>7050</v>
      </c>
    </row>
    <row r="7419" spans="1:4" x14ac:dyDescent="0.4">
      <c r="A7419">
        <v>2993231</v>
      </c>
      <c r="B7419" t="s">
        <v>0</v>
      </c>
      <c r="C7419" t="s">
        <v>7037</v>
      </c>
      <c r="D7419" t="s">
        <v>7051</v>
      </c>
    </row>
    <row r="7420" spans="1:4" x14ac:dyDescent="0.4">
      <c r="A7420">
        <v>2993261</v>
      </c>
      <c r="B7420" t="s">
        <v>0</v>
      </c>
      <c r="C7420" t="s">
        <v>7037</v>
      </c>
      <c r="D7420" t="s">
        <v>7052</v>
      </c>
    </row>
    <row r="7421" spans="1:4" x14ac:dyDescent="0.4">
      <c r="A7421">
        <v>2993246</v>
      </c>
      <c r="B7421" t="s">
        <v>0</v>
      </c>
      <c r="C7421" t="s">
        <v>7037</v>
      </c>
      <c r="D7421" t="s">
        <v>7053</v>
      </c>
    </row>
    <row r="7422" spans="1:4" x14ac:dyDescent="0.4">
      <c r="A7422">
        <v>2993235</v>
      </c>
      <c r="B7422" t="s">
        <v>0</v>
      </c>
      <c r="C7422" t="s">
        <v>7037</v>
      </c>
      <c r="D7422" t="s">
        <v>3756</v>
      </c>
    </row>
    <row r="7423" spans="1:4" x14ac:dyDescent="0.4">
      <c r="A7423">
        <v>2993253</v>
      </c>
      <c r="B7423" t="s">
        <v>0</v>
      </c>
      <c r="C7423" t="s">
        <v>7037</v>
      </c>
      <c r="D7423" t="s">
        <v>7054</v>
      </c>
    </row>
    <row r="7424" spans="1:4" x14ac:dyDescent="0.4">
      <c r="A7424">
        <v>2993214</v>
      </c>
      <c r="B7424" t="s">
        <v>0</v>
      </c>
      <c r="C7424" t="s">
        <v>7037</v>
      </c>
      <c r="D7424" t="s">
        <v>7055</v>
      </c>
    </row>
    <row r="7425" spans="1:4" x14ac:dyDescent="0.4">
      <c r="A7425">
        <v>2993203</v>
      </c>
      <c r="B7425" t="s">
        <v>0</v>
      </c>
      <c r="C7425" t="s">
        <v>7037</v>
      </c>
      <c r="D7425" t="s">
        <v>7056</v>
      </c>
    </row>
    <row r="7426" spans="1:4" x14ac:dyDescent="0.4">
      <c r="A7426">
        <v>2993212</v>
      </c>
      <c r="B7426" t="s">
        <v>0</v>
      </c>
      <c r="C7426" t="s">
        <v>7037</v>
      </c>
      <c r="D7426" t="s">
        <v>3619</v>
      </c>
    </row>
    <row r="7427" spans="1:4" x14ac:dyDescent="0.4">
      <c r="A7427">
        <v>2993267</v>
      </c>
      <c r="B7427" t="s">
        <v>0</v>
      </c>
      <c r="C7427" t="s">
        <v>7037</v>
      </c>
      <c r="D7427" t="s">
        <v>7057</v>
      </c>
    </row>
    <row r="7428" spans="1:4" x14ac:dyDescent="0.4">
      <c r="A7428">
        <v>2993221</v>
      </c>
      <c r="B7428" t="s">
        <v>0</v>
      </c>
      <c r="C7428" t="s">
        <v>7037</v>
      </c>
      <c r="D7428" t="s">
        <v>4150</v>
      </c>
    </row>
    <row r="7429" spans="1:4" x14ac:dyDescent="0.4">
      <c r="A7429">
        <v>2993215</v>
      </c>
      <c r="B7429" t="s">
        <v>0</v>
      </c>
      <c r="C7429" t="s">
        <v>7037</v>
      </c>
      <c r="D7429" t="s">
        <v>7058</v>
      </c>
    </row>
    <row r="7430" spans="1:4" x14ac:dyDescent="0.4">
      <c r="A7430">
        <v>2993233</v>
      </c>
      <c r="B7430" t="s">
        <v>0</v>
      </c>
      <c r="C7430" t="s">
        <v>7037</v>
      </c>
      <c r="D7430" t="s">
        <v>1758</v>
      </c>
    </row>
    <row r="7431" spans="1:4" x14ac:dyDescent="0.4">
      <c r="A7431">
        <v>2993232</v>
      </c>
      <c r="B7431" t="s">
        <v>0</v>
      </c>
      <c r="C7431" t="s">
        <v>7037</v>
      </c>
      <c r="D7431" t="s">
        <v>7059</v>
      </c>
    </row>
    <row r="7432" spans="1:4" x14ac:dyDescent="0.4">
      <c r="A7432">
        <v>2993213</v>
      </c>
      <c r="B7432" t="s">
        <v>0</v>
      </c>
      <c r="C7432" t="s">
        <v>7037</v>
      </c>
      <c r="D7432" t="s">
        <v>452</v>
      </c>
    </row>
    <row r="7433" spans="1:4" x14ac:dyDescent="0.4">
      <c r="A7433">
        <v>2993222</v>
      </c>
      <c r="B7433" t="s">
        <v>0</v>
      </c>
      <c r="C7433" t="s">
        <v>7037</v>
      </c>
      <c r="D7433" t="s">
        <v>7060</v>
      </c>
    </row>
    <row r="7434" spans="1:4" x14ac:dyDescent="0.4">
      <c r="A7434">
        <v>2993211</v>
      </c>
      <c r="B7434" t="s">
        <v>0</v>
      </c>
      <c r="C7434" t="s">
        <v>7037</v>
      </c>
      <c r="D7434" t="s">
        <v>7061</v>
      </c>
    </row>
    <row r="7435" spans="1:4" x14ac:dyDescent="0.4">
      <c r="A7435">
        <v>2993237</v>
      </c>
      <c r="B7435" t="s">
        <v>0</v>
      </c>
      <c r="C7435" t="s">
        <v>7037</v>
      </c>
      <c r="D7435" t="s">
        <v>7062</v>
      </c>
    </row>
    <row r="7436" spans="1:4" x14ac:dyDescent="0.4">
      <c r="A7436">
        <v>2993234</v>
      </c>
      <c r="B7436" t="s">
        <v>0</v>
      </c>
      <c r="C7436" t="s">
        <v>7037</v>
      </c>
      <c r="D7436" t="s">
        <v>6768</v>
      </c>
    </row>
    <row r="7437" spans="1:4" x14ac:dyDescent="0.4">
      <c r="A7437">
        <v>2993255</v>
      </c>
      <c r="B7437" t="s">
        <v>0</v>
      </c>
      <c r="C7437" t="s">
        <v>7037</v>
      </c>
      <c r="D7437" t="s">
        <v>4271</v>
      </c>
    </row>
    <row r="7438" spans="1:4" x14ac:dyDescent="0.4">
      <c r="A7438">
        <v>2993219</v>
      </c>
      <c r="B7438" t="s">
        <v>0</v>
      </c>
      <c r="C7438" t="s">
        <v>7037</v>
      </c>
      <c r="D7438" t="s">
        <v>7063</v>
      </c>
    </row>
    <row r="7439" spans="1:4" x14ac:dyDescent="0.4">
      <c r="A7439">
        <v>2993202</v>
      </c>
      <c r="B7439" t="s">
        <v>0</v>
      </c>
      <c r="C7439" t="s">
        <v>7037</v>
      </c>
      <c r="D7439" t="s">
        <v>7064</v>
      </c>
    </row>
    <row r="7440" spans="1:4" x14ac:dyDescent="0.4">
      <c r="A7440">
        <v>2993244</v>
      </c>
      <c r="B7440" t="s">
        <v>0</v>
      </c>
      <c r="C7440" t="s">
        <v>7037</v>
      </c>
      <c r="D7440" t="s">
        <v>7065</v>
      </c>
    </row>
    <row r="7441" spans="1:4" x14ac:dyDescent="0.4">
      <c r="A7441">
        <v>2993223</v>
      </c>
      <c r="B7441" t="s">
        <v>0</v>
      </c>
      <c r="C7441" t="s">
        <v>7037</v>
      </c>
      <c r="D7441" t="s">
        <v>7066</v>
      </c>
    </row>
    <row r="7442" spans="1:4" x14ac:dyDescent="0.4">
      <c r="A7442">
        <v>2993236</v>
      </c>
      <c r="B7442" t="s">
        <v>0</v>
      </c>
      <c r="C7442" t="s">
        <v>7037</v>
      </c>
      <c r="D7442" t="s">
        <v>7067</v>
      </c>
    </row>
    <row r="7443" spans="1:4" x14ac:dyDescent="0.4">
      <c r="A7443">
        <v>2993252</v>
      </c>
      <c r="B7443" t="s">
        <v>0</v>
      </c>
      <c r="C7443" t="s">
        <v>7037</v>
      </c>
      <c r="D7443" t="s">
        <v>7068</v>
      </c>
    </row>
    <row r="7444" spans="1:4" x14ac:dyDescent="0.4">
      <c r="A7444">
        <v>2993263</v>
      </c>
      <c r="B7444" t="s">
        <v>0</v>
      </c>
      <c r="C7444" t="s">
        <v>7037</v>
      </c>
      <c r="D7444" t="s">
        <v>854</v>
      </c>
    </row>
    <row r="7445" spans="1:4" x14ac:dyDescent="0.4">
      <c r="A7445">
        <v>2993256</v>
      </c>
      <c r="B7445" t="s">
        <v>0</v>
      </c>
      <c r="C7445" t="s">
        <v>7037</v>
      </c>
      <c r="D7445" t="s">
        <v>3728</v>
      </c>
    </row>
    <row r="7446" spans="1:4" x14ac:dyDescent="0.4">
      <c r="A7446">
        <v>2993254</v>
      </c>
      <c r="B7446" t="s">
        <v>0</v>
      </c>
      <c r="C7446" t="s">
        <v>7037</v>
      </c>
      <c r="D7446" t="s">
        <v>7069</v>
      </c>
    </row>
    <row r="7447" spans="1:4" x14ac:dyDescent="0.4">
      <c r="A7447">
        <v>2830100</v>
      </c>
      <c r="B7447" t="s">
        <v>0</v>
      </c>
      <c r="C7447" t="s">
        <v>7070</v>
      </c>
    </row>
    <row r="7448" spans="1:4" x14ac:dyDescent="0.4">
      <c r="A7448">
        <v>2830105</v>
      </c>
      <c r="B7448" t="s">
        <v>0</v>
      </c>
      <c r="C7448" t="s">
        <v>7070</v>
      </c>
      <c r="D7448" t="s">
        <v>7071</v>
      </c>
    </row>
    <row r="7449" spans="1:4" x14ac:dyDescent="0.4">
      <c r="A7449">
        <v>2830107</v>
      </c>
      <c r="B7449" t="s">
        <v>0</v>
      </c>
      <c r="C7449" t="s">
        <v>7070</v>
      </c>
      <c r="D7449" t="s">
        <v>411</v>
      </c>
    </row>
    <row r="7450" spans="1:4" x14ac:dyDescent="0.4">
      <c r="A7450">
        <v>2830104</v>
      </c>
      <c r="B7450" t="s">
        <v>0</v>
      </c>
      <c r="C7450" t="s">
        <v>7070</v>
      </c>
      <c r="D7450" t="s">
        <v>7072</v>
      </c>
    </row>
    <row r="7451" spans="1:4" x14ac:dyDescent="0.4">
      <c r="A7451">
        <v>2830102</v>
      </c>
      <c r="B7451" t="s">
        <v>0</v>
      </c>
      <c r="C7451" t="s">
        <v>7070</v>
      </c>
      <c r="D7451" t="s">
        <v>7073</v>
      </c>
    </row>
    <row r="7452" spans="1:4" x14ac:dyDescent="0.4">
      <c r="A7452">
        <v>2830101</v>
      </c>
      <c r="B7452" t="s">
        <v>0</v>
      </c>
      <c r="C7452" t="s">
        <v>7070</v>
      </c>
      <c r="D7452" t="s">
        <v>6865</v>
      </c>
    </row>
    <row r="7453" spans="1:4" x14ac:dyDescent="0.4">
      <c r="A7453">
        <v>2830117</v>
      </c>
      <c r="B7453" t="s">
        <v>0</v>
      </c>
      <c r="C7453" t="s">
        <v>7070</v>
      </c>
      <c r="D7453" t="s">
        <v>7074</v>
      </c>
    </row>
    <row r="7454" spans="1:4" x14ac:dyDescent="0.4">
      <c r="A7454">
        <v>2830106</v>
      </c>
      <c r="B7454" t="s">
        <v>0</v>
      </c>
      <c r="C7454" t="s">
        <v>7070</v>
      </c>
      <c r="D7454" t="s">
        <v>434</v>
      </c>
    </row>
    <row r="7455" spans="1:4" x14ac:dyDescent="0.4">
      <c r="A7455">
        <v>2830103</v>
      </c>
      <c r="B7455" t="s">
        <v>0</v>
      </c>
      <c r="C7455" t="s">
        <v>7070</v>
      </c>
      <c r="D7455" t="s">
        <v>7075</v>
      </c>
    </row>
    <row r="7456" spans="1:4" x14ac:dyDescent="0.4">
      <c r="A7456">
        <v>2830116</v>
      </c>
      <c r="B7456" t="s">
        <v>0</v>
      </c>
      <c r="C7456" t="s">
        <v>7070</v>
      </c>
      <c r="D7456" t="s">
        <v>3706</v>
      </c>
    </row>
    <row r="7457" spans="1:4" x14ac:dyDescent="0.4">
      <c r="A7457">
        <v>2830112</v>
      </c>
      <c r="B7457" t="s">
        <v>0</v>
      </c>
      <c r="C7457" t="s">
        <v>7070</v>
      </c>
      <c r="D7457" t="s">
        <v>7076</v>
      </c>
    </row>
    <row r="7458" spans="1:4" x14ac:dyDescent="0.4">
      <c r="A7458">
        <v>2830113</v>
      </c>
      <c r="B7458" t="s">
        <v>0</v>
      </c>
      <c r="C7458" t="s">
        <v>7070</v>
      </c>
      <c r="D7458" t="s">
        <v>7077</v>
      </c>
    </row>
    <row r="7459" spans="1:4" x14ac:dyDescent="0.4">
      <c r="A7459">
        <v>2830111</v>
      </c>
      <c r="B7459" t="s">
        <v>0</v>
      </c>
      <c r="C7459" t="s">
        <v>7070</v>
      </c>
      <c r="D7459" t="s">
        <v>465</v>
      </c>
    </row>
    <row r="7460" spans="1:4" x14ac:dyDescent="0.4">
      <c r="A7460">
        <v>2830114</v>
      </c>
      <c r="B7460" t="s">
        <v>0</v>
      </c>
      <c r="C7460" t="s">
        <v>7070</v>
      </c>
      <c r="D7460" t="s">
        <v>7078</v>
      </c>
    </row>
    <row r="7461" spans="1:4" x14ac:dyDescent="0.4">
      <c r="A7461">
        <v>2830115</v>
      </c>
      <c r="B7461" t="s">
        <v>0</v>
      </c>
      <c r="C7461" t="s">
        <v>7070</v>
      </c>
      <c r="D7461" t="s">
        <v>7079</v>
      </c>
    </row>
    <row r="7462" spans="1:4" x14ac:dyDescent="0.4">
      <c r="A7462">
        <v>2891600</v>
      </c>
      <c r="B7462" t="s">
        <v>0</v>
      </c>
      <c r="C7462" t="s">
        <v>7080</v>
      </c>
    </row>
    <row r="7463" spans="1:4" x14ac:dyDescent="0.4">
      <c r="A7463">
        <v>2891607</v>
      </c>
      <c r="B7463" t="s">
        <v>0</v>
      </c>
      <c r="C7463" t="s">
        <v>7080</v>
      </c>
      <c r="D7463" t="s">
        <v>7081</v>
      </c>
    </row>
    <row r="7464" spans="1:4" x14ac:dyDescent="0.4">
      <c r="A7464">
        <v>2891604</v>
      </c>
      <c r="B7464" t="s">
        <v>0</v>
      </c>
      <c r="C7464" t="s">
        <v>7080</v>
      </c>
      <c r="D7464" t="s">
        <v>7082</v>
      </c>
    </row>
    <row r="7465" spans="1:4" x14ac:dyDescent="0.4">
      <c r="A7465">
        <v>2820035</v>
      </c>
      <c r="B7465" t="s">
        <v>0</v>
      </c>
      <c r="C7465" t="s">
        <v>7080</v>
      </c>
      <c r="D7465" t="s">
        <v>7083</v>
      </c>
    </row>
    <row r="7466" spans="1:4" x14ac:dyDescent="0.4">
      <c r="A7466">
        <v>2891608</v>
      </c>
      <c r="B7466" t="s">
        <v>0</v>
      </c>
      <c r="C7466" t="s">
        <v>7080</v>
      </c>
      <c r="D7466" t="s">
        <v>7084</v>
      </c>
    </row>
    <row r="7467" spans="1:4" x14ac:dyDescent="0.4">
      <c r="A7467">
        <v>2820034</v>
      </c>
      <c r="B7467" t="s">
        <v>0</v>
      </c>
      <c r="C7467" t="s">
        <v>7080</v>
      </c>
      <c r="D7467" t="s">
        <v>7085</v>
      </c>
    </row>
    <row r="7468" spans="1:4" x14ac:dyDescent="0.4">
      <c r="A7468">
        <v>2891603</v>
      </c>
      <c r="B7468" t="s">
        <v>0</v>
      </c>
      <c r="C7468" t="s">
        <v>7080</v>
      </c>
      <c r="D7468" t="s">
        <v>7086</v>
      </c>
    </row>
    <row r="7469" spans="1:4" x14ac:dyDescent="0.4">
      <c r="A7469">
        <v>2891605</v>
      </c>
      <c r="B7469" t="s">
        <v>0</v>
      </c>
      <c r="C7469" t="s">
        <v>7080</v>
      </c>
      <c r="D7469" t="s">
        <v>7087</v>
      </c>
    </row>
    <row r="7470" spans="1:4" x14ac:dyDescent="0.4">
      <c r="A7470">
        <v>2891611</v>
      </c>
      <c r="B7470" t="s">
        <v>0</v>
      </c>
      <c r="C7470" t="s">
        <v>7080</v>
      </c>
      <c r="D7470" t="s">
        <v>7088</v>
      </c>
    </row>
    <row r="7471" spans="1:4" x14ac:dyDescent="0.4">
      <c r="A7471">
        <v>2891612</v>
      </c>
      <c r="B7471" t="s">
        <v>0</v>
      </c>
      <c r="C7471" t="s">
        <v>7080</v>
      </c>
      <c r="D7471" t="s">
        <v>7089</v>
      </c>
    </row>
    <row r="7472" spans="1:4" x14ac:dyDescent="0.4">
      <c r="A7472">
        <v>2820032</v>
      </c>
      <c r="B7472" t="s">
        <v>0</v>
      </c>
      <c r="C7472" t="s">
        <v>7080</v>
      </c>
      <c r="D7472" t="s">
        <v>7090</v>
      </c>
    </row>
    <row r="7473" spans="1:4" x14ac:dyDescent="0.4">
      <c r="A7473">
        <v>2891601</v>
      </c>
      <c r="B7473" t="s">
        <v>0</v>
      </c>
      <c r="C7473" t="s">
        <v>7080</v>
      </c>
      <c r="D7473" t="s">
        <v>7091</v>
      </c>
    </row>
    <row r="7474" spans="1:4" x14ac:dyDescent="0.4">
      <c r="A7474">
        <v>2891624</v>
      </c>
      <c r="B7474" t="s">
        <v>0</v>
      </c>
      <c r="C7474" t="s">
        <v>7080</v>
      </c>
      <c r="D7474" t="s">
        <v>678</v>
      </c>
    </row>
    <row r="7475" spans="1:4" x14ac:dyDescent="0.4">
      <c r="A7475">
        <v>2891615</v>
      </c>
      <c r="B7475" t="s">
        <v>0</v>
      </c>
      <c r="C7475" t="s">
        <v>7080</v>
      </c>
      <c r="D7475" t="s">
        <v>1672</v>
      </c>
    </row>
    <row r="7476" spans="1:4" x14ac:dyDescent="0.4">
      <c r="A7476">
        <v>2891619</v>
      </c>
      <c r="B7476" t="s">
        <v>0</v>
      </c>
      <c r="C7476" t="s">
        <v>7080</v>
      </c>
      <c r="D7476" t="s">
        <v>7092</v>
      </c>
    </row>
    <row r="7477" spans="1:4" x14ac:dyDescent="0.4">
      <c r="A7477">
        <v>2891613</v>
      </c>
      <c r="B7477" t="s">
        <v>0</v>
      </c>
      <c r="C7477" t="s">
        <v>7080</v>
      </c>
      <c r="D7477" t="s">
        <v>7093</v>
      </c>
    </row>
    <row r="7478" spans="1:4" x14ac:dyDescent="0.4">
      <c r="A7478">
        <v>2891623</v>
      </c>
      <c r="B7478" t="s">
        <v>0</v>
      </c>
      <c r="C7478" t="s">
        <v>7080</v>
      </c>
      <c r="D7478" t="s">
        <v>3693</v>
      </c>
    </row>
    <row r="7479" spans="1:4" x14ac:dyDescent="0.4">
      <c r="A7479">
        <v>2891616</v>
      </c>
      <c r="B7479" t="s">
        <v>0</v>
      </c>
      <c r="C7479" t="s">
        <v>7080</v>
      </c>
      <c r="D7479" t="s">
        <v>1916</v>
      </c>
    </row>
    <row r="7480" spans="1:4" x14ac:dyDescent="0.4">
      <c r="A7480">
        <v>2891617</v>
      </c>
      <c r="B7480" t="s">
        <v>0</v>
      </c>
      <c r="C7480" t="s">
        <v>7080</v>
      </c>
      <c r="D7480" t="s">
        <v>7094</v>
      </c>
    </row>
    <row r="7481" spans="1:4" x14ac:dyDescent="0.4">
      <c r="A7481">
        <v>2891625</v>
      </c>
      <c r="B7481" t="s">
        <v>0</v>
      </c>
      <c r="C7481" t="s">
        <v>7080</v>
      </c>
      <c r="D7481" t="s">
        <v>5396</v>
      </c>
    </row>
    <row r="7482" spans="1:4" x14ac:dyDescent="0.4">
      <c r="A7482">
        <v>2891626</v>
      </c>
      <c r="B7482" t="s">
        <v>0</v>
      </c>
      <c r="C7482" t="s">
        <v>7080</v>
      </c>
      <c r="D7482" t="s">
        <v>7095</v>
      </c>
    </row>
    <row r="7483" spans="1:4" x14ac:dyDescent="0.4">
      <c r="A7483">
        <v>2820033</v>
      </c>
      <c r="B7483" t="s">
        <v>0</v>
      </c>
      <c r="C7483" t="s">
        <v>7080</v>
      </c>
      <c r="D7483" t="s">
        <v>7096</v>
      </c>
    </row>
    <row r="7484" spans="1:4" x14ac:dyDescent="0.4">
      <c r="A7484">
        <v>2891602</v>
      </c>
      <c r="B7484" t="s">
        <v>0</v>
      </c>
      <c r="C7484" t="s">
        <v>7080</v>
      </c>
      <c r="D7484" t="s">
        <v>7097</v>
      </c>
    </row>
    <row r="7485" spans="1:4" x14ac:dyDescent="0.4">
      <c r="A7485">
        <v>2891622</v>
      </c>
      <c r="B7485" t="s">
        <v>0</v>
      </c>
      <c r="C7485" t="s">
        <v>7080</v>
      </c>
      <c r="D7485" t="s">
        <v>7098</v>
      </c>
    </row>
    <row r="7486" spans="1:4" x14ac:dyDescent="0.4">
      <c r="A7486">
        <v>2891621</v>
      </c>
      <c r="B7486" t="s">
        <v>0</v>
      </c>
      <c r="C7486" t="s">
        <v>7080</v>
      </c>
      <c r="D7486" t="s">
        <v>6766</v>
      </c>
    </row>
    <row r="7487" spans="1:4" x14ac:dyDescent="0.4">
      <c r="A7487">
        <v>2891614</v>
      </c>
      <c r="B7487" t="s">
        <v>0</v>
      </c>
      <c r="C7487" t="s">
        <v>7080</v>
      </c>
      <c r="D7487" t="s">
        <v>2241</v>
      </c>
    </row>
    <row r="7488" spans="1:4" x14ac:dyDescent="0.4">
      <c r="A7488">
        <v>2891606</v>
      </c>
      <c r="B7488" t="s">
        <v>0</v>
      </c>
      <c r="C7488" t="s">
        <v>7080</v>
      </c>
      <c r="D7488" t="s">
        <v>3729</v>
      </c>
    </row>
    <row r="7489" spans="1:4" x14ac:dyDescent="0.4">
      <c r="A7489">
        <v>2891618</v>
      </c>
      <c r="B7489" t="s">
        <v>0</v>
      </c>
      <c r="C7489" t="s">
        <v>7080</v>
      </c>
      <c r="D7489" t="s">
        <v>2130</v>
      </c>
    </row>
    <row r="7490" spans="1:4" x14ac:dyDescent="0.4">
      <c r="A7490">
        <v>2891700</v>
      </c>
      <c r="B7490" t="s">
        <v>0</v>
      </c>
      <c r="C7490" t="s">
        <v>7099</v>
      </c>
    </row>
    <row r="7491" spans="1:4" x14ac:dyDescent="0.4">
      <c r="A7491">
        <v>2891707</v>
      </c>
      <c r="B7491" t="s">
        <v>0</v>
      </c>
      <c r="C7491" t="s">
        <v>7099</v>
      </c>
      <c r="D7491" t="s">
        <v>590</v>
      </c>
    </row>
    <row r="7492" spans="1:4" x14ac:dyDescent="0.4">
      <c r="A7492">
        <v>2891706</v>
      </c>
      <c r="B7492" t="s">
        <v>0</v>
      </c>
      <c r="C7492" t="s">
        <v>7099</v>
      </c>
      <c r="D7492" t="s">
        <v>7100</v>
      </c>
    </row>
    <row r="7493" spans="1:4" x14ac:dyDescent="0.4">
      <c r="A7493">
        <v>2891742</v>
      </c>
      <c r="B7493" t="s">
        <v>0</v>
      </c>
      <c r="C7493" t="s">
        <v>7099</v>
      </c>
      <c r="D7493" t="s">
        <v>7101</v>
      </c>
    </row>
    <row r="7494" spans="1:4" x14ac:dyDescent="0.4">
      <c r="A7494">
        <v>2891752</v>
      </c>
      <c r="B7494" t="s">
        <v>0</v>
      </c>
      <c r="C7494" t="s">
        <v>7099</v>
      </c>
      <c r="D7494" t="s">
        <v>7102</v>
      </c>
    </row>
    <row r="7495" spans="1:4" x14ac:dyDescent="0.4">
      <c r="A7495">
        <v>2891711</v>
      </c>
      <c r="B7495" t="s">
        <v>0</v>
      </c>
      <c r="C7495" t="s">
        <v>7099</v>
      </c>
      <c r="D7495" t="s">
        <v>7103</v>
      </c>
    </row>
    <row r="7496" spans="1:4" x14ac:dyDescent="0.4">
      <c r="A7496">
        <v>2891748</v>
      </c>
      <c r="B7496" t="s">
        <v>0</v>
      </c>
      <c r="C7496" t="s">
        <v>7099</v>
      </c>
      <c r="D7496" t="s">
        <v>7104</v>
      </c>
    </row>
    <row r="7497" spans="1:4" x14ac:dyDescent="0.4">
      <c r="A7497">
        <v>2891725</v>
      </c>
      <c r="B7497" t="s">
        <v>0</v>
      </c>
      <c r="C7497" t="s">
        <v>7099</v>
      </c>
      <c r="D7497" t="s">
        <v>7105</v>
      </c>
    </row>
    <row r="7498" spans="1:4" x14ac:dyDescent="0.4">
      <c r="A7498">
        <v>2891745</v>
      </c>
      <c r="B7498" t="s">
        <v>0</v>
      </c>
      <c r="C7498" t="s">
        <v>7099</v>
      </c>
      <c r="D7498" t="s">
        <v>7106</v>
      </c>
    </row>
    <row r="7499" spans="1:4" x14ac:dyDescent="0.4">
      <c r="A7499">
        <v>2891723</v>
      </c>
      <c r="B7499" t="s">
        <v>0</v>
      </c>
      <c r="C7499" t="s">
        <v>7099</v>
      </c>
      <c r="D7499" t="s">
        <v>611</v>
      </c>
    </row>
    <row r="7500" spans="1:4" x14ac:dyDescent="0.4">
      <c r="A7500">
        <v>2891734</v>
      </c>
      <c r="B7500" t="s">
        <v>0</v>
      </c>
      <c r="C7500" t="s">
        <v>7099</v>
      </c>
      <c r="D7500" t="s">
        <v>7107</v>
      </c>
    </row>
    <row r="7501" spans="1:4" x14ac:dyDescent="0.4">
      <c r="A7501">
        <v>2891726</v>
      </c>
      <c r="B7501" t="s">
        <v>0</v>
      </c>
      <c r="C7501" t="s">
        <v>7099</v>
      </c>
      <c r="D7501" t="s">
        <v>6791</v>
      </c>
    </row>
    <row r="7502" spans="1:4" x14ac:dyDescent="0.4">
      <c r="A7502">
        <v>2891744</v>
      </c>
      <c r="B7502" t="s">
        <v>0</v>
      </c>
      <c r="C7502" t="s">
        <v>7099</v>
      </c>
      <c r="D7502" t="s">
        <v>7108</v>
      </c>
    </row>
    <row r="7503" spans="1:4" x14ac:dyDescent="0.4">
      <c r="A7503">
        <v>2891733</v>
      </c>
      <c r="B7503" t="s">
        <v>0</v>
      </c>
      <c r="C7503" t="s">
        <v>7099</v>
      </c>
      <c r="D7503" t="s">
        <v>239</v>
      </c>
    </row>
    <row r="7504" spans="1:4" x14ac:dyDescent="0.4">
      <c r="A7504">
        <v>2891731</v>
      </c>
      <c r="B7504" t="s">
        <v>0</v>
      </c>
      <c r="C7504" t="s">
        <v>7099</v>
      </c>
      <c r="D7504" t="s">
        <v>4691</v>
      </c>
    </row>
    <row r="7505" spans="1:4" x14ac:dyDescent="0.4">
      <c r="A7505">
        <v>2891713</v>
      </c>
      <c r="B7505" t="s">
        <v>0</v>
      </c>
      <c r="C7505" t="s">
        <v>7099</v>
      </c>
      <c r="D7505" t="s">
        <v>625</v>
      </c>
    </row>
    <row r="7506" spans="1:4" x14ac:dyDescent="0.4">
      <c r="A7506">
        <v>2891754</v>
      </c>
      <c r="B7506" t="s">
        <v>0</v>
      </c>
      <c r="C7506" t="s">
        <v>7099</v>
      </c>
      <c r="D7506" t="s">
        <v>4123</v>
      </c>
    </row>
    <row r="7507" spans="1:4" x14ac:dyDescent="0.4">
      <c r="A7507">
        <v>2891755</v>
      </c>
      <c r="B7507" t="s">
        <v>0</v>
      </c>
      <c r="C7507" t="s">
        <v>7099</v>
      </c>
      <c r="D7507" t="s">
        <v>7109</v>
      </c>
    </row>
    <row r="7508" spans="1:4" x14ac:dyDescent="0.4">
      <c r="A7508">
        <v>2891701</v>
      </c>
      <c r="B7508" t="s">
        <v>0</v>
      </c>
      <c r="C7508" t="s">
        <v>7099</v>
      </c>
      <c r="D7508" t="s">
        <v>7110</v>
      </c>
    </row>
    <row r="7509" spans="1:4" x14ac:dyDescent="0.4">
      <c r="A7509">
        <v>2891708</v>
      </c>
      <c r="B7509" t="s">
        <v>0</v>
      </c>
      <c r="C7509" t="s">
        <v>7099</v>
      </c>
      <c r="D7509" t="s">
        <v>7111</v>
      </c>
    </row>
    <row r="7510" spans="1:4" x14ac:dyDescent="0.4">
      <c r="A7510">
        <v>2891715</v>
      </c>
      <c r="B7510" t="s">
        <v>0</v>
      </c>
      <c r="C7510" t="s">
        <v>7099</v>
      </c>
      <c r="D7510" t="s">
        <v>4008</v>
      </c>
    </row>
    <row r="7511" spans="1:4" x14ac:dyDescent="0.4">
      <c r="A7511">
        <v>2891716</v>
      </c>
      <c r="B7511" t="s">
        <v>0</v>
      </c>
      <c r="C7511" t="s">
        <v>7099</v>
      </c>
      <c r="D7511" t="s">
        <v>7112</v>
      </c>
    </row>
    <row r="7512" spans="1:4" x14ac:dyDescent="0.4">
      <c r="A7512">
        <v>2891747</v>
      </c>
      <c r="B7512" t="s">
        <v>0</v>
      </c>
      <c r="C7512" t="s">
        <v>7099</v>
      </c>
      <c r="D7512" t="s">
        <v>7113</v>
      </c>
    </row>
    <row r="7513" spans="1:4" x14ac:dyDescent="0.4">
      <c r="A7513">
        <v>2891712</v>
      </c>
      <c r="B7513" t="s">
        <v>0</v>
      </c>
      <c r="C7513" t="s">
        <v>7099</v>
      </c>
      <c r="D7513" t="s">
        <v>3201</v>
      </c>
    </row>
    <row r="7514" spans="1:4" x14ac:dyDescent="0.4">
      <c r="A7514">
        <v>2891746</v>
      </c>
      <c r="B7514" t="s">
        <v>0</v>
      </c>
      <c r="C7514" t="s">
        <v>7099</v>
      </c>
      <c r="D7514" t="s">
        <v>7114</v>
      </c>
    </row>
    <row r="7515" spans="1:4" x14ac:dyDescent="0.4">
      <c r="A7515">
        <v>2891757</v>
      </c>
      <c r="B7515" t="s">
        <v>0</v>
      </c>
      <c r="C7515" t="s">
        <v>7099</v>
      </c>
      <c r="D7515" t="s">
        <v>6482</v>
      </c>
    </row>
    <row r="7516" spans="1:4" x14ac:dyDescent="0.4">
      <c r="A7516">
        <v>2891704</v>
      </c>
      <c r="B7516" t="s">
        <v>0</v>
      </c>
      <c r="C7516" t="s">
        <v>7099</v>
      </c>
      <c r="D7516" t="s">
        <v>7115</v>
      </c>
    </row>
    <row r="7517" spans="1:4" x14ac:dyDescent="0.4">
      <c r="A7517">
        <v>2891753</v>
      </c>
      <c r="B7517" t="s">
        <v>0</v>
      </c>
      <c r="C7517" t="s">
        <v>7099</v>
      </c>
      <c r="D7517" t="s">
        <v>7116</v>
      </c>
    </row>
    <row r="7518" spans="1:4" x14ac:dyDescent="0.4">
      <c r="A7518">
        <v>2891738</v>
      </c>
      <c r="B7518" t="s">
        <v>0</v>
      </c>
      <c r="C7518" t="s">
        <v>7099</v>
      </c>
      <c r="D7518" t="s">
        <v>7117</v>
      </c>
    </row>
    <row r="7519" spans="1:4" x14ac:dyDescent="0.4">
      <c r="A7519">
        <v>2891737</v>
      </c>
      <c r="B7519" t="s">
        <v>0</v>
      </c>
      <c r="C7519" t="s">
        <v>7099</v>
      </c>
      <c r="D7519" t="s">
        <v>7118</v>
      </c>
    </row>
    <row r="7520" spans="1:4" x14ac:dyDescent="0.4">
      <c r="A7520">
        <v>2891739</v>
      </c>
      <c r="B7520" t="s">
        <v>0</v>
      </c>
      <c r="C7520" t="s">
        <v>7099</v>
      </c>
      <c r="D7520" t="s">
        <v>7119</v>
      </c>
    </row>
    <row r="7521" spans="1:4" x14ac:dyDescent="0.4">
      <c r="A7521">
        <v>2891756</v>
      </c>
      <c r="B7521" t="s">
        <v>0</v>
      </c>
      <c r="C7521" t="s">
        <v>7099</v>
      </c>
      <c r="D7521" t="s">
        <v>7120</v>
      </c>
    </row>
    <row r="7522" spans="1:4" x14ac:dyDescent="0.4">
      <c r="A7522">
        <v>2891741</v>
      </c>
      <c r="B7522" t="s">
        <v>0</v>
      </c>
      <c r="C7522" t="s">
        <v>7099</v>
      </c>
      <c r="D7522" t="s">
        <v>2163</v>
      </c>
    </row>
    <row r="7523" spans="1:4" x14ac:dyDescent="0.4">
      <c r="A7523">
        <v>2891751</v>
      </c>
      <c r="B7523" t="s">
        <v>0</v>
      </c>
      <c r="C7523" t="s">
        <v>7099</v>
      </c>
      <c r="D7523" t="s">
        <v>7121</v>
      </c>
    </row>
    <row r="7524" spans="1:4" x14ac:dyDescent="0.4">
      <c r="A7524">
        <v>2891736</v>
      </c>
      <c r="B7524" t="s">
        <v>0</v>
      </c>
      <c r="C7524" t="s">
        <v>7099</v>
      </c>
      <c r="D7524" t="s">
        <v>7122</v>
      </c>
    </row>
    <row r="7525" spans="1:4" x14ac:dyDescent="0.4">
      <c r="A7525">
        <v>2891714</v>
      </c>
      <c r="B7525" t="s">
        <v>0</v>
      </c>
      <c r="C7525" t="s">
        <v>7099</v>
      </c>
      <c r="D7525" t="s">
        <v>7123</v>
      </c>
    </row>
    <row r="7526" spans="1:4" x14ac:dyDescent="0.4">
      <c r="A7526">
        <v>2891724</v>
      </c>
      <c r="B7526" t="s">
        <v>0</v>
      </c>
      <c r="C7526" t="s">
        <v>7099</v>
      </c>
      <c r="D7526" t="s">
        <v>7124</v>
      </c>
    </row>
    <row r="7527" spans="1:4" x14ac:dyDescent="0.4">
      <c r="A7527">
        <v>2891702</v>
      </c>
      <c r="B7527" t="s">
        <v>0</v>
      </c>
      <c r="C7527" t="s">
        <v>7099</v>
      </c>
      <c r="D7527" t="s">
        <v>463</v>
      </c>
    </row>
    <row r="7528" spans="1:4" x14ac:dyDescent="0.4">
      <c r="A7528">
        <v>2891703</v>
      </c>
      <c r="B7528" t="s">
        <v>0</v>
      </c>
      <c r="C7528" t="s">
        <v>7099</v>
      </c>
      <c r="D7528" t="s">
        <v>7125</v>
      </c>
    </row>
    <row r="7529" spans="1:4" x14ac:dyDescent="0.4">
      <c r="A7529">
        <v>2891705</v>
      </c>
      <c r="B7529" t="s">
        <v>0</v>
      </c>
      <c r="C7529" t="s">
        <v>7099</v>
      </c>
      <c r="D7529" t="s">
        <v>7126</v>
      </c>
    </row>
    <row r="7530" spans="1:4" x14ac:dyDescent="0.4">
      <c r="A7530">
        <v>2891727</v>
      </c>
      <c r="B7530" t="s">
        <v>0</v>
      </c>
      <c r="C7530" t="s">
        <v>7099</v>
      </c>
      <c r="D7530" t="s">
        <v>5195</v>
      </c>
    </row>
    <row r="7531" spans="1:4" x14ac:dyDescent="0.4">
      <c r="A7531">
        <v>2891717</v>
      </c>
      <c r="B7531" t="s">
        <v>0</v>
      </c>
      <c r="C7531" t="s">
        <v>7099</v>
      </c>
      <c r="D7531" t="s">
        <v>7127</v>
      </c>
    </row>
    <row r="7532" spans="1:4" x14ac:dyDescent="0.4">
      <c r="A7532">
        <v>2891722</v>
      </c>
      <c r="B7532" t="s">
        <v>0</v>
      </c>
      <c r="C7532" t="s">
        <v>7099</v>
      </c>
      <c r="D7532" t="s">
        <v>7128</v>
      </c>
    </row>
    <row r="7533" spans="1:4" x14ac:dyDescent="0.4">
      <c r="A7533">
        <v>2891735</v>
      </c>
      <c r="B7533" t="s">
        <v>0</v>
      </c>
      <c r="C7533" t="s">
        <v>7099</v>
      </c>
      <c r="D7533" t="s">
        <v>7129</v>
      </c>
    </row>
    <row r="7534" spans="1:4" x14ac:dyDescent="0.4">
      <c r="A7534">
        <v>2891743</v>
      </c>
      <c r="B7534" t="s">
        <v>0</v>
      </c>
      <c r="C7534" t="s">
        <v>7099</v>
      </c>
      <c r="D7534" t="s">
        <v>7130</v>
      </c>
    </row>
    <row r="7535" spans="1:4" x14ac:dyDescent="0.4">
      <c r="A7535">
        <v>2891721</v>
      </c>
      <c r="B7535" t="s">
        <v>0</v>
      </c>
      <c r="C7535" t="s">
        <v>7099</v>
      </c>
      <c r="D7535" t="s">
        <v>853</v>
      </c>
    </row>
    <row r="7536" spans="1:4" x14ac:dyDescent="0.4">
      <c r="A7536">
        <v>2891732</v>
      </c>
      <c r="B7536" t="s">
        <v>0</v>
      </c>
      <c r="C7536" t="s">
        <v>7099</v>
      </c>
      <c r="D7536" t="s">
        <v>7131</v>
      </c>
    </row>
    <row r="7537" spans="1:4" x14ac:dyDescent="0.4">
      <c r="A7537">
        <v>2891749</v>
      </c>
      <c r="B7537" t="s">
        <v>0</v>
      </c>
      <c r="C7537" t="s">
        <v>7099</v>
      </c>
      <c r="D7537" t="s">
        <v>7132</v>
      </c>
    </row>
    <row r="7538" spans="1:4" x14ac:dyDescent="0.4">
      <c r="A7538">
        <v>2994300</v>
      </c>
      <c r="B7538" t="s">
        <v>0</v>
      </c>
      <c r="C7538" t="s">
        <v>7133</v>
      </c>
    </row>
    <row r="7539" spans="1:4" x14ac:dyDescent="0.4">
      <c r="A7539">
        <v>2994314</v>
      </c>
      <c r="B7539" t="s">
        <v>0</v>
      </c>
      <c r="C7539" t="s">
        <v>7133</v>
      </c>
      <c r="D7539" t="s">
        <v>7134</v>
      </c>
    </row>
    <row r="7540" spans="1:4" x14ac:dyDescent="0.4">
      <c r="A7540">
        <v>2994315</v>
      </c>
      <c r="B7540" t="s">
        <v>0</v>
      </c>
      <c r="C7540" t="s">
        <v>7133</v>
      </c>
      <c r="D7540" t="s">
        <v>7135</v>
      </c>
    </row>
    <row r="7541" spans="1:4" x14ac:dyDescent="0.4">
      <c r="A7541">
        <v>2994316</v>
      </c>
      <c r="B7541" t="s">
        <v>0</v>
      </c>
      <c r="C7541" t="s">
        <v>7133</v>
      </c>
      <c r="D7541" t="s">
        <v>7136</v>
      </c>
    </row>
    <row r="7542" spans="1:4" x14ac:dyDescent="0.4">
      <c r="A7542">
        <v>2994301</v>
      </c>
      <c r="B7542" t="s">
        <v>0</v>
      </c>
      <c r="C7542" t="s">
        <v>7133</v>
      </c>
      <c r="D7542" t="s">
        <v>7137</v>
      </c>
    </row>
    <row r="7543" spans="1:4" x14ac:dyDescent="0.4">
      <c r="A7543">
        <v>2994313</v>
      </c>
      <c r="B7543" t="s">
        <v>0</v>
      </c>
      <c r="C7543" t="s">
        <v>7133</v>
      </c>
      <c r="D7543" t="s">
        <v>7138</v>
      </c>
    </row>
    <row r="7544" spans="1:4" x14ac:dyDescent="0.4">
      <c r="A7544">
        <v>2994302</v>
      </c>
      <c r="B7544" t="s">
        <v>0</v>
      </c>
      <c r="C7544" t="s">
        <v>7133</v>
      </c>
      <c r="D7544" t="s">
        <v>372</v>
      </c>
    </row>
    <row r="7545" spans="1:4" x14ac:dyDescent="0.4">
      <c r="A7545">
        <v>2994304</v>
      </c>
      <c r="B7545" t="s">
        <v>0</v>
      </c>
      <c r="C7545" t="s">
        <v>7133</v>
      </c>
      <c r="D7545" t="s">
        <v>7139</v>
      </c>
    </row>
    <row r="7546" spans="1:4" x14ac:dyDescent="0.4">
      <c r="A7546">
        <v>2994303</v>
      </c>
      <c r="B7546" t="s">
        <v>0</v>
      </c>
      <c r="C7546" t="s">
        <v>7133</v>
      </c>
      <c r="D7546" t="s">
        <v>7140</v>
      </c>
    </row>
    <row r="7547" spans="1:4" x14ac:dyDescent="0.4">
      <c r="A7547">
        <v>2994311</v>
      </c>
      <c r="B7547" t="s">
        <v>0</v>
      </c>
      <c r="C7547" t="s">
        <v>7133</v>
      </c>
      <c r="D7547" t="s">
        <v>746</v>
      </c>
    </row>
    <row r="7548" spans="1:4" x14ac:dyDescent="0.4">
      <c r="A7548">
        <v>2994305</v>
      </c>
      <c r="B7548" t="s">
        <v>0</v>
      </c>
      <c r="C7548" t="s">
        <v>7133</v>
      </c>
      <c r="D7548" t="s">
        <v>7141</v>
      </c>
    </row>
    <row r="7549" spans="1:4" x14ac:dyDescent="0.4">
      <c r="A7549">
        <v>2994312</v>
      </c>
      <c r="B7549" t="s">
        <v>0</v>
      </c>
      <c r="C7549" t="s">
        <v>7133</v>
      </c>
      <c r="D7549" t="s">
        <v>3970</v>
      </c>
    </row>
    <row r="7550" spans="1:4" x14ac:dyDescent="0.4">
      <c r="A7550">
        <v>2994400</v>
      </c>
      <c r="B7550" t="s">
        <v>0</v>
      </c>
      <c r="C7550" t="s">
        <v>7142</v>
      </c>
    </row>
    <row r="7551" spans="1:4" x14ac:dyDescent="0.4">
      <c r="A7551">
        <v>2994412</v>
      </c>
      <c r="B7551" t="s">
        <v>0</v>
      </c>
      <c r="C7551" t="s">
        <v>7142</v>
      </c>
      <c r="D7551" t="s">
        <v>2180</v>
      </c>
    </row>
    <row r="7552" spans="1:4" x14ac:dyDescent="0.4">
      <c r="A7552">
        <v>2994423</v>
      </c>
      <c r="B7552" t="s">
        <v>0</v>
      </c>
      <c r="C7552" t="s">
        <v>7142</v>
      </c>
      <c r="D7552" t="s">
        <v>7143</v>
      </c>
    </row>
    <row r="7553" spans="1:4" x14ac:dyDescent="0.4">
      <c r="A7553">
        <v>2994405</v>
      </c>
      <c r="B7553" t="s">
        <v>0</v>
      </c>
      <c r="C7553" t="s">
        <v>7142</v>
      </c>
      <c r="D7553" t="s">
        <v>6435</v>
      </c>
    </row>
    <row r="7554" spans="1:4" x14ac:dyDescent="0.4">
      <c r="A7554">
        <v>2994403</v>
      </c>
      <c r="B7554" t="s">
        <v>0</v>
      </c>
      <c r="C7554" t="s">
        <v>7142</v>
      </c>
      <c r="D7554" t="s">
        <v>7144</v>
      </c>
    </row>
    <row r="7555" spans="1:4" x14ac:dyDescent="0.4">
      <c r="A7555">
        <v>2994413</v>
      </c>
      <c r="B7555" t="s">
        <v>0</v>
      </c>
      <c r="C7555" t="s">
        <v>7142</v>
      </c>
      <c r="D7555" t="s">
        <v>7145</v>
      </c>
    </row>
    <row r="7556" spans="1:4" x14ac:dyDescent="0.4">
      <c r="A7556">
        <v>2994402</v>
      </c>
      <c r="B7556" t="s">
        <v>0</v>
      </c>
      <c r="C7556" t="s">
        <v>7142</v>
      </c>
      <c r="D7556" t="s">
        <v>6476</v>
      </c>
    </row>
    <row r="7557" spans="1:4" x14ac:dyDescent="0.4">
      <c r="A7557">
        <v>2994411</v>
      </c>
      <c r="B7557" t="s">
        <v>0</v>
      </c>
      <c r="C7557" t="s">
        <v>7142</v>
      </c>
      <c r="D7557" t="s">
        <v>7146</v>
      </c>
    </row>
    <row r="7558" spans="1:4" x14ac:dyDescent="0.4">
      <c r="A7558">
        <v>2994404</v>
      </c>
      <c r="B7558" t="s">
        <v>0</v>
      </c>
      <c r="C7558" t="s">
        <v>7142</v>
      </c>
      <c r="D7558" t="s">
        <v>2666</v>
      </c>
    </row>
    <row r="7559" spans="1:4" x14ac:dyDescent="0.4">
      <c r="A7559">
        <v>2994406</v>
      </c>
      <c r="B7559" t="s">
        <v>0</v>
      </c>
      <c r="C7559" t="s">
        <v>7142</v>
      </c>
      <c r="D7559" t="s">
        <v>7147</v>
      </c>
    </row>
    <row r="7560" spans="1:4" x14ac:dyDescent="0.4">
      <c r="A7560">
        <v>2994415</v>
      </c>
      <c r="B7560" t="s">
        <v>0</v>
      </c>
      <c r="C7560" t="s">
        <v>7142</v>
      </c>
      <c r="D7560" t="s">
        <v>7148</v>
      </c>
    </row>
    <row r="7561" spans="1:4" x14ac:dyDescent="0.4">
      <c r="A7561">
        <v>2994425</v>
      </c>
      <c r="B7561" t="s">
        <v>0</v>
      </c>
      <c r="C7561" t="s">
        <v>7142</v>
      </c>
      <c r="D7561" t="s">
        <v>2096</v>
      </c>
    </row>
    <row r="7562" spans="1:4" x14ac:dyDescent="0.4">
      <c r="A7562">
        <v>2994414</v>
      </c>
      <c r="B7562" t="s">
        <v>0</v>
      </c>
      <c r="C7562" t="s">
        <v>7142</v>
      </c>
      <c r="D7562" t="s">
        <v>7149</v>
      </c>
    </row>
    <row r="7563" spans="1:4" x14ac:dyDescent="0.4">
      <c r="A7563">
        <v>2994421</v>
      </c>
      <c r="B7563" t="s">
        <v>0</v>
      </c>
      <c r="C7563" t="s">
        <v>7142</v>
      </c>
      <c r="D7563" t="s">
        <v>7150</v>
      </c>
    </row>
    <row r="7564" spans="1:4" x14ac:dyDescent="0.4">
      <c r="A7564">
        <v>2994401</v>
      </c>
      <c r="B7564" t="s">
        <v>0</v>
      </c>
      <c r="C7564" t="s">
        <v>7142</v>
      </c>
      <c r="D7564" t="s">
        <v>375</v>
      </c>
    </row>
    <row r="7565" spans="1:4" x14ac:dyDescent="0.4">
      <c r="A7565">
        <v>2994424</v>
      </c>
      <c r="B7565" t="s">
        <v>0</v>
      </c>
      <c r="C7565" t="s">
        <v>7142</v>
      </c>
      <c r="D7565" t="s">
        <v>7151</v>
      </c>
    </row>
    <row r="7566" spans="1:4" x14ac:dyDescent="0.4">
      <c r="A7566">
        <v>2994422</v>
      </c>
      <c r="B7566" t="s">
        <v>0</v>
      </c>
      <c r="C7566" t="s">
        <v>7142</v>
      </c>
      <c r="D7566" t="s">
        <v>2484</v>
      </c>
    </row>
    <row r="7567" spans="1:4" x14ac:dyDescent="0.4">
      <c r="A7567">
        <v>2994300</v>
      </c>
      <c r="B7567" t="s">
        <v>0</v>
      </c>
      <c r="C7567" t="s">
        <v>7152</v>
      </c>
    </row>
    <row r="7568" spans="1:4" x14ac:dyDescent="0.4">
      <c r="A7568">
        <v>2994321</v>
      </c>
      <c r="B7568" t="s">
        <v>0</v>
      </c>
      <c r="C7568" t="s">
        <v>7152</v>
      </c>
      <c r="D7568" t="s">
        <v>7153</v>
      </c>
    </row>
    <row r="7569" spans="1:4" x14ac:dyDescent="0.4">
      <c r="A7569">
        <v>2994336</v>
      </c>
      <c r="B7569" t="s">
        <v>0</v>
      </c>
      <c r="C7569" t="s">
        <v>7152</v>
      </c>
      <c r="D7569" t="s">
        <v>7154</v>
      </c>
    </row>
    <row r="7570" spans="1:4" x14ac:dyDescent="0.4">
      <c r="A7570">
        <v>2994343</v>
      </c>
      <c r="B7570" t="s">
        <v>0</v>
      </c>
      <c r="C7570" t="s">
        <v>7152</v>
      </c>
      <c r="D7570" t="s">
        <v>7155</v>
      </c>
    </row>
    <row r="7571" spans="1:4" x14ac:dyDescent="0.4">
      <c r="A7571">
        <v>2994322</v>
      </c>
      <c r="B7571" t="s">
        <v>0</v>
      </c>
      <c r="C7571" t="s">
        <v>7152</v>
      </c>
      <c r="D7571" t="s">
        <v>7156</v>
      </c>
    </row>
    <row r="7572" spans="1:4" x14ac:dyDescent="0.4">
      <c r="A7572">
        <v>2994332</v>
      </c>
      <c r="B7572" t="s">
        <v>0</v>
      </c>
      <c r="C7572" t="s">
        <v>7152</v>
      </c>
      <c r="D7572" t="s">
        <v>7157</v>
      </c>
    </row>
    <row r="7573" spans="1:4" x14ac:dyDescent="0.4">
      <c r="A7573">
        <v>2994337</v>
      </c>
      <c r="B7573" t="s">
        <v>0</v>
      </c>
      <c r="C7573" t="s">
        <v>7152</v>
      </c>
      <c r="D7573" t="s">
        <v>7158</v>
      </c>
    </row>
    <row r="7574" spans="1:4" x14ac:dyDescent="0.4">
      <c r="A7574">
        <v>2994347</v>
      </c>
      <c r="B7574" t="s">
        <v>0</v>
      </c>
      <c r="C7574" t="s">
        <v>7152</v>
      </c>
      <c r="D7574" t="s">
        <v>6792</v>
      </c>
    </row>
    <row r="7575" spans="1:4" x14ac:dyDescent="0.4">
      <c r="A7575">
        <v>2994344</v>
      </c>
      <c r="B7575" t="s">
        <v>0</v>
      </c>
      <c r="C7575" t="s">
        <v>7152</v>
      </c>
      <c r="D7575" t="s">
        <v>180</v>
      </c>
    </row>
    <row r="7576" spans="1:4" x14ac:dyDescent="0.4">
      <c r="A7576">
        <v>2994346</v>
      </c>
      <c r="B7576" t="s">
        <v>0</v>
      </c>
      <c r="C7576" t="s">
        <v>7152</v>
      </c>
      <c r="D7576" t="s">
        <v>7159</v>
      </c>
    </row>
    <row r="7577" spans="1:4" x14ac:dyDescent="0.4">
      <c r="A7577">
        <v>2994333</v>
      </c>
      <c r="B7577" t="s">
        <v>0</v>
      </c>
      <c r="C7577" t="s">
        <v>7152</v>
      </c>
      <c r="D7577" t="s">
        <v>7160</v>
      </c>
    </row>
    <row r="7578" spans="1:4" x14ac:dyDescent="0.4">
      <c r="A7578">
        <v>2600000</v>
      </c>
      <c r="B7578" t="s">
        <v>0</v>
      </c>
      <c r="C7578" t="s">
        <v>7161</v>
      </c>
    </row>
    <row r="7579" spans="1:4" x14ac:dyDescent="0.4">
      <c r="A7579">
        <v>2600852</v>
      </c>
      <c r="B7579" t="s">
        <v>0</v>
      </c>
      <c r="C7579" t="s">
        <v>7161</v>
      </c>
      <c r="D7579" t="s">
        <v>3538</v>
      </c>
    </row>
    <row r="7580" spans="1:4" x14ac:dyDescent="0.4">
      <c r="A7580">
        <v>2600804</v>
      </c>
      <c r="B7580" t="s">
        <v>0</v>
      </c>
      <c r="C7580" t="s">
        <v>7161</v>
      </c>
      <c r="D7580" t="s">
        <v>7162</v>
      </c>
    </row>
    <row r="7581" spans="1:4" x14ac:dyDescent="0.4">
      <c r="A7581">
        <v>2600002</v>
      </c>
      <c r="B7581" t="s">
        <v>0</v>
      </c>
      <c r="C7581" t="s">
        <v>7161</v>
      </c>
      <c r="D7581" t="s">
        <v>222</v>
      </c>
    </row>
    <row r="7582" spans="1:4" x14ac:dyDescent="0.4">
      <c r="A7582">
        <v>2600855</v>
      </c>
      <c r="B7582" t="s">
        <v>0</v>
      </c>
      <c r="C7582" t="s">
        <v>7161</v>
      </c>
      <c r="D7582" t="s">
        <v>7163</v>
      </c>
    </row>
    <row r="7583" spans="1:4" x14ac:dyDescent="0.4">
      <c r="A7583">
        <v>2600833</v>
      </c>
      <c r="B7583" t="s">
        <v>0</v>
      </c>
      <c r="C7583" t="s">
        <v>7161</v>
      </c>
      <c r="D7583" t="s">
        <v>1653</v>
      </c>
    </row>
    <row r="7584" spans="1:4" x14ac:dyDescent="0.4">
      <c r="A7584">
        <v>2600856</v>
      </c>
      <c r="B7584" t="s">
        <v>0</v>
      </c>
      <c r="C7584" t="s">
        <v>7161</v>
      </c>
      <c r="D7584" t="s">
        <v>7164</v>
      </c>
    </row>
    <row r="7585" spans="1:4" x14ac:dyDescent="0.4">
      <c r="A7585">
        <v>2600834</v>
      </c>
      <c r="B7585" t="s">
        <v>0</v>
      </c>
      <c r="C7585" t="s">
        <v>7161</v>
      </c>
      <c r="D7585" t="s">
        <v>2009</v>
      </c>
    </row>
    <row r="7586" spans="1:4" x14ac:dyDescent="0.4">
      <c r="A7586">
        <v>2600815</v>
      </c>
      <c r="B7586" t="s">
        <v>0</v>
      </c>
      <c r="C7586" t="s">
        <v>7161</v>
      </c>
      <c r="D7586" t="s">
        <v>7165</v>
      </c>
    </row>
    <row r="7587" spans="1:4" x14ac:dyDescent="0.4">
      <c r="A7587">
        <v>2600018</v>
      </c>
      <c r="B7587" t="s">
        <v>0</v>
      </c>
      <c r="C7587" t="s">
        <v>7161</v>
      </c>
      <c r="D7587" t="s">
        <v>7166</v>
      </c>
    </row>
    <row r="7588" spans="1:4" x14ac:dyDescent="0.4">
      <c r="A7588">
        <v>2600816</v>
      </c>
      <c r="B7588" t="s">
        <v>0</v>
      </c>
      <c r="C7588" t="s">
        <v>7161</v>
      </c>
      <c r="D7588" t="s">
        <v>7167</v>
      </c>
    </row>
    <row r="7589" spans="1:4" x14ac:dyDescent="0.4">
      <c r="A7589">
        <v>2600811</v>
      </c>
      <c r="B7589" t="s">
        <v>0</v>
      </c>
      <c r="C7589" t="s">
        <v>7161</v>
      </c>
      <c r="D7589" t="s">
        <v>7168</v>
      </c>
    </row>
    <row r="7590" spans="1:4" x14ac:dyDescent="0.4">
      <c r="A7590">
        <v>2600813</v>
      </c>
      <c r="B7590" t="s">
        <v>0</v>
      </c>
      <c r="C7590" t="s">
        <v>7161</v>
      </c>
      <c r="D7590" t="s">
        <v>7169</v>
      </c>
    </row>
    <row r="7591" spans="1:4" x14ac:dyDescent="0.4">
      <c r="A7591">
        <v>2600033</v>
      </c>
      <c r="B7591" t="s">
        <v>0</v>
      </c>
      <c r="C7591" t="s">
        <v>7161</v>
      </c>
      <c r="D7591" t="s">
        <v>7170</v>
      </c>
    </row>
    <row r="7592" spans="1:4" x14ac:dyDescent="0.4">
      <c r="A7592">
        <v>2600853</v>
      </c>
      <c r="B7592" t="s">
        <v>0</v>
      </c>
      <c r="C7592" t="s">
        <v>7161</v>
      </c>
      <c r="D7592" t="s">
        <v>7171</v>
      </c>
    </row>
    <row r="7593" spans="1:4" x14ac:dyDescent="0.4">
      <c r="A7593">
        <v>2600017</v>
      </c>
      <c r="B7593" t="s">
        <v>0</v>
      </c>
      <c r="C7593" t="s">
        <v>7161</v>
      </c>
      <c r="D7593" t="s">
        <v>6427</v>
      </c>
    </row>
    <row r="7594" spans="1:4" x14ac:dyDescent="0.4">
      <c r="A7594">
        <v>2600011</v>
      </c>
      <c r="B7594" t="s">
        <v>0</v>
      </c>
      <c r="C7594" t="s">
        <v>7161</v>
      </c>
      <c r="D7594" t="s">
        <v>7172</v>
      </c>
    </row>
    <row r="7595" spans="1:4" x14ac:dyDescent="0.4">
      <c r="A7595">
        <v>2600857</v>
      </c>
      <c r="B7595" t="s">
        <v>0</v>
      </c>
      <c r="C7595" t="s">
        <v>7161</v>
      </c>
      <c r="D7595" t="s">
        <v>7173</v>
      </c>
    </row>
    <row r="7596" spans="1:4" x14ac:dyDescent="0.4">
      <c r="A7596">
        <v>2600835</v>
      </c>
      <c r="B7596" t="s">
        <v>0</v>
      </c>
      <c r="C7596" t="s">
        <v>7161</v>
      </c>
      <c r="D7596" t="s">
        <v>7174</v>
      </c>
    </row>
    <row r="7597" spans="1:4" x14ac:dyDescent="0.4">
      <c r="A7597">
        <v>2600802</v>
      </c>
      <c r="B7597" t="s">
        <v>0</v>
      </c>
      <c r="C7597" t="s">
        <v>7161</v>
      </c>
      <c r="D7597" t="s">
        <v>7175</v>
      </c>
    </row>
    <row r="7598" spans="1:4" x14ac:dyDescent="0.4">
      <c r="A7598">
        <v>2600016</v>
      </c>
      <c r="B7598" t="s">
        <v>0</v>
      </c>
      <c r="C7598" t="s">
        <v>7161</v>
      </c>
      <c r="D7598" t="s">
        <v>255</v>
      </c>
    </row>
    <row r="7599" spans="1:4" x14ac:dyDescent="0.4">
      <c r="A7599">
        <v>2600832</v>
      </c>
      <c r="B7599" t="s">
        <v>0</v>
      </c>
      <c r="C7599" t="s">
        <v>7161</v>
      </c>
      <c r="D7599" t="s">
        <v>7176</v>
      </c>
    </row>
    <row r="7600" spans="1:4" x14ac:dyDescent="0.4">
      <c r="A7600">
        <v>2600823</v>
      </c>
      <c r="B7600" t="s">
        <v>0</v>
      </c>
      <c r="C7600" t="s">
        <v>7161</v>
      </c>
      <c r="D7600" t="s">
        <v>7177</v>
      </c>
    </row>
    <row r="7601" spans="1:4" x14ac:dyDescent="0.4">
      <c r="A7601">
        <v>2600034</v>
      </c>
      <c r="B7601" t="s">
        <v>0</v>
      </c>
      <c r="C7601" t="s">
        <v>7161</v>
      </c>
      <c r="D7601" t="s">
        <v>7178</v>
      </c>
    </row>
    <row r="7602" spans="1:4" x14ac:dyDescent="0.4">
      <c r="A7602">
        <v>2600841</v>
      </c>
      <c r="B7602" t="s">
        <v>0</v>
      </c>
      <c r="C7602" t="s">
        <v>7161</v>
      </c>
      <c r="D7602" t="s">
        <v>7179</v>
      </c>
    </row>
    <row r="7603" spans="1:4" x14ac:dyDescent="0.4">
      <c r="A7603">
        <v>2600021</v>
      </c>
      <c r="B7603" t="s">
        <v>0</v>
      </c>
      <c r="C7603" t="s">
        <v>7161</v>
      </c>
      <c r="D7603" t="s">
        <v>177</v>
      </c>
    </row>
    <row r="7604" spans="1:4" x14ac:dyDescent="0.4">
      <c r="A7604">
        <v>2600031</v>
      </c>
      <c r="B7604" t="s">
        <v>0</v>
      </c>
      <c r="C7604" t="s">
        <v>7161</v>
      </c>
      <c r="D7604" t="s">
        <v>7180</v>
      </c>
    </row>
    <row r="7605" spans="1:4" x14ac:dyDescent="0.4">
      <c r="A7605">
        <v>2600027</v>
      </c>
      <c r="B7605" t="s">
        <v>0</v>
      </c>
      <c r="C7605" t="s">
        <v>7161</v>
      </c>
      <c r="D7605" t="s">
        <v>7181</v>
      </c>
    </row>
    <row r="7606" spans="1:4" x14ac:dyDescent="0.4">
      <c r="A7606">
        <v>2600028</v>
      </c>
      <c r="B7606" t="s">
        <v>0</v>
      </c>
      <c r="C7606" t="s">
        <v>7161</v>
      </c>
      <c r="D7606" t="s">
        <v>367</v>
      </c>
    </row>
    <row r="7607" spans="1:4" x14ac:dyDescent="0.4">
      <c r="A7607">
        <v>2600022</v>
      </c>
      <c r="B7607" t="s">
        <v>0</v>
      </c>
      <c r="C7607" t="s">
        <v>7161</v>
      </c>
      <c r="D7607" t="s">
        <v>2324</v>
      </c>
    </row>
    <row r="7608" spans="1:4" x14ac:dyDescent="0.4">
      <c r="A7608">
        <v>2600843</v>
      </c>
      <c r="B7608" t="s">
        <v>0</v>
      </c>
      <c r="C7608" t="s">
        <v>7161</v>
      </c>
      <c r="D7608" t="s">
        <v>4970</v>
      </c>
    </row>
    <row r="7609" spans="1:4" x14ac:dyDescent="0.4">
      <c r="A7609">
        <v>2600822</v>
      </c>
      <c r="B7609" t="s">
        <v>0</v>
      </c>
      <c r="C7609" t="s">
        <v>7161</v>
      </c>
      <c r="D7609" t="s">
        <v>7182</v>
      </c>
    </row>
    <row r="7610" spans="1:4" x14ac:dyDescent="0.4">
      <c r="A7610">
        <v>2600822</v>
      </c>
      <c r="B7610" t="s">
        <v>0</v>
      </c>
      <c r="C7610" t="s">
        <v>7161</v>
      </c>
      <c r="D7610" t="s">
        <v>7183</v>
      </c>
    </row>
    <row r="7611" spans="1:4" x14ac:dyDescent="0.4">
      <c r="A7611">
        <v>2600812</v>
      </c>
      <c r="B7611" t="s">
        <v>0</v>
      </c>
      <c r="C7611" t="s">
        <v>7161</v>
      </c>
      <c r="D7611" t="s">
        <v>7184</v>
      </c>
    </row>
    <row r="7612" spans="1:4" x14ac:dyDescent="0.4">
      <c r="A7612">
        <v>2600844</v>
      </c>
      <c r="B7612" t="s">
        <v>0</v>
      </c>
      <c r="C7612" t="s">
        <v>7161</v>
      </c>
      <c r="D7612" t="s">
        <v>7185</v>
      </c>
    </row>
    <row r="7613" spans="1:4" x14ac:dyDescent="0.4">
      <c r="A7613">
        <v>2600026</v>
      </c>
      <c r="B7613" t="s">
        <v>0</v>
      </c>
      <c r="C7613" t="s">
        <v>7161</v>
      </c>
      <c r="D7613" t="s">
        <v>7186</v>
      </c>
    </row>
    <row r="7614" spans="1:4" x14ac:dyDescent="0.4">
      <c r="A7614">
        <v>2600013</v>
      </c>
      <c r="B7614" t="s">
        <v>0</v>
      </c>
      <c r="C7614" t="s">
        <v>7161</v>
      </c>
      <c r="D7614" t="s">
        <v>184</v>
      </c>
    </row>
    <row r="7615" spans="1:4" x14ac:dyDescent="0.4">
      <c r="A7615">
        <v>2600024</v>
      </c>
      <c r="B7615" t="s">
        <v>0</v>
      </c>
      <c r="C7615" t="s">
        <v>7161</v>
      </c>
      <c r="D7615" t="s">
        <v>7187</v>
      </c>
    </row>
    <row r="7616" spans="1:4" x14ac:dyDescent="0.4">
      <c r="A7616">
        <v>2600042</v>
      </c>
      <c r="B7616" t="s">
        <v>0</v>
      </c>
      <c r="C7616" t="s">
        <v>7161</v>
      </c>
      <c r="D7616" t="s">
        <v>7188</v>
      </c>
    </row>
    <row r="7617" spans="1:4" x14ac:dyDescent="0.4">
      <c r="A7617">
        <v>2600003</v>
      </c>
      <c r="B7617" t="s">
        <v>0</v>
      </c>
      <c r="C7617" t="s">
        <v>7161</v>
      </c>
      <c r="D7617" t="s">
        <v>7189</v>
      </c>
    </row>
    <row r="7618" spans="1:4" x14ac:dyDescent="0.4">
      <c r="A7618">
        <v>2600023</v>
      </c>
      <c r="B7618" t="s">
        <v>0</v>
      </c>
      <c r="C7618" t="s">
        <v>7161</v>
      </c>
      <c r="D7618" t="s">
        <v>7190</v>
      </c>
    </row>
    <row r="7619" spans="1:4" x14ac:dyDescent="0.4">
      <c r="A7619">
        <v>2600005</v>
      </c>
      <c r="B7619" t="s">
        <v>0</v>
      </c>
      <c r="C7619" t="s">
        <v>7161</v>
      </c>
      <c r="D7619" t="s">
        <v>7191</v>
      </c>
    </row>
    <row r="7620" spans="1:4" x14ac:dyDescent="0.4">
      <c r="A7620">
        <v>2600006</v>
      </c>
      <c r="B7620" t="s">
        <v>0</v>
      </c>
      <c r="C7620" t="s">
        <v>7161</v>
      </c>
      <c r="D7620" t="s">
        <v>7192</v>
      </c>
    </row>
    <row r="7621" spans="1:4" x14ac:dyDescent="0.4">
      <c r="A7621">
        <v>2600025</v>
      </c>
      <c r="B7621" t="s">
        <v>0</v>
      </c>
      <c r="C7621" t="s">
        <v>7161</v>
      </c>
      <c r="D7621" t="s">
        <v>4600</v>
      </c>
    </row>
    <row r="7622" spans="1:4" x14ac:dyDescent="0.4">
      <c r="A7622">
        <v>2600854</v>
      </c>
      <c r="B7622" t="s">
        <v>0</v>
      </c>
      <c r="C7622" t="s">
        <v>7161</v>
      </c>
      <c r="D7622" t="s">
        <v>7193</v>
      </c>
    </row>
    <row r="7623" spans="1:4" x14ac:dyDescent="0.4">
      <c r="A7623">
        <v>2600826</v>
      </c>
      <c r="B7623" t="s">
        <v>0</v>
      </c>
      <c r="C7623" t="s">
        <v>7161</v>
      </c>
      <c r="D7623" t="s">
        <v>7194</v>
      </c>
    </row>
    <row r="7624" spans="1:4" x14ac:dyDescent="0.4">
      <c r="A7624">
        <v>2600801</v>
      </c>
      <c r="B7624" t="s">
        <v>0</v>
      </c>
      <c r="C7624" t="s">
        <v>7161</v>
      </c>
      <c r="D7624" t="s">
        <v>7195</v>
      </c>
    </row>
    <row r="7625" spans="1:4" x14ac:dyDescent="0.4">
      <c r="A7625">
        <v>2600032</v>
      </c>
      <c r="B7625" t="s">
        <v>0</v>
      </c>
      <c r="C7625" t="s">
        <v>7161</v>
      </c>
      <c r="D7625" t="s">
        <v>1688</v>
      </c>
    </row>
    <row r="7626" spans="1:4" x14ac:dyDescent="0.4">
      <c r="A7626">
        <v>2600803</v>
      </c>
      <c r="B7626" t="s">
        <v>0</v>
      </c>
      <c r="C7626" t="s">
        <v>7161</v>
      </c>
      <c r="D7626" t="s">
        <v>7196</v>
      </c>
    </row>
    <row r="7627" spans="1:4" x14ac:dyDescent="0.4">
      <c r="A7627">
        <v>2600824</v>
      </c>
      <c r="B7627" t="s">
        <v>0</v>
      </c>
      <c r="C7627" t="s">
        <v>7161</v>
      </c>
      <c r="D7627" t="s">
        <v>7197</v>
      </c>
    </row>
    <row r="7628" spans="1:4" x14ac:dyDescent="0.4">
      <c r="A7628">
        <v>2600041</v>
      </c>
      <c r="B7628" t="s">
        <v>0</v>
      </c>
      <c r="C7628" t="s">
        <v>7161</v>
      </c>
      <c r="D7628" t="s">
        <v>7198</v>
      </c>
    </row>
    <row r="7629" spans="1:4" x14ac:dyDescent="0.4">
      <c r="A7629">
        <v>2600004</v>
      </c>
      <c r="B7629" t="s">
        <v>0</v>
      </c>
      <c r="C7629" t="s">
        <v>7161</v>
      </c>
      <c r="D7629" t="s">
        <v>7199</v>
      </c>
    </row>
    <row r="7630" spans="1:4" x14ac:dyDescent="0.4">
      <c r="A7630">
        <v>2600015</v>
      </c>
      <c r="B7630" t="s">
        <v>0</v>
      </c>
      <c r="C7630" t="s">
        <v>7161</v>
      </c>
      <c r="D7630" t="s">
        <v>207</v>
      </c>
    </row>
    <row r="7631" spans="1:4" x14ac:dyDescent="0.4">
      <c r="A7631">
        <v>2600045</v>
      </c>
      <c r="B7631" t="s">
        <v>0</v>
      </c>
      <c r="C7631" t="s">
        <v>7161</v>
      </c>
      <c r="D7631" t="s">
        <v>2143</v>
      </c>
    </row>
    <row r="7632" spans="1:4" x14ac:dyDescent="0.4">
      <c r="A7632">
        <v>2600808</v>
      </c>
      <c r="B7632" t="s">
        <v>0</v>
      </c>
      <c r="C7632" t="s">
        <v>7161</v>
      </c>
      <c r="D7632" t="s">
        <v>7200</v>
      </c>
    </row>
    <row r="7633" spans="1:4" x14ac:dyDescent="0.4">
      <c r="A7633">
        <v>2600014</v>
      </c>
      <c r="B7633" t="s">
        <v>0</v>
      </c>
      <c r="C7633" t="s">
        <v>7161</v>
      </c>
      <c r="D7633" t="s">
        <v>7201</v>
      </c>
    </row>
    <row r="7634" spans="1:4" x14ac:dyDescent="0.4">
      <c r="A7634">
        <v>2600012</v>
      </c>
      <c r="B7634" t="s">
        <v>0</v>
      </c>
      <c r="C7634" t="s">
        <v>7161</v>
      </c>
      <c r="D7634" t="s">
        <v>403</v>
      </c>
    </row>
    <row r="7635" spans="1:4" x14ac:dyDescent="0.4">
      <c r="A7635">
        <v>2600807</v>
      </c>
      <c r="B7635" t="s">
        <v>0</v>
      </c>
      <c r="C7635" t="s">
        <v>7161</v>
      </c>
      <c r="D7635" t="s">
        <v>7202</v>
      </c>
    </row>
    <row r="7636" spans="1:4" x14ac:dyDescent="0.4">
      <c r="A7636">
        <v>2600044</v>
      </c>
      <c r="B7636" t="s">
        <v>0</v>
      </c>
      <c r="C7636" t="s">
        <v>7161</v>
      </c>
      <c r="D7636" t="s">
        <v>7203</v>
      </c>
    </row>
    <row r="7637" spans="1:4" x14ac:dyDescent="0.4">
      <c r="A7637">
        <v>2600831</v>
      </c>
      <c r="B7637" t="s">
        <v>0</v>
      </c>
      <c r="C7637" t="s">
        <v>7161</v>
      </c>
      <c r="D7637" t="s">
        <v>4708</v>
      </c>
    </row>
    <row r="7638" spans="1:4" x14ac:dyDescent="0.4">
      <c r="A7638">
        <v>2600814</v>
      </c>
      <c r="B7638" t="s">
        <v>0</v>
      </c>
      <c r="C7638" t="s">
        <v>7161</v>
      </c>
      <c r="D7638" t="s">
        <v>7204</v>
      </c>
    </row>
    <row r="7639" spans="1:4" x14ac:dyDescent="0.4">
      <c r="A7639">
        <v>2600842</v>
      </c>
      <c r="B7639" t="s">
        <v>0</v>
      </c>
      <c r="C7639" t="s">
        <v>7161</v>
      </c>
      <c r="D7639" t="s">
        <v>1615</v>
      </c>
    </row>
    <row r="7640" spans="1:4" x14ac:dyDescent="0.4">
      <c r="A7640">
        <v>2600001</v>
      </c>
      <c r="B7640" t="s">
        <v>0</v>
      </c>
      <c r="C7640" t="s">
        <v>7161</v>
      </c>
      <c r="D7640" t="s">
        <v>7205</v>
      </c>
    </row>
    <row r="7641" spans="1:4" x14ac:dyDescent="0.4">
      <c r="A7641">
        <v>2600806</v>
      </c>
      <c r="B7641" t="s">
        <v>0</v>
      </c>
      <c r="C7641" t="s">
        <v>7161</v>
      </c>
      <c r="D7641" t="s">
        <v>2241</v>
      </c>
    </row>
    <row r="7642" spans="1:4" x14ac:dyDescent="0.4">
      <c r="A7642">
        <v>2600805</v>
      </c>
      <c r="B7642" t="s">
        <v>0</v>
      </c>
      <c r="C7642" t="s">
        <v>7161</v>
      </c>
      <c r="D7642" t="s">
        <v>2443</v>
      </c>
    </row>
    <row r="7643" spans="1:4" x14ac:dyDescent="0.4">
      <c r="A7643">
        <v>2600825</v>
      </c>
      <c r="B7643" t="s">
        <v>0</v>
      </c>
      <c r="C7643" t="s">
        <v>7161</v>
      </c>
      <c r="D7643" t="s">
        <v>7206</v>
      </c>
    </row>
    <row r="7644" spans="1:4" x14ac:dyDescent="0.4">
      <c r="A7644">
        <v>2600851</v>
      </c>
      <c r="B7644" t="s">
        <v>0</v>
      </c>
      <c r="C7644" t="s">
        <v>7161</v>
      </c>
      <c r="D7644" t="s">
        <v>7207</v>
      </c>
    </row>
    <row r="7645" spans="1:4" x14ac:dyDescent="0.4">
      <c r="A7645">
        <v>2600007</v>
      </c>
      <c r="B7645" t="s">
        <v>0</v>
      </c>
      <c r="C7645" t="s">
        <v>7161</v>
      </c>
      <c r="D7645" t="s">
        <v>7208</v>
      </c>
    </row>
    <row r="7646" spans="1:4" x14ac:dyDescent="0.4">
      <c r="A7646">
        <v>2600821</v>
      </c>
      <c r="B7646" t="s">
        <v>0</v>
      </c>
      <c r="C7646" t="s">
        <v>7161</v>
      </c>
      <c r="D7646" t="s">
        <v>7209</v>
      </c>
    </row>
    <row r="7647" spans="1:4" x14ac:dyDescent="0.4">
      <c r="A7647">
        <v>2620000</v>
      </c>
      <c r="B7647" t="s">
        <v>0</v>
      </c>
      <c r="C7647" t="s">
        <v>7210</v>
      </c>
    </row>
    <row r="7648" spans="1:4" x14ac:dyDescent="0.4">
      <c r="A7648">
        <v>2620019</v>
      </c>
      <c r="B7648" t="s">
        <v>0</v>
      </c>
      <c r="C7648" t="s">
        <v>7210</v>
      </c>
      <c r="D7648" t="s">
        <v>7211</v>
      </c>
    </row>
    <row r="7649" spans="1:4" x14ac:dyDescent="0.4">
      <c r="A7649">
        <v>2620017</v>
      </c>
      <c r="B7649" t="s">
        <v>0</v>
      </c>
      <c r="C7649" t="s">
        <v>7210</v>
      </c>
      <c r="D7649" t="s">
        <v>7212</v>
      </c>
    </row>
    <row r="7650" spans="1:4" x14ac:dyDescent="0.4">
      <c r="A7650">
        <v>2620043</v>
      </c>
      <c r="B7650" t="s">
        <v>0</v>
      </c>
      <c r="C7650" t="s">
        <v>7210</v>
      </c>
      <c r="D7650" t="s">
        <v>7213</v>
      </c>
    </row>
    <row r="7651" spans="1:4" x14ac:dyDescent="0.4">
      <c r="A7651">
        <v>2620002</v>
      </c>
      <c r="B7651" t="s">
        <v>0</v>
      </c>
      <c r="C7651" t="s">
        <v>7210</v>
      </c>
      <c r="D7651" t="s">
        <v>7214</v>
      </c>
    </row>
    <row r="7652" spans="1:4" x14ac:dyDescent="0.4">
      <c r="A7652">
        <v>2620003</v>
      </c>
      <c r="B7652" t="s">
        <v>0</v>
      </c>
      <c r="C7652" t="s">
        <v>7210</v>
      </c>
      <c r="D7652" t="s">
        <v>7215</v>
      </c>
    </row>
    <row r="7653" spans="1:4" x14ac:dyDescent="0.4">
      <c r="A7653">
        <v>2620048</v>
      </c>
      <c r="B7653" t="s">
        <v>0</v>
      </c>
      <c r="C7653" t="s">
        <v>7210</v>
      </c>
      <c r="D7653" t="s">
        <v>7216</v>
      </c>
    </row>
    <row r="7654" spans="1:4" x14ac:dyDescent="0.4">
      <c r="A7654">
        <v>2620041</v>
      </c>
      <c r="B7654" t="s">
        <v>0</v>
      </c>
      <c r="C7654" t="s">
        <v>7210</v>
      </c>
      <c r="D7654" t="s">
        <v>7217</v>
      </c>
    </row>
    <row r="7655" spans="1:4" x14ac:dyDescent="0.4">
      <c r="A7655">
        <v>2620023</v>
      </c>
      <c r="B7655" t="s">
        <v>0</v>
      </c>
      <c r="C7655" t="s">
        <v>7210</v>
      </c>
      <c r="D7655" t="s">
        <v>7218</v>
      </c>
    </row>
    <row r="7656" spans="1:4" x14ac:dyDescent="0.4">
      <c r="A7656">
        <v>2620005</v>
      </c>
      <c r="B7656" t="s">
        <v>0</v>
      </c>
      <c r="C7656" t="s">
        <v>7210</v>
      </c>
      <c r="D7656" t="s">
        <v>7219</v>
      </c>
    </row>
    <row r="7657" spans="1:4" x14ac:dyDescent="0.4">
      <c r="A7657">
        <v>2620013</v>
      </c>
      <c r="B7657" t="s">
        <v>0</v>
      </c>
      <c r="C7657" t="s">
        <v>7210</v>
      </c>
      <c r="D7657" t="s">
        <v>7220</v>
      </c>
    </row>
    <row r="7658" spans="1:4" x14ac:dyDescent="0.4">
      <c r="A7658">
        <v>2620045</v>
      </c>
      <c r="B7658" t="s">
        <v>0</v>
      </c>
      <c r="C7658" t="s">
        <v>7210</v>
      </c>
      <c r="D7658" t="s">
        <v>7221</v>
      </c>
    </row>
    <row r="7659" spans="1:4" x14ac:dyDescent="0.4">
      <c r="A7659">
        <v>2620014</v>
      </c>
      <c r="B7659" t="s">
        <v>0</v>
      </c>
      <c r="C7659" t="s">
        <v>7210</v>
      </c>
      <c r="D7659" t="s">
        <v>2621</v>
      </c>
    </row>
    <row r="7660" spans="1:4" x14ac:dyDescent="0.4">
      <c r="A7660">
        <v>2620011</v>
      </c>
      <c r="B7660" t="s">
        <v>0</v>
      </c>
      <c r="C7660" t="s">
        <v>7210</v>
      </c>
      <c r="D7660" t="s">
        <v>7222</v>
      </c>
    </row>
    <row r="7661" spans="1:4" x14ac:dyDescent="0.4">
      <c r="A7661">
        <v>2620031</v>
      </c>
      <c r="B7661" t="s">
        <v>0</v>
      </c>
      <c r="C7661" t="s">
        <v>7210</v>
      </c>
      <c r="D7661" t="s">
        <v>7223</v>
      </c>
    </row>
    <row r="7662" spans="1:4" x14ac:dyDescent="0.4">
      <c r="A7662">
        <v>2620004</v>
      </c>
      <c r="B7662" t="s">
        <v>0</v>
      </c>
      <c r="C7662" t="s">
        <v>7210</v>
      </c>
      <c r="D7662" t="s">
        <v>7224</v>
      </c>
    </row>
    <row r="7663" spans="1:4" x14ac:dyDescent="0.4">
      <c r="A7663">
        <v>2620012</v>
      </c>
      <c r="B7663" t="s">
        <v>0</v>
      </c>
      <c r="C7663" t="s">
        <v>7210</v>
      </c>
      <c r="D7663" t="s">
        <v>7225</v>
      </c>
    </row>
    <row r="7664" spans="1:4" x14ac:dyDescent="0.4">
      <c r="A7664">
        <v>2620047</v>
      </c>
      <c r="B7664" t="s">
        <v>0</v>
      </c>
      <c r="C7664" t="s">
        <v>7210</v>
      </c>
      <c r="D7664" t="s">
        <v>7226</v>
      </c>
    </row>
    <row r="7665" spans="1:4" x14ac:dyDescent="0.4">
      <c r="A7665">
        <v>2620044</v>
      </c>
      <c r="B7665" t="s">
        <v>0</v>
      </c>
      <c r="C7665" t="s">
        <v>7210</v>
      </c>
      <c r="D7665" t="s">
        <v>7227</v>
      </c>
    </row>
    <row r="7666" spans="1:4" x14ac:dyDescent="0.4">
      <c r="A7666">
        <v>2620024</v>
      </c>
      <c r="B7666" t="s">
        <v>0</v>
      </c>
      <c r="C7666" t="s">
        <v>7210</v>
      </c>
      <c r="D7666" t="s">
        <v>7228</v>
      </c>
    </row>
    <row r="7667" spans="1:4" x14ac:dyDescent="0.4">
      <c r="A7667">
        <v>2620016</v>
      </c>
      <c r="B7667" t="s">
        <v>0</v>
      </c>
      <c r="C7667" t="s">
        <v>7210</v>
      </c>
      <c r="D7667" t="s">
        <v>7229</v>
      </c>
    </row>
    <row r="7668" spans="1:4" x14ac:dyDescent="0.4">
      <c r="A7668">
        <v>2620018</v>
      </c>
      <c r="B7668" t="s">
        <v>0</v>
      </c>
      <c r="C7668" t="s">
        <v>7210</v>
      </c>
      <c r="D7668" t="s">
        <v>7230</v>
      </c>
    </row>
    <row r="7669" spans="1:4" x14ac:dyDescent="0.4">
      <c r="A7669">
        <v>2620042</v>
      </c>
      <c r="B7669" t="s">
        <v>0</v>
      </c>
      <c r="C7669" t="s">
        <v>7210</v>
      </c>
      <c r="D7669" t="s">
        <v>7231</v>
      </c>
    </row>
    <row r="7670" spans="1:4" x14ac:dyDescent="0.4">
      <c r="A7670">
        <v>2620025</v>
      </c>
      <c r="B7670" t="s">
        <v>0</v>
      </c>
      <c r="C7670" t="s">
        <v>7210</v>
      </c>
      <c r="D7670" t="s">
        <v>4676</v>
      </c>
    </row>
    <row r="7671" spans="1:4" x14ac:dyDescent="0.4">
      <c r="A7671">
        <v>2620021</v>
      </c>
      <c r="B7671" t="s">
        <v>0</v>
      </c>
      <c r="C7671" t="s">
        <v>7210</v>
      </c>
      <c r="D7671" t="s">
        <v>5588</v>
      </c>
    </row>
    <row r="7672" spans="1:4" x14ac:dyDescent="0.4">
      <c r="A7672">
        <v>2620046</v>
      </c>
      <c r="B7672" t="s">
        <v>0</v>
      </c>
      <c r="C7672" t="s">
        <v>7210</v>
      </c>
      <c r="D7672" t="s">
        <v>7232</v>
      </c>
    </row>
    <row r="7673" spans="1:4" x14ac:dyDescent="0.4">
      <c r="A7673">
        <v>2620032</v>
      </c>
      <c r="B7673" t="s">
        <v>0</v>
      </c>
      <c r="C7673" t="s">
        <v>7210</v>
      </c>
      <c r="D7673" t="s">
        <v>7233</v>
      </c>
    </row>
    <row r="7674" spans="1:4" x14ac:dyDescent="0.4">
      <c r="A7674">
        <v>2620033</v>
      </c>
      <c r="B7674" t="s">
        <v>0</v>
      </c>
      <c r="C7674" t="s">
        <v>7210</v>
      </c>
      <c r="D7674" t="s">
        <v>7234</v>
      </c>
    </row>
    <row r="7675" spans="1:4" x14ac:dyDescent="0.4">
      <c r="A7675">
        <v>2620026</v>
      </c>
      <c r="B7675" t="s">
        <v>0</v>
      </c>
      <c r="C7675" t="s">
        <v>7210</v>
      </c>
      <c r="D7675" t="s">
        <v>7235</v>
      </c>
    </row>
    <row r="7676" spans="1:4" x14ac:dyDescent="0.4">
      <c r="A7676">
        <v>2620022</v>
      </c>
      <c r="B7676" t="s">
        <v>0</v>
      </c>
      <c r="C7676" t="s">
        <v>7210</v>
      </c>
      <c r="D7676" t="s">
        <v>7236</v>
      </c>
    </row>
    <row r="7677" spans="1:4" x14ac:dyDescent="0.4">
      <c r="A7677">
        <v>2620015</v>
      </c>
      <c r="B7677" t="s">
        <v>0</v>
      </c>
      <c r="C7677" t="s">
        <v>7210</v>
      </c>
      <c r="D7677" t="s">
        <v>7237</v>
      </c>
    </row>
    <row r="7678" spans="1:4" x14ac:dyDescent="0.4">
      <c r="A7678">
        <v>2620006</v>
      </c>
      <c r="B7678" t="s">
        <v>0</v>
      </c>
      <c r="C7678" t="s">
        <v>7210</v>
      </c>
      <c r="D7678" t="s">
        <v>7238</v>
      </c>
    </row>
    <row r="7679" spans="1:4" x14ac:dyDescent="0.4">
      <c r="A7679">
        <v>2620001</v>
      </c>
      <c r="B7679" t="s">
        <v>0</v>
      </c>
      <c r="C7679" t="s">
        <v>7210</v>
      </c>
      <c r="D7679" t="s">
        <v>7239</v>
      </c>
    </row>
    <row r="7680" spans="1:4" x14ac:dyDescent="0.4">
      <c r="A7680">
        <v>2630000</v>
      </c>
      <c r="B7680" t="s">
        <v>0</v>
      </c>
      <c r="C7680" t="s">
        <v>7240</v>
      </c>
    </row>
    <row r="7681" spans="1:4" x14ac:dyDescent="0.4">
      <c r="A7681">
        <v>2630024</v>
      </c>
      <c r="B7681" t="s">
        <v>0</v>
      </c>
      <c r="C7681" t="s">
        <v>7240</v>
      </c>
      <c r="D7681" t="s">
        <v>7241</v>
      </c>
    </row>
    <row r="7682" spans="1:4" x14ac:dyDescent="0.4">
      <c r="A7682">
        <v>2630025</v>
      </c>
      <c r="B7682" t="s">
        <v>0</v>
      </c>
      <c r="C7682" t="s">
        <v>7240</v>
      </c>
      <c r="D7682" t="s">
        <v>7242</v>
      </c>
    </row>
    <row r="7683" spans="1:4" x14ac:dyDescent="0.4">
      <c r="A7683">
        <v>2630052</v>
      </c>
      <c r="B7683" t="s">
        <v>0</v>
      </c>
      <c r="C7683" t="s">
        <v>7240</v>
      </c>
      <c r="D7683" t="s">
        <v>7243</v>
      </c>
    </row>
    <row r="7684" spans="1:4" x14ac:dyDescent="0.4">
      <c r="A7684">
        <v>2630033</v>
      </c>
      <c r="B7684" t="s">
        <v>0</v>
      </c>
      <c r="C7684" t="s">
        <v>7240</v>
      </c>
      <c r="D7684" t="s">
        <v>7244</v>
      </c>
    </row>
    <row r="7685" spans="1:4" x14ac:dyDescent="0.4">
      <c r="A7685">
        <v>2630034</v>
      </c>
      <c r="B7685" t="s">
        <v>0</v>
      </c>
      <c r="C7685" t="s">
        <v>7240</v>
      </c>
      <c r="D7685" t="s">
        <v>7245</v>
      </c>
    </row>
    <row r="7686" spans="1:4" x14ac:dyDescent="0.4">
      <c r="A7686">
        <v>2630032</v>
      </c>
      <c r="B7686" t="s">
        <v>0</v>
      </c>
      <c r="C7686" t="s">
        <v>7240</v>
      </c>
      <c r="D7686" t="s">
        <v>7246</v>
      </c>
    </row>
    <row r="7687" spans="1:4" x14ac:dyDescent="0.4">
      <c r="A7687">
        <v>2630035</v>
      </c>
      <c r="B7687" t="s">
        <v>0</v>
      </c>
      <c r="C7687" t="s">
        <v>7240</v>
      </c>
      <c r="D7687" t="s">
        <v>7247</v>
      </c>
    </row>
    <row r="7688" spans="1:4" x14ac:dyDescent="0.4">
      <c r="A7688">
        <v>2630031</v>
      </c>
      <c r="B7688" t="s">
        <v>0</v>
      </c>
      <c r="C7688" t="s">
        <v>7240</v>
      </c>
      <c r="D7688" t="s">
        <v>7248</v>
      </c>
    </row>
    <row r="7689" spans="1:4" x14ac:dyDescent="0.4">
      <c r="A7689">
        <v>2630053</v>
      </c>
      <c r="B7689" t="s">
        <v>0</v>
      </c>
      <c r="C7689" t="s">
        <v>7240</v>
      </c>
      <c r="D7689" t="s">
        <v>7249</v>
      </c>
    </row>
    <row r="7690" spans="1:4" x14ac:dyDescent="0.4">
      <c r="A7690">
        <v>2630042</v>
      </c>
      <c r="B7690" t="s">
        <v>0</v>
      </c>
      <c r="C7690" t="s">
        <v>7240</v>
      </c>
      <c r="D7690" t="s">
        <v>7250</v>
      </c>
    </row>
    <row r="7691" spans="1:4" x14ac:dyDescent="0.4">
      <c r="A7691">
        <v>2630041</v>
      </c>
      <c r="B7691" t="s">
        <v>0</v>
      </c>
      <c r="C7691" t="s">
        <v>7240</v>
      </c>
      <c r="D7691" t="s">
        <v>7251</v>
      </c>
    </row>
    <row r="7692" spans="1:4" x14ac:dyDescent="0.4">
      <c r="A7692">
        <v>2630043</v>
      </c>
      <c r="B7692" t="s">
        <v>0</v>
      </c>
      <c r="C7692" t="s">
        <v>7240</v>
      </c>
      <c r="D7692" t="s">
        <v>7252</v>
      </c>
    </row>
    <row r="7693" spans="1:4" x14ac:dyDescent="0.4">
      <c r="A7693">
        <v>2630044</v>
      </c>
      <c r="B7693" t="s">
        <v>0</v>
      </c>
      <c r="C7693" t="s">
        <v>7240</v>
      </c>
      <c r="D7693" t="s">
        <v>7253</v>
      </c>
    </row>
    <row r="7694" spans="1:4" x14ac:dyDescent="0.4">
      <c r="A7694">
        <v>2630003</v>
      </c>
      <c r="B7694" t="s">
        <v>0</v>
      </c>
      <c r="C7694" t="s">
        <v>7240</v>
      </c>
      <c r="D7694" t="s">
        <v>7254</v>
      </c>
    </row>
    <row r="7695" spans="1:4" x14ac:dyDescent="0.4">
      <c r="A7695">
        <v>2630015</v>
      </c>
      <c r="B7695" t="s">
        <v>0</v>
      </c>
      <c r="C7695" t="s">
        <v>7240</v>
      </c>
      <c r="D7695" t="s">
        <v>7255</v>
      </c>
    </row>
    <row r="7696" spans="1:4" x14ac:dyDescent="0.4">
      <c r="A7696">
        <v>2630014</v>
      </c>
      <c r="B7696" t="s">
        <v>0</v>
      </c>
      <c r="C7696" t="s">
        <v>7240</v>
      </c>
      <c r="D7696" t="s">
        <v>7256</v>
      </c>
    </row>
    <row r="7697" spans="1:4" x14ac:dyDescent="0.4">
      <c r="A7697">
        <v>2630002</v>
      </c>
      <c r="B7697" t="s">
        <v>0</v>
      </c>
      <c r="C7697" t="s">
        <v>7240</v>
      </c>
      <c r="D7697" t="s">
        <v>4928</v>
      </c>
    </row>
    <row r="7698" spans="1:4" x14ac:dyDescent="0.4">
      <c r="A7698">
        <v>2630051</v>
      </c>
      <c r="B7698" t="s">
        <v>0</v>
      </c>
      <c r="C7698" t="s">
        <v>7240</v>
      </c>
      <c r="D7698" t="s">
        <v>7257</v>
      </c>
    </row>
    <row r="7699" spans="1:4" x14ac:dyDescent="0.4">
      <c r="A7699">
        <v>2630013</v>
      </c>
      <c r="B7699" t="s">
        <v>0</v>
      </c>
      <c r="C7699" t="s">
        <v>7240</v>
      </c>
      <c r="D7699" t="s">
        <v>2630</v>
      </c>
    </row>
    <row r="7700" spans="1:4" x14ac:dyDescent="0.4">
      <c r="A7700">
        <v>2630016</v>
      </c>
      <c r="B7700" t="s">
        <v>0</v>
      </c>
      <c r="C7700" t="s">
        <v>7240</v>
      </c>
      <c r="D7700" t="s">
        <v>7258</v>
      </c>
    </row>
    <row r="7701" spans="1:4" x14ac:dyDescent="0.4">
      <c r="A7701">
        <v>2630011</v>
      </c>
      <c r="B7701" t="s">
        <v>0</v>
      </c>
      <c r="C7701" t="s">
        <v>7240</v>
      </c>
      <c r="D7701" t="s">
        <v>7259</v>
      </c>
    </row>
    <row r="7702" spans="1:4" x14ac:dyDescent="0.4">
      <c r="A7702">
        <v>2630021</v>
      </c>
      <c r="B7702" t="s">
        <v>0</v>
      </c>
      <c r="C7702" t="s">
        <v>7240</v>
      </c>
      <c r="D7702" t="s">
        <v>7260</v>
      </c>
    </row>
    <row r="7703" spans="1:4" x14ac:dyDescent="0.4">
      <c r="A7703">
        <v>2630005</v>
      </c>
      <c r="B7703" t="s">
        <v>0</v>
      </c>
      <c r="C7703" t="s">
        <v>7240</v>
      </c>
      <c r="D7703" t="s">
        <v>1589</v>
      </c>
    </row>
    <row r="7704" spans="1:4" x14ac:dyDescent="0.4">
      <c r="A7704">
        <v>2630001</v>
      </c>
      <c r="B7704" t="s">
        <v>0</v>
      </c>
      <c r="C7704" t="s">
        <v>7240</v>
      </c>
      <c r="D7704" t="s">
        <v>7261</v>
      </c>
    </row>
    <row r="7705" spans="1:4" x14ac:dyDescent="0.4">
      <c r="A7705">
        <v>2630012</v>
      </c>
      <c r="B7705" t="s">
        <v>0</v>
      </c>
      <c r="C7705" t="s">
        <v>7240</v>
      </c>
      <c r="D7705" t="s">
        <v>7262</v>
      </c>
    </row>
    <row r="7706" spans="1:4" x14ac:dyDescent="0.4">
      <c r="A7706">
        <v>2630023</v>
      </c>
      <c r="B7706" t="s">
        <v>0</v>
      </c>
      <c r="C7706" t="s">
        <v>7240</v>
      </c>
      <c r="D7706" t="s">
        <v>1611</v>
      </c>
    </row>
    <row r="7707" spans="1:4" x14ac:dyDescent="0.4">
      <c r="A7707">
        <v>2630054</v>
      </c>
      <c r="B7707" t="s">
        <v>0</v>
      </c>
      <c r="C7707" t="s">
        <v>7240</v>
      </c>
      <c r="D7707" t="s">
        <v>7263</v>
      </c>
    </row>
    <row r="7708" spans="1:4" x14ac:dyDescent="0.4">
      <c r="A7708">
        <v>2630022</v>
      </c>
      <c r="B7708" t="s">
        <v>0</v>
      </c>
      <c r="C7708" t="s">
        <v>7240</v>
      </c>
      <c r="D7708" t="s">
        <v>518</v>
      </c>
    </row>
    <row r="7709" spans="1:4" x14ac:dyDescent="0.4">
      <c r="A7709">
        <v>2630004</v>
      </c>
      <c r="B7709" t="s">
        <v>0</v>
      </c>
      <c r="C7709" t="s">
        <v>7240</v>
      </c>
      <c r="D7709" t="s">
        <v>7264</v>
      </c>
    </row>
    <row r="7710" spans="1:4" x14ac:dyDescent="0.4">
      <c r="A7710">
        <v>2640000</v>
      </c>
      <c r="B7710" t="s">
        <v>0</v>
      </c>
      <c r="C7710" t="s">
        <v>1</v>
      </c>
    </row>
    <row r="7711" spans="1:4" x14ac:dyDescent="0.4">
      <c r="A7711">
        <v>2640031</v>
      </c>
      <c r="B7711" t="s">
        <v>0</v>
      </c>
      <c r="C7711" t="s">
        <v>1</v>
      </c>
      <c r="D7711" t="s">
        <v>7265</v>
      </c>
    </row>
    <row r="7712" spans="1:4" x14ac:dyDescent="0.4">
      <c r="A7712">
        <v>2650063</v>
      </c>
      <c r="B7712" t="s">
        <v>0</v>
      </c>
      <c r="C7712" t="s">
        <v>1</v>
      </c>
      <c r="D7712" t="s">
        <v>7266</v>
      </c>
    </row>
    <row r="7713" spans="1:4" x14ac:dyDescent="0.4">
      <c r="A7713">
        <v>2650052</v>
      </c>
      <c r="B7713" t="s">
        <v>0</v>
      </c>
      <c r="C7713" t="s">
        <v>1</v>
      </c>
      <c r="D7713" t="s">
        <v>2587</v>
      </c>
    </row>
    <row r="7714" spans="1:4" x14ac:dyDescent="0.4">
      <c r="A7714">
        <v>2650075</v>
      </c>
      <c r="B7714" t="s">
        <v>0</v>
      </c>
      <c r="C7714" t="s">
        <v>1</v>
      </c>
      <c r="D7714" t="s">
        <v>7267</v>
      </c>
    </row>
    <row r="7715" spans="1:4" x14ac:dyDescent="0.4">
      <c r="A7715">
        <v>2640011</v>
      </c>
      <c r="B7715" t="s">
        <v>0</v>
      </c>
      <c r="C7715" t="s">
        <v>1</v>
      </c>
      <c r="D7715" t="s">
        <v>7268</v>
      </c>
    </row>
    <row r="7716" spans="1:4" x14ac:dyDescent="0.4">
      <c r="A7716">
        <v>2640013</v>
      </c>
      <c r="B7716" t="s">
        <v>0</v>
      </c>
      <c r="C7716" t="s">
        <v>1</v>
      </c>
      <c r="D7716" t="s">
        <v>7269</v>
      </c>
    </row>
    <row r="7717" spans="1:4" x14ac:dyDescent="0.4">
      <c r="A7717">
        <v>2650064</v>
      </c>
      <c r="B7717" t="s">
        <v>0</v>
      </c>
      <c r="C7717" t="s">
        <v>1</v>
      </c>
      <c r="D7717" t="s">
        <v>7270</v>
      </c>
    </row>
    <row r="7718" spans="1:4" x14ac:dyDescent="0.4">
      <c r="A7718">
        <v>2640015</v>
      </c>
      <c r="B7718" t="s">
        <v>0</v>
      </c>
      <c r="C7718" t="s">
        <v>1</v>
      </c>
      <c r="D7718" t="s">
        <v>7271</v>
      </c>
    </row>
    <row r="7719" spans="1:4" x14ac:dyDescent="0.4">
      <c r="A7719">
        <v>2640016</v>
      </c>
      <c r="B7719" t="s">
        <v>0</v>
      </c>
      <c r="C7719" t="s">
        <v>1</v>
      </c>
      <c r="D7719" t="s">
        <v>7272</v>
      </c>
    </row>
    <row r="7720" spans="1:4" x14ac:dyDescent="0.4">
      <c r="A7720">
        <v>2640006</v>
      </c>
      <c r="B7720" t="s">
        <v>0</v>
      </c>
      <c r="C7720" t="s">
        <v>1</v>
      </c>
      <c r="D7720" t="s">
        <v>1973</v>
      </c>
    </row>
    <row r="7721" spans="1:4" x14ac:dyDescent="0.4">
      <c r="A7721">
        <v>2640007</v>
      </c>
      <c r="B7721" t="s">
        <v>0</v>
      </c>
      <c r="C7721" t="s">
        <v>1</v>
      </c>
      <c r="D7721" t="s">
        <v>7273</v>
      </c>
    </row>
    <row r="7722" spans="1:4" x14ac:dyDescent="0.4">
      <c r="A7722">
        <v>2650077</v>
      </c>
      <c r="B7722" t="s">
        <v>0</v>
      </c>
      <c r="C7722" t="s">
        <v>1</v>
      </c>
      <c r="D7722" t="s">
        <v>7274</v>
      </c>
    </row>
    <row r="7723" spans="1:4" x14ac:dyDescent="0.4">
      <c r="A7723">
        <v>2650046</v>
      </c>
      <c r="B7723" t="s">
        <v>0</v>
      </c>
      <c r="C7723" t="s">
        <v>1</v>
      </c>
      <c r="D7723" t="s">
        <v>7275</v>
      </c>
    </row>
    <row r="7724" spans="1:4" x14ac:dyDescent="0.4">
      <c r="A7724">
        <v>2640023</v>
      </c>
      <c r="B7724" t="s">
        <v>0</v>
      </c>
      <c r="C7724" t="s">
        <v>1</v>
      </c>
      <c r="D7724" t="s">
        <v>7276</v>
      </c>
    </row>
    <row r="7725" spans="1:4" x14ac:dyDescent="0.4">
      <c r="A7725">
        <v>2640017</v>
      </c>
      <c r="B7725" t="s">
        <v>0</v>
      </c>
      <c r="C7725" t="s">
        <v>1</v>
      </c>
      <c r="D7725" t="s">
        <v>7277</v>
      </c>
    </row>
    <row r="7726" spans="1:4" x14ac:dyDescent="0.4">
      <c r="A7726">
        <v>2640001</v>
      </c>
      <c r="B7726" t="s">
        <v>0</v>
      </c>
      <c r="C7726" t="s">
        <v>1</v>
      </c>
      <c r="D7726" t="s">
        <v>7278</v>
      </c>
    </row>
    <row r="7727" spans="1:4" x14ac:dyDescent="0.4">
      <c r="A7727">
        <v>2650045</v>
      </c>
      <c r="B7727" t="s">
        <v>0</v>
      </c>
      <c r="C7727" t="s">
        <v>1</v>
      </c>
      <c r="D7727" t="s">
        <v>7279</v>
      </c>
    </row>
    <row r="7728" spans="1:4" x14ac:dyDescent="0.4">
      <c r="A7728">
        <v>2650062</v>
      </c>
      <c r="B7728" t="s">
        <v>0</v>
      </c>
      <c r="C7728" t="s">
        <v>1</v>
      </c>
      <c r="D7728" t="s">
        <v>7280</v>
      </c>
    </row>
    <row r="7729" spans="1:4" x14ac:dyDescent="0.4">
      <c r="A7729">
        <v>2640014</v>
      </c>
      <c r="B7729" t="s">
        <v>0</v>
      </c>
      <c r="C7729" t="s">
        <v>1</v>
      </c>
      <c r="D7729" t="s">
        <v>7281</v>
      </c>
    </row>
    <row r="7730" spans="1:4" x14ac:dyDescent="0.4">
      <c r="A7730">
        <v>2650067</v>
      </c>
      <c r="B7730" t="s">
        <v>0</v>
      </c>
      <c r="C7730" t="s">
        <v>1</v>
      </c>
      <c r="D7730" t="s">
        <v>7282</v>
      </c>
    </row>
    <row r="7731" spans="1:4" x14ac:dyDescent="0.4">
      <c r="A7731">
        <v>2650042</v>
      </c>
      <c r="B7731" t="s">
        <v>0</v>
      </c>
      <c r="C7731" t="s">
        <v>1</v>
      </c>
      <c r="D7731" t="s">
        <v>7283</v>
      </c>
    </row>
    <row r="7732" spans="1:4" x14ac:dyDescent="0.4">
      <c r="A7732">
        <v>2994331</v>
      </c>
      <c r="B7732" t="s">
        <v>0</v>
      </c>
      <c r="C7732" t="s">
        <v>7152</v>
      </c>
      <c r="D7732" t="s">
        <v>7284</v>
      </c>
    </row>
    <row r="7733" spans="1:4" x14ac:dyDescent="0.4">
      <c r="A7733">
        <v>2994327</v>
      </c>
      <c r="B7733" t="s">
        <v>0</v>
      </c>
      <c r="C7733" t="s">
        <v>7152</v>
      </c>
      <c r="D7733" t="s">
        <v>7285</v>
      </c>
    </row>
    <row r="7734" spans="1:4" x14ac:dyDescent="0.4">
      <c r="A7734">
        <v>2994328</v>
      </c>
      <c r="B7734" t="s">
        <v>0</v>
      </c>
      <c r="C7734" t="s">
        <v>7152</v>
      </c>
      <c r="D7734" t="s">
        <v>7286</v>
      </c>
    </row>
    <row r="7735" spans="1:4" x14ac:dyDescent="0.4">
      <c r="A7735">
        <v>2994326</v>
      </c>
      <c r="B7735" t="s">
        <v>0</v>
      </c>
      <c r="C7735" t="s">
        <v>7152</v>
      </c>
      <c r="D7735" t="s">
        <v>7287</v>
      </c>
    </row>
    <row r="7736" spans="1:4" x14ac:dyDescent="0.4">
      <c r="A7736">
        <v>2994325</v>
      </c>
      <c r="B7736" t="s">
        <v>0</v>
      </c>
      <c r="C7736" t="s">
        <v>7152</v>
      </c>
      <c r="D7736" t="s">
        <v>7288</v>
      </c>
    </row>
    <row r="7737" spans="1:4" x14ac:dyDescent="0.4">
      <c r="A7737">
        <v>2994324</v>
      </c>
      <c r="B7737" t="s">
        <v>0</v>
      </c>
      <c r="C7737" t="s">
        <v>7152</v>
      </c>
      <c r="D7737" t="s">
        <v>7289</v>
      </c>
    </row>
    <row r="7738" spans="1:4" x14ac:dyDescent="0.4">
      <c r="A7738">
        <v>2994323</v>
      </c>
      <c r="B7738" t="s">
        <v>0</v>
      </c>
      <c r="C7738" t="s">
        <v>7152</v>
      </c>
      <c r="D7738" t="s">
        <v>7290</v>
      </c>
    </row>
    <row r="7739" spans="1:4" x14ac:dyDescent="0.4">
      <c r="A7739">
        <v>2994342</v>
      </c>
      <c r="B7739" t="s">
        <v>0</v>
      </c>
      <c r="C7739" t="s">
        <v>7152</v>
      </c>
      <c r="D7739" t="s">
        <v>7291</v>
      </c>
    </row>
    <row r="7740" spans="1:4" x14ac:dyDescent="0.4">
      <c r="A7740">
        <v>2994345</v>
      </c>
      <c r="B7740" t="s">
        <v>0</v>
      </c>
      <c r="C7740" t="s">
        <v>7152</v>
      </c>
      <c r="D7740" t="s">
        <v>210</v>
      </c>
    </row>
    <row r="7741" spans="1:4" x14ac:dyDescent="0.4">
      <c r="A7741">
        <v>2994341</v>
      </c>
      <c r="B7741" t="s">
        <v>0</v>
      </c>
      <c r="C7741" t="s">
        <v>7152</v>
      </c>
      <c r="D7741" t="s">
        <v>7292</v>
      </c>
    </row>
    <row r="7742" spans="1:4" x14ac:dyDescent="0.4">
      <c r="A7742">
        <v>2994335</v>
      </c>
      <c r="B7742" t="s">
        <v>0</v>
      </c>
      <c r="C7742" t="s">
        <v>7152</v>
      </c>
      <c r="D7742" t="s">
        <v>7293</v>
      </c>
    </row>
    <row r="7743" spans="1:4" x14ac:dyDescent="0.4">
      <c r="A7743">
        <v>2994338</v>
      </c>
      <c r="B7743" t="s">
        <v>0</v>
      </c>
      <c r="C7743" t="s">
        <v>7152</v>
      </c>
      <c r="D7743" t="s">
        <v>7294</v>
      </c>
    </row>
    <row r="7744" spans="1:4" x14ac:dyDescent="0.4">
      <c r="A7744">
        <v>2994334</v>
      </c>
      <c r="B7744" t="s">
        <v>0</v>
      </c>
      <c r="C7744" t="s">
        <v>7152</v>
      </c>
      <c r="D7744" t="s">
        <v>7295</v>
      </c>
    </row>
    <row r="7745" spans="1:4" x14ac:dyDescent="0.4">
      <c r="A7745">
        <v>2994200</v>
      </c>
      <c r="B7745" t="s">
        <v>0</v>
      </c>
      <c r="C7745" t="s">
        <v>7296</v>
      </c>
    </row>
    <row r="7746" spans="1:4" x14ac:dyDescent="0.4">
      <c r="A7746">
        <v>2994202</v>
      </c>
      <c r="B7746" t="s">
        <v>0</v>
      </c>
      <c r="C7746" t="s">
        <v>7296</v>
      </c>
      <c r="D7746" t="s">
        <v>7297</v>
      </c>
    </row>
    <row r="7747" spans="1:4" x14ac:dyDescent="0.4">
      <c r="A7747">
        <v>2994214</v>
      </c>
      <c r="B7747" t="s">
        <v>0</v>
      </c>
      <c r="C7747" t="s">
        <v>7296</v>
      </c>
      <c r="D7747" t="s">
        <v>7156</v>
      </c>
    </row>
    <row r="7748" spans="1:4" x14ac:dyDescent="0.4">
      <c r="A7748">
        <v>2994217</v>
      </c>
      <c r="B7748" t="s">
        <v>0</v>
      </c>
      <c r="C7748" t="s">
        <v>7296</v>
      </c>
      <c r="D7748" t="s">
        <v>7298</v>
      </c>
    </row>
    <row r="7749" spans="1:4" x14ac:dyDescent="0.4">
      <c r="A7749">
        <v>2994206</v>
      </c>
      <c r="B7749" t="s">
        <v>0</v>
      </c>
      <c r="C7749" t="s">
        <v>7296</v>
      </c>
      <c r="D7749" t="s">
        <v>7299</v>
      </c>
    </row>
    <row r="7750" spans="1:4" x14ac:dyDescent="0.4">
      <c r="A7750">
        <v>2994211</v>
      </c>
      <c r="B7750" t="s">
        <v>0</v>
      </c>
      <c r="C7750" t="s">
        <v>7296</v>
      </c>
      <c r="D7750" t="s">
        <v>649</v>
      </c>
    </row>
    <row r="7751" spans="1:4" x14ac:dyDescent="0.4">
      <c r="A7751">
        <v>2994216</v>
      </c>
      <c r="B7751" t="s">
        <v>0</v>
      </c>
      <c r="C7751" t="s">
        <v>7296</v>
      </c>
      <c r="D7751" t="s">
        <v>7300</v>
      </c>
    </row>
    <row r="7752" spans="1:4" x14ac:dyDescent="0.4">
      <c r="A7752">
        <v>2994218</v>
      </c>
      <c r="B7752" t="s">
        <v>0</v>
      </c>
      <c r="C7752" t="s">
        <v>7296</v>
      </c>
      <c r="D7752" t="s">
        <v>1850</v>
      </c>
    </row>
    <row r="7753" spans="1:4" x14ac:dyDescent="0.4">
      <c r="A7753">
        <v>2994203</v>
      </c>
      <c r="B7753" t="s">
        <v>0</v>
      </c>
      <c r="C7753" t="s">
        <v>7296</v>
      </c>
      <c r="D7753" t="s">
        <v>7301</v>
      </c>
    </row>
    <row r="7754" spans="1:4" x14ac:dyDescent="0.4">
      <c r="A7754">
        <v>2994215</v>
      </c>
      <c r="B7754" t="s">
        <v>0</v>
      </c>
      <c r="C7754" t="s">
        <v>7296</v>
      </c>
      <c r="D7754" t="s">
        <v>191</v>
      </c>
    </row>
    <row r="7755" spans="1:4" x14ac:dyDescent="0.4">
      <c r="A7755">
        <v>2994213</v>
      </c>
      <c r="B7755" t="s">
        <v>0</v>
      </c>
      <c r="C7755" t="s">
        <v>7296</v>
      </c>
      <c r="D7755" t="s">
        <v>7302</v>
      </c>
    </row>
    <row r="7756" spans="1:4" x14ac:dyDescent="0.4">
      <c r="A7756">
        <v>2994201</v>
      </c>
      <c r="B7756" t="s">
        <v>0</v>
      </c>
      <c r="C7756" t="s">
        <v>7296</v>
      </c>
      <c r="D7756" t="s">
        <v>7303</v>
      </c>
    </row>
    <row r="7757" spans="1:4" x14ac:dyDescent="0.4">
      <c r="A7757">
        <v>2994204</v>
      </c>
      <c r="B7757" t="s">
        <v>0</v>
      </c>
      <c r="C7757" t="s">
        <v>7296</v>
      </c>
      <c r="D7757" t="s">
        <v>7304</v>
      </c>
    </row>
    <row r="7758" spans="1:4" x14ac:dyDescent="0.4">
      <c r="A7758">
        <v>2994212</v>
      </c>
      <c r="B7758" t="s">
        <v>0</v>
      </c>
      <c r="C7758" t="s">
        <v>7296</v>
      </c>
      <c r="D7758" t="s">
        <v>7305</v>
      </c>
    </row>
    <row r="7759" spans="1:4" x14ac:dyDescent="0.4">
      <c r="A7759">
        <v>2994205</v>
      </c>
      <c r="B7759" t="s">
        <v>0</v>
      </c>
      <c r="C7759" t="s">
        <v>7296</v>
      </c>
      <c r="D7759" t="s">
        <v>7306</v>
      </c>
    </row>
    <row r="7760" spans="1:4" x14ac:dyDescent="0.4">
      <c r="A7760">
        <v>2970200</v>
      </c>
      <c r="B7760" t="s">
        <v>0</v>
      </c>
      <c r="C7760" t="s">
        <v>7307</v>
      </c>
    </row>
    <row r="7761" spans="1:4" x14ac:dyDescent="0.4">
      <c r="A7761">
        <v>2970201</v>
      </c>
      <c r="B7761" t="s">
        <v>0</v>
      </c>
      <c r="C7761" t="s">
        <v>7307</v>
      </c>
      <c r="D7761" t="s">
        <v>533</v>
      </c>
    </row>
    <row r="7762" spans="1:4" x14ac:dyDescent="0.4">
      <c r="A7762">
        <v>2970211</v>
      </c>
      <c r="B7762" t="s">
        <v>0</v>
      </c>
      <c r="C7762" t="s">
        <v>7307</v>
      </c>
      <c r="D7762" t="s">
        <v>7308</v>
      </c>
    </row>
    <row r="7763" spans="1:4" x14ac:dyDescent="0.4">
      <c r="A7763">
        <v>2970223</v>
      </c>
      <c r="B7763" t="s">
        <v>0</v>
      </c>
      <c r="C7763" t="s">
        <v>7307</v>
      </c>
      <c r="D7763" t="s">
        <v>7309</v>
      </c>
    </row>
    <row r="7764" spans="1:4" x14ac:dyDescent="0.4">
      <c r="A7764">
        <v>2970222</v>
      </c>
      <c r="B7764" t="s">
        <v>0</v>
      </c>
      <c r="C7764" t="s">
        <v>7307</v>
      </c>
      <c r="D7764" t="s">
        <v>7310</v>
      </c>
    </row>
    <row r="7765" spans="1:4" x14ac:dyDescent="0.4">
      <c r="A7765">
        <v>2970225</v>
      </c>
      <c r="B7765" t="s">
        <v>0</v>
      </c>
      <c r="C7765" t="s">
        <v>7307</v>
      </c>
      <c r="D7765" t="s">
        <v>7311</v>
      </c>
    </row>
    <row r="7766" spans="1:4" x14ac:dyDescent="0.4">
      <c r="A7766">
        <v>2970226</v>
      </c>
      <c r="B7766" t="s">
        <v>0</v>
      </c>
      <c r="C7766" t="s">
        <v>7307</v>
      </c>
      <c r="D7766" t="s">
        <v>2086</v>
      </c>
    </row>
    <row r="7767" spans="1:4" x14ac:dyDescent="0.4">
      <c r="A7767">
        <v>2970203</v>
      </c>
      <c r="B7767" t="s">
        <v>0</v>
      </c>
      <c r="C7767" t="s">
        <v>7307</v>
      </c>
      <c r="D7767" t="s">
        <v>7312</v>
      </c>
    </row>
    <row r="7768" spans="1:4" x14ac:dyDescent="0.4">
      <c r="A7768">
        <v>2970212</v>
      </c>
      <c r="B7768" t="s">
        <v>0</v>
      </c>
      <c r="C7768" t="s">
        <v>7307</v>
      </c>
      <c r="D7768" t="s">
        <v>7313</v>
      </c>
    </row>
    <row r="7769" spans="1:4" x14ac:dyDescent="0.4">
      <c r="A7769">
        <v>2970218</v>
      </c>
      <c r="B7769" t="s">
        <v>0</v>
      </c>
      <c r="C7769" t="s">
        <v>7307</v>
      </c>
      <c r="D7769" t="s">
        <v>7314</v>
      </c>
    </row>
    <row r="7770" spans="1:4" x14ac:dyDescent="0.4">
      <c r="A7770">
        <v>2970235</v>
      </c>
      <c r="B7770" t="s">
        <v>0</v>
      </c>
      <c r="C7770" t="s">
        <v>7307</v>
      </c>
      <c r="D7770" t="s">
        <v>7315</v>
      </c>
    </row>
    <row r="7771" spans="1:4" x14ac:dyDescent="0.4">
      <c r="A7771">
        <v>2970221</v>
      </c>
      <c r="B7771" t="s">
        <v>0</v>
      </c>
      <c r="C7771" t="s">
        <v>7307</v>
      </c>
      <c r="D7771" t="s">
        <v>2672</v>
      </c>
    </row>
    <row r="7772" spans="1:4" x14ac:dyDescent="0.4">
      <c r="A7772">
        <v>2970224</v>
      </c>
      <c r="B7772" t="s">
        <v>0</v>
      </c>
      <c r="C7772" t="s">
        <v>7307</v>
      </c>
      <c r="D7772" t="s">
        <v>7316</v>
      </c>
    </row>
    <row r="7773" spans="1:4" x14ac:dyDescent="0.4">
      <c r="A7773">
        <v>2970216</v>
      </c>
      <c r="B7773" t="s">
        <v>0</v>
      </c>
      <c r="C7773" t="s">
        <v>7307</v>
      </c>
      <c r="D7773" t="s">
        <v>7317</v>
      </c>
    </row>
    <row r="7774" spans="1:4" x14ac:dyDescent="0.4">
      <c r="A7774">
        <v>2970205</v>
      </c>
      <c r="B7774" t="s">
        <v>0</v>
      </c>
      <c r="C7774" t="s">
        <v>7307</v>
      </c>
      <c r="D7774" t="s">
        <v>7318</v>
      </c>
    </row>
    <row r="7775" spans="1:4" x14ac:dyDescent="0.4">
      <c r="A7775">
        <v>2970215</v>
      </c>
      <c r="B7775" t="s">
        <v>0</v>
      </c>
      <c r="C7775" t="s">
        <v>7307</v>
      </c>
      <c r="D7775" t="s">
        <v>7319</v>
      </c>
    </row>
    <row r="7776" spans="1:4" x14ac:dyDescent="0.4">
      <c r="A7776">
        <v>2970213</v>
      </c>
      <c r="B7776" t="s">
        <v>0</v>
      </c>
      <c r="C7776" t="s">
        <v>7307</v>
      </c>
      <c r="D7776" t="s">
        <v>7320</v>
      </c>
    </row>
    <row r="7777" spans="1:4" x14ac:dyDescent="0.4">
      <c r="A7777">
        <v>2970232</v>
      </c>
      <c r="B7777" t="s">
        <v>0</v>
      </c>
      <c r="C7777" t="s">
        <v>7307</v>
      </c>
      <c r="D7777" t="s">
        <v>3632</v>
      </c>
    </row>
    <row r="7778" spans="1:4" x14ac:dyDescent="0.4">
      <c r="A7778">
        <v>2970214</v>
      </c>
      <c r="B7778" t="s">
        <v>0</v>
      </c>
      <c r="C7778" t="s">
        <v>7307</v>
      </c>
      <c r="D7778" t="s">
        <v>7321</v>
      </c>
    </row>
    <row r="7779" spans="1:4" x14ac:dyDescent="0.4">
      <c r="A7779">
        <v>2970234</v>
      </c>
      <c r="B7779" t="s">
        <v>0</v>
      </c>
      <c r="C7779" t="s">
        <v>7307</v>
      </c>
      <c r="D7779" t="s">
        <v>7322</v>
      </c>
    </row>
    <row r="7780" spans="1:4" x14ac:dyDescent="0.4">
      <c r="A7780">
        <v>2970217</v>
      </c>
      <c r="B7780" t="s">
        <v>0</v>
      </c>
      <c r="C7780" t="s">
        <v>7307</v>
      </c>
      <c r="D7780" t="s">
        <v>1768</v>
      </c>
    </row>
    <row r="7781" spans="1:4" x14ac:dyDescent="0.4">
      <c r="A7781">
        <v>2970207</v>
      </c>
      <c r="B7781" t="s">
        <v>0</v>
      </c>
      <c r="C7781" t="s">
        <v>7307</v>
      </c>
      <c r="D7781" t="s">
        <v>7323</v>
      </c>
    </row>
    <row r="7782" spans="1:4" x14ac:dyDescent="0.4">
      <c r="A7782">
        <v>2970202</v>
      </c>
      <c r="B7782" t="s">
        <v>0</v>
      </c>
      <c r="C7782" t="s">
        <v>7307</v>
      </c>
      <c r="D7782" t="s">
        <v>7324</v>
      </c>
    </row>
    <row r="7783" spans="1:4" x14ac:dyDescent="0.4">
      <c r="A7783">
        <v>2970231</v>
      </c>
      <c r="B7783" t="s">
        <v>0</v>
      </c>
      <c r="C7783" t="s">
        <v>7307</v>
      </c>
      <c r="D7783" t="s">
        <v>7325</v>
      </c>
    </row>
    <row r="7784" spans="1:4" x14ac:dyDescent="0.4">
      <c r="A7784">
        <v>2970206</v>
      </c>
      <c r="B7784" t="s">
        <v>0</v>
      </c>
      <c r="C7784" t="s">
        <v>7307</v>
      </c>
      <c r="D7784" t="s">
        <v>7326</v>
      </c>
    </row>
    <row r="7785" spans="1:4" x14ac:dyDescent="0.4">
      <c r="A7785">
        <v>2970204</v>
      </c>
      <c r="B7785" t="s">
        <v>0</v>
      </c>
      <c r="C7785" t="s">
        <v>7307</v>
      </c>
      <c r="D7785" t="s">
        <v>7327</v>
      </c>
    </row>
    <row r="7786" spans="1:4" x14ac:dyDescent="0.4">
      <c r="A7786">
        <v>2970233</v>
      </c>
      <c r="B7786" t="s">
        <v>0</v>
      </c>
      <c r="C7786" t="s">
        <v>7307</v>
      </c>
      <c r="D7786" t="s">
        <v>7328</v>
      </c>
    </row>
    <row r="7787" spans="1:4" x14ac:dyDescent="0.4">
      <c r="A7787">
        <v>2970100</v>
      </c>
      <c r="B7787" t="s">
        <v>0</v>
      </c>
      <c r="C7787" t="s">
        <v>7329</v>
      </c>
    </row>
    <row r="7788" spans="1:4" x14ac:dyDescent="0.4">
      <c r="A7788">
        <v>2970144</v>
      </c>
      <c r="B7788" t="s">
        <v>0</v>
      </c>
      <c r="C7788" t="s">
        <v>7329</v>
      </c>
      <c r="D7788" t="s">
        <v>7330</v>
      </c>
    </row>
    <row r="7789" spans="1:4" x14ac:dyDescent="0.4">
      <c r="A7789">
        <v>2970103</v>
      </c>
      <c r="B7789" t="s">
        <v>0</v>
      </c>
      <c r="C7789" t="s">
        <v>7329</v>
      </c>
      <c r="D7789" t="s">
        <v>1713</v>
      </c>
    </row>
    <row r="7790" spans="1:4" x14ac:dyDescent="0.4">
      <c r="A7790">
        <v>2970101</v>
      </c>
      <c r="B7790" t="s">
        <v>0</v>
      </c>
      <c r="C7790" t="s">
        <v>7329</v>
      </c>
      <c r="D7790" t="s">
        <v>7331</v>
      </c>
    </row>
    <row r="7791" spans="1:4" x14ac:dyDescent="0.4">
      <c r="A7791">
        <v>2970154</v>
      </c>
      <c r="B7791" t="s">
        <v>0</v>
      </c>
      <c r="C7791" t="s">
        <v>7329</v>
      </c>
      <c r="D7791" t="s">
        <v>7332</v>
      </c>
    </row>
    <row r="7792" spans="1:4" x14ac:dyDescent="0.4">
      <c r="A7792">
        <v>2970142</v>
      </c>
      <c r="B7792" t="s">
        <v>0</v>
      </c>
      <c r="C7792" t="s">
        <v>7329</v>
      </c>
      <c r="D7792" t="s">
        <v>4888</v>
      </c>
    </row>
    <row r="7793" spans="1:4" x14ac:dyDescent="0.4">
      <c r="A7793">
        <v>2970136</v>
      </c>
      <c r="B7793" t="s">
        <v>0</v>
      </c>
      <c r="C7793" t="s">
        <v>7329</v>
      </c>
      <c r="D7793" t="s">
        <v>7333</v>
      </c>
    </row>
    <row r="7794" spans="1:4" x14ac:dyDescent="0.4">
      <c r="A7794">
        <v>2970125</v>
      </c>
      <c r="B7794" t="s">
        <v>0</v>
      </c>
      <c r="C7794" t="s">
        <v>7329</v>
      </c>
      <c r="D7794" t="s">
        <v>7334</v>
      </c>
    </row>
    <row r="7795" spans="1:4" x14ac:dyDescent="0.4">
      <c r="A7795">
        <v>2970137</v>
      </c>
      <c r="B7795" t="s">
        <v>0</v>
      </c>
      <c r="C7795" t="s">
        <v>7329</v>
      </c>
      <c r="D7795" t="s">
        <v>7335</v>
      </c>
    </row>
    <row r="7796" spans="1:4" x14ac:dyDescent="0.4">
      <c r="A7796">
        <v>2970132</v>
      </c>
      <c r="B7796" t="s">
        <v>0</v>
      </c>
      <c r="C7796" t="s">
        <v>7329</v>
      </c>
      <c r="D7796" t="s">
        <v>7336</v>
      </c>
    </row>
    <row r="7797" spans="1:4" x14ac:dyDescent="0.4">
      <c r="A7797">
        <v>2970123</v>
      </c>
      <c r="B7797" t="s">
        <v>0</v>
      </c>
      <c r="C7797" t="s">
        <v>7329</v>
      </c>
      <c r="D7797" t="s">
        <v>7337</v>
      </c>
    </row>
    <row r="7798" spans="1:4" x14ac:dyDescent="0.4">
      <c r="A7798">
        <v>2970122</v>
      </c>
      <c r="B7798" t="s">
        <v>0</v>
      </c>
      <c r="C7798" t="s">
        <v>7329</v>
      </c>
      <c r="D7798" t="s">
        <v>4424</v>
      </c>
    </row>
    <row r="7799" spans="1:4" x14ac:dyDescent="0.4">
      <c r="A7799">
        <v>2970145</v>
      </c>
      <c r="B7799" t="s">
        <v>0</v>
      </c>
      <c r="C7799" t="s">
        <v>7329</v>
      </c>
      <c r="D7799" t="s">
        <v>7338</v>
      </c>
    </row>
    <row r="7800" spans="1:4" x14ac:dyDescent="0.4">
      <c r="A7800">
        <v>2970134</v>
      </c>
      <c r="B7800" t="s">
        <v>0</v>
      </c>
      <c r="C7800" t="s">
        <v>7329</v>
      </c>
      <c r="D7800" t="s">
        <v>1870</v>
      </c>
    </row>
    <row r="7801" spans="1:4" x14ac:dyDescent="0.4">
      <c r="A7801">
        <v>2970135</v>
      </c>
      <c r="B7801" t="s">
        <v>0</v>
      </c>
      <c r="C7801" t="s">
        <v>7329</v>
      </c>
      <c r="D7801" t="s">
        <v>7339</v>
      </c>
    </row>
    <row r="7802" spans="1:4" x14ac:dyDescent="0.4">
      <c r="A7802">
        <v>2970138</v>
      </c>
      <c r="B7802" t="s">
        <v>0</v>
      </c>
      <c r="C7802" t="s">
        <v>7329</v>
      </c>
      <c r="D7802" t="s">
        <v>7340</v>
      </c>
    </row>
    <row r="7803" spans="1:4" x14ac:dyDescent="0.4">
      <c r="A7803">
        <v>2970111</v>
      </c>
      <c r="B7803" t="s">
        <v>0</v>
      </c>
      <c r="C7803" t="s">
        <v>7329</v>
      </c>
      <c r="D7803" t="s">
        <v>7341</v>
      </c>
    </row>
    <row r="7804" spans="1:4" x14ac:dyDescent="0.4">
      <c r="A7804">
        <v>2970113</v>
      </c>
      <c r="B7804" t="s">
        <v>0</v>
      </c>
      <c r="C7804" t="s">
        <v>7329</v>
      </c>
      <c r="D7804" t="s">
        <v>1385</v>
      </c>
    </row>
    <row r="7805" spans="1:4" x14ac:dyDescent="0.4">
      <c r="A7805">
        <v>2970114</v>
      </c>
      <c r="B7805" t="s">
        <v>0</v>
      </c>
      <c r="C7805" t="s">
        <v>7329</v>
      </c>
      <c r="D7805" t="s">
        <v>6480</v>
      </c>
    </row>
    <row r="7806" spans="1:4" x14ac:dyDescent="0.4">
      <c r="A7806">
        <v>2970115</v>
      </c>
      <c r="B7806" t="s">
        <v>0</v>
      </c>
      <c r="C7806" t="s">
        <v>7329</v>
      </c>
      <c r="D7806" t="s">
        <v>905</v>
      </c>
    </row>
    <row r="7807" spans="1:4" x14ac:dyDescent="0.4">
      <c r="A7807">
        <v>2970155</v>
      </c>
      <c r="B7807" t="s">
        <v>0</v>
      </c>
      <c r="C7807" t="s">
        <v>7329</v>
      </c>
      <c r="D7807" t="s">
        <v>7342</v>
      </c>
    </row>
    <row r="7808" spans="1:4" x14ac:dyDescent="0.4">
      <c r="A7808">
        <v>2970105</v>
      </c>
      <c r="B7808" t="s">
        <v>0</v>
      </c>
      <c r="C7808" t="s">
        <v>7329</v>
      </c>
      <c r="D7808" t="s">
        <v>7343</v>
      </c>
    </row>
    <row r="7809" spans="1:4" x14ac:dyDescent="0.4">
      <c r="A7809">
        <v>2970121</v>
      </c>
      <c r="B7809" t="s">
        <v>0</v>
      </c>
      <c r="C7809" t="s">
        <v>7329</v>
      </c>
      <c r="D7809" t="s">
        <v>7344</v>
      </c>
    </row>
    <row r="7810" spans="1:4" x14ac:dyDescent="0.4">
      <c r="A7810">
        <v>2970133</v>
      </c>
      <c r="B7810" t="s">
        <v>0</v>
      </c>
      <c r="C7810" t="s">
        <v>7329</v>
      </c>
      <c r="D7810" t="s">
        <v>5045</v>
      </c>
    </row>
    <row r="7811" spans="1:4" x14ac:dyDescent="0.4">
      <c r="A7811">
        <v>2970131</v>
      </c>
      <c r="B7811" t="s">
        <v>0</v>
      </c>
      <c r="C7811" t="s">
        <v>7329</v>
      </c>
      <c r="D7811" t="s">
        <v>2477</v>
      </c>
    </row>
    <row r="7812" spans="1:4" x14ac:dyDescent="0.4">
      <c r="A7812">
        <v>2970124</v>
      </c>
      <c r="B7812" t="s">
        <v>0</v>
      </c>
      <c r="C7812" t="s">
        <v>7329</v>
      </c>
      <c r="D7812" t="s">
        <v>7345</v>
      </c>
    </row>
    <row r="7813" spans="1:4" x14ac:dyDescent="0.4">
      <c r="A7813">
        <v>2970141</v>
      </c>
      <c r="B7813" t="s">
        <v>0</v>
      </c>
      <c r="C7813" t="s">
        <v>7329</v>
      </c>
      <c r="D7813" t="s">
        <v>7346</v>
      </c>
    </row>
    <row r="7814" spans="1:4" x14ac:dyDescent="0.4">
      <c r="A7814">
        <v>2970104</v>
      </c>
      <c r="B7814" t="s">
        <v>0</v>
      </c>
      <c r="C7814" t="s">
        <v>7329</v>
      </c>
      <c r="D7814" t="s">
        <v>7347</v>
      </c>
    </row>
    <row r="7815" spans="1:4" x14ac:dyDescent="0.4">
      <c r="A7815">
        <v>2970152</v>
      </c>
      <c r="B7815" t="s">
        <v>0</v>
      </c>
      <c r="C7815" t="s">
        <v>7329</v>
      </c>
      <c r="D7815" t="s">
        <v>7348</v>
      </c>
    </row>
    <row r="7816" spans="1:4" x14ac:dyDescent="0.4">
      <c r="A7816">
        <v>2970143</v>
      </c>
      <c r="B7816" t="s">
        <v>0</v>
      </c>
      <c r="C7816" t="s">
        <v>7329</v>
      </c>
      <c r="D7816" t="s">
        <v>7349</v>
      </c>
    </row>
    <row r="7817" spans="1:4" x14ac:dyDescent="0.4">
      <c r="A7817">
        <v>2970151</v>
      </c>
      <c r="B7817" t="s">
        <v>0</v>
      </c>
      <c r="C7817" t="s">
        <v>7329</v>
      </c>
      <c r="D7817" t="s">
        <v>7350</v>
      </c>
    </row>
    <row r="7818" spans="1:4" x14ac:dyDescent="0.4">
      <c r="A7818">
        <v>2970102</v>
      </c>
      <c r="B7818" t="s">
        <v>0</v>
      </c>
      <c r="C7818" t="s">
        <v>7329</v>
      </c>
      <c r="D7818" t="s">
        <v>7351</v>
      </c>
    </row>
    <row r="7819" spans="1:4" x14ac:dyDescent="0.4">
      <c r="A7819">
        <v>2970153</v>
      </c>
      <c r="B7819" t="s">
        <v>0</v>
      </c>
      <c r="C7819" t="s">
        <v>7329</v>
      </c>
      <c r="D7819" t="s">
        <v>7352</v>
      </c>
    </row>
    <row r="7820" spans="1:4" x14ac:dyDescent="0.4">
      <c r="A7820">
        <v>2970112</v>
      </c>
      <c r="B7820" t="s">
        <v>0</v>
      </c>
      <c r="C7820" t="s">
        <v>7329</v>
      </c>
      <c r="D7820" t="s">
        <v>7353</v>
      </c>
    </row>
    <row r="7821" spans="1:4" x14ac:dyDescent="0.4">
      <c r="A7821">
        <v>2980200</v>
      </c>
      <c r="B7821" t="s">
        <v>0</v>
      </c>
      <c r="C7821" t="s">
        <v>7354</v>
      </c>
    </row>
    <row r="7822" spans="1:4" x14ac:dyDescent="0.4">
      <c r="A7822">
        <v>2980277</v>
      </c>
      <c r="B7822" t="s">
        <v>0</v>
      </c>
      <c r="C7822" t="s">
        <v>7354</v>
      </c>
      <c r="D7822" t="s">
        <v>7355</v>
      </c>
    </row>
    <row r="7823" spans="1:4" x14ac:dyDescent="0.4">
      <c r="A7823">
        <v>2980256</v>
      </c>
      <c r="B7823" t="s">
        <v>0</v>
      </c>
      <c r="C7823" t="s">
        <v>7354</v>
      </c>
      <c r="D7823" t="s">
        <v>595</v>
      </c>
    </row>
    <row r="7824" spans="1:4" x14ac:dyDescent="0.4">
      <c r="A7824">
        <v>2980261</v>
      </c>
      <c r="B7824" t="s">
        <v>0</v>
      </c>
      <c r="C7824" t="s">
        <v>7354</v>
      </c>
      <c r="D7824" t="s">
        <v>7356</v>
      </c>
    </row>
    <row r="7825" spans="1:4" x14ac:dyDescent="0.4">
      <c r="A7825">
        <v>2980272</v>
      </c>
      <c r="B7825" t="s">
        <v>0</v>
      </c>
      <c r="C7825" t="s">
        <v>7354</v>
      </c>
      <c r="D7825" t="s">
        <v>7357</v>
      </c>
    </row>
    <row r="7826" spans="1:4" x14ac:dyDescent="0.4">
      <c r="A7826">
        <v>2980263</v>
      </c>
      <c r="B7826" t="s">
        <v>0</v>
      </c>
      <c r="C7826" t="s">
        <v>7354</v>
      </c>
      <c r="D7826" t="s">
        <v>7358</v>
      </c>
    </row>
    <row r="7827" spans="1:4" x14ac:dyDescent="0.4">
      <c r="A7827">
        <v>2980223</v>
      </c>
      <c r="B7827" t="s">
        <v>0</v>
      </c>
      <c r="C7827" t="s">
        <v>7354</v>
      </c>
      <c r="D7827" t="s">
        <v>611</v>
      </c>
    </row>
    <row r="7828" spans="1:4" x14ac:dyDescent="0.4">
      <c r="A7828">
        <v>2980205</v>
      </c>
      <c r="B7828" t="s">
        <v>0</v>
      </c>
      <c r="C7828" t="s">
        <v>7354</v>
      </c>
      <c r="D7828" t="s">
        <v>7359</v>
      </c>
    </row>
    <row r="7829" spans="1:4" x14ac:dyDescent="0.4">
      <c r="A7829">
        <v>2980235</v>
      </c>
      <c r="B7829" t="s">
        <v>0</v>
      </c>
      <c r="C7829" t="s">
        <v>7354</v>
      </c>
      <c r="D7829" t="s">
        <v>7360</v>
      </c>
    </row>
    <row r="7830" spans="1:4" x14ac:dyDescent="0.4">
      <c r="A7830">
        <v>2980216</v>
      </c>
      <c r="B7830" t="s">
        <v>0</v>
      </c>
      <c r="C7830" t="s">
        <v>7354</v>
      </c>
      <c r="D7830" t="s">
        <v>7361</v>
      </c>
    </row>
    <row r="7831" spans="1:4" x14ac:dyDescent="0.4">
      <c r="A7831">
        <v>2980264</v>
      </c>
      <c r="B7831" t="s">
        <v>0</v>
      </c>
      <c r="C7831" t="s">
        <v>7354</v>
      </c>
      <c r="D7831" t="s">
        <v>7362</v>
      </c>
    </row>
    <row r="7832" spans="1:4" x14ac:dyDescent="0.4">
      <c r="A7832">
        <v>2980225</v>
      </c>
      <c r="B7832" t="s">
        <v>0</v>
      </c>
      <c r="C7832" t="s">
        <v>7354</v>
      </c>
      <c r="D7832" t="s">
        <v>619</v>
      </c>
    </row>
    <row r="7833" spans="1:4" x14ac:dyDescent="0.4">
      <c r="A7833">
        <v>2980234</v>
      </c>
      <c r="B7833" t="s">
        <v>0</v>
      </c>
      <c r="C7833" t="s">
        <v>7354</v>
      </c>
      <c r="D7833" t="s">
        <v>624</v>
      </c>
    </row>
    <row r="7834" spans="1:4" x14ac:dyDescent="0.4">
      <c r="A7834">
        <v>2980201</v>
      </c>
      <c r="B7834" t="s">
        <v>0</v>
      </c>
      <c r="C7834" t="s">
        <v>7354</v>
      </c>
      <c r="D7834" t="s">
        <v>7363</v>
      </c>
    </row>
    <row r="7835" spans="1:4" x14ac:dyDescent="0.4">
      <c r="A7835">
        <v>2980279</v>
      </c>
      <c r="B7835" t="s">
        <v>0</v>
      </c>
      <c r="C7835" t="s">
        <v>7354</v>
      </c>
      <c r="D7835" t="s">
        <v>7364</v>
      </c>
    </row>
    <row r="7836" spans="1:4" x14ac:dyDescent="0.4">
      <c r="A7836">
        <v>2980276</v>
      </c>
      <c r="B7836" t="s">
        <v>0</v>
      </c>
      <c r="C7836" t="s">
        <v>7354</v>
      </c>
      <c r="D7836" t="s">
        <v>7365</v>
      </c>
    </row>
    <row r="7837" spans="1:4" x14ac:dyDescent="0.4">
      <c r="A7837">
        <v>2980241</v>
      </c>
      <c r="B7837" t="s">
        <v>0</v>
      </c>
      <c r="C7837" t="s">
        <v>7354</v>
      </c>
      <c r="D7837" t="s">
        <v>230</v>
      </c>
    </row>
    <row r="7838" spans="1:4" x14ac:dyDescent="0.4">
      <c r="A7838">
        <v>2980253</v>
      </c>
      <c r="B7838" t="s">
        <v>0</v>
      </c>
      <c r="C7838" t="s">
        <v>7354</v>
      </c>
      <c r="D7838" t="s">
        <v>7366</v>
      </c>
    </row>
    <row r="7839" spans="1:4" x14ac:dyDescent="0.4">
      <c r="A7839">
        <v>2980251</v>
      </c>
      <c r="B7839" t="s">
        <v>0</v>
      </c>
      <c r="C7839" t="s">
        <v>7354</v>
      </c>
      <c r="D7839" t="s">
        <v>7367</v>
      </c>
    </row>
    <row r="7840" spans="1:4" x14ac:dyDescent="0.4">
      <c r="A7840">
        <v>2980267</v>
      </c>
      <c r="B7840" t="s">
        <v>0</v>
      </c>
      <c r="C7840" t="s">
        <v>7354</v>
      </c>
      <c r="D7840" t="s">
        <v>7368</v>
      </c>
    </row>
    <row r="7841" spans="1:4" x14ac:dyDescent="0.4">
      <c r="A7841">
        <v>2980215</v>
      </c>
      <c r="B7841" t="s">
        <v>0</v>
      </c>
      <c r="C7841" t="s">
        <v>7354</v>
      </c>
      <c r="D7841" t="s">
        <v>648</v>
      </c>
    </row>
    <row r="7842" spans="1:4" x14ac:dyDescent="0.4">
      <c r="A7842">
        <v>2980255</v>
      </c>
      <c r="B7842" t="s">
        <v>0</v>
      </c>
      <c r="C7842" t="s">
        <v>7354</v>
      </c>
      <c r="D7842" t="s">
        <v>7369</v>
      </c>
    </row>
    <row r="7843" spans="1:4" x14ac:dyDescent="0.4">
      <c r="A7843">
        <v>2980232</v>
      </c>
      <c r="B7843" t="s">
        <v>0</v>
      </c>
      <c r="C7843" t="s">
        <v>7354</v>
      </c>
      <c r="D7843" t="s">
        <v>7370</v>
      </c>
    </row>
    <row r="7844" spans="1:4" x14ac:dyDescent="0.4">
      <c r="A7844">
        <v>2980238</v>
      </c>
      <c r="B7844" t="s">
        <v>0</v>
      </c>
      <c r="C7844" t="s">
        <v>7354</v>
      </c>
      <c r="D7844" t="s">
        <v>7371</v>
      </c>
    </row>
    <row r="7845" spans="1:4" x14ac:dyDescent="0.4">
      <c r="A7845">
        <v>2980211</v>
      </c>
      <c r="B7845" t="s">
        <v>0</v>
      </c>
      <c r="C7845" t="s">
        <v>7354</v>
      </c>
      <c r="D7845" t="s">
        <v>7372</v>
      </c>
    </row>
    <row r="7846" spans="1:4" x14ac:dyDescent="0.4">
      <c r="A7846">
        <v>2980278</v>
      </c>
      <c r="B7846" t="s">
        <v>0</v>
      </c>
      <c r="C7846" t="s">
        <v>7354</v>
      </c>
      <c r="D7846" t="s">
        <v>7373</v>
      </c>
    </row>
    <row r="7847" spans="1:4" x14ac:dyDescent="0.4">
      <c r="A7847">
        <v>2980265</v>
      </c>
      <c r="B7847" t="s">
        <v>0</v>
      </c>
      <c r="C7847" t="s">
        <v>7354</v>
      </c>
      <c r="D7847" t="s">
        <v>7374</v>
      </c>
    </row>
    <row r="7848" spans="1:4" x14ac:dyDescent="0.4">
      <c r="A7848">
        <v>2980242</v>
      </c>
      <c r="B7848" t="s">
        <v>0</v>
      </c>
      <c r="C7848" t="s">
        <v>7354</v>
      </c>
      <c r="D7848" t="s">
        <v>7375</v>
      </c>
    </row>
    <row r="7849" spans="1:4" x14ac:dyDescent="0.4">
      <c r="A7849">
        <v>2980228</v>
      </c>
      <c r="B7849" t="s">
        <v>0</v>
      </c>
      <c r="C7849" t="s">
        <v>7354</v>
      </c>
      <c r="D7849" t="s">
        <v>7376</v>
      </c>
    </row>
    <row r="7850" spans="1:4" x14ac:dyDescent="0.4">
      <c r="A7850">
        <v>2980213</v>
      </c>
      <c r="B7850" t="s">
        <v>0</v>
      </c>
      <c r="C7850" t="s">
        <v>7354</v>
      </c>
      <c r="D7850" t="s">
        <v>2016</v>
      </c>
    </row>
    <row r="7851" spans="1:4" x14ac:dyDescent="0.4">
      <c r="A7851">
        <v>2980212</v>
      </c>
      <c r="B7851" t="s">
        <v>0</v>
      </c>
      <c r="C7851" t="s">
        <v>7354</v>
      </c>
      <c r="D7851" t="s">
        <v>7377</v>
      </c>
    </row>
    <row r="7852" spans="1:4" x14ac:dyDescent="0.4">
      <c r="A7852">
        <v>2980273</v>
      </c>
      <c r="B7852" t="s">
        <v>0</v>
      </c>
      <c r="C7852" t="s">
        <v>7354</v>
      </c>
      <c r="D7852" t="s">
        <v>7378</v>
      </c>
    </row>
    <row r="7853" spans="1:4" x14ac:dyDescent="0.4">
      <c r="A7853">
        <v>2980202</v>
      </c>
      <c r="B7853" t="s">
        <v>0</v>
      </c>
      <c r="C7853" t="s">
        <v>7354</v>
      </c>
      <c r="D7853" t="s">
        <v>7379</v>
      </c>
    </row>
    <row r="7854" spans="1:4" x14ac:dyDescent="0.4">
      <c r="A7854">
        <v>2980246</v>
      </c>
      <c r="B7854" t="s">
        <v>0</v>
      </c>
      <c r="C7854" t="s">
        <v>7354</v>
      </c>
      <c r="D7854" t="s">
        <v>7380</v>
      </c>
    </row>
    <row r="7855" spans="1:4" x14ac:dyDescent="0.4">
      <c r="A7855">
        <v>2980214</v>
      </c>
      <c r="B7855" t="s">
        <v>0</v>
      </c>
      <c r="C7855" t="s">
        <v>7354</v>
      </c>
      <c r="D7855" t="s">
        <v>7381</v>
      </c>
    </row>
    <row r="7856" spans="1:4" x14ac:dyDescent="0.4">
      <c r="A7856">
        <v>2980207</v>
      </c>
      <c r="B7856" t="s">
        <v>0</v>
      </c>
      <c r="C7856" t="s">
        <v>7354</v>
      </c>
      <c r="D7856" t="s">
        <v>5810</v>
      </c>
    </row>
    <row r="7857" spans="1:4" x14ac:dyDescent="0.4">
      <c r="A7857">
        <v>2980274</v>
      </c>
      <c r="B7857" t="s">
        <v>0</v>
      </c>
      <c r="C7857" t="s">
        <v>7354</v>
      </c>
      <c r="D7857" t="s">
        <v>7316</v>
      </c>
    </row>
    <row r="7858" spans="1:4" x14ac:dyDescent="0.4">
      <c r="A7858">
        <v>2980217</v>
      </c>
      <c r="B7858" t="s">
        <v>0</v>
      </c>
      <c r="C7858" t="s">
        <v>7354</v>
      </c>
      <c r="D7858" t="s">
        <v>7382</v>
      </c>
    </row>
    <row r="7859" spans="1:4" x14ac:dyDescent="0.4">
      <c r="A7859">
        <v>2980266</v>
      </c>
      <c r="B7859" t="s">
        <v>0</v>
      </c>
      <c r="C7859" t="s">
        <v>7354</v>
      </c>
      <c r="D7859" t="s">
        <v>7383</v>
      </c>
    </row>
    <row r="7860" spans="1:4" x14ac:dyDescent="0.4">
      <c r="A7860">
        <v>2980271</v>
      </c>
      <c r="B7860" t="s">
        <v>0</v>
      </c>
      <c r="C7860" t="s">
        <v>7354</v>
      </c>
      <c r="D7860" t="s">
        <v>194</v>
      </c>
    </row>
    <row r="7861" spans="1:4" x14ac:dyDescent="0.4">
      <c r="A7861">
        <v>2980227</v>
      </c>
      <c r="B7861" t="s">
        <v>0</v>
      </c>
      <c r="C7861" t="s">
        <v>7354</v>
      </c>
      <c r="D7861" t="s">
        <v>6755</v>
      </c>
    </row>
    <row r="7862" spans="1:4" x14ac:dyDescent="0.4">
      <c r="A7862">
        <v>2980231</v>
      </c>
      <c r="B7862" t="s">
        <v>0</v>
      </c>
      <c r="C7862" t="s">
        <v>7354</v>
      </c>
      <c r="D7862" t="s">
        <v>7384</v>
      </c>
    </row>
    <row r="7863" spans="1:4" x14ac:dyDescent="0.4">
      <c r="A7863">
        <v>2980237</v>
      </c>
      <c r="B7863" t="s">
        <v>0</v>
      </c>
      <c r="C7863" t="s">
        <v>7354</v>
      </c>
      <c r="D7863" t="s">
        <v>7385</v>
      </c>
    </row>
    <row r="7864" spans="1:4" x14ac:dyDescent="0.4">
      <c r="A7864">
        <v>2980254</v>
      </c>
      <c r="B7864" t="s">
        <v>0</v>
      </c>
      <c r="C7864" t="s">
        <v>7354</v>
      </c>
      <c r="D7864" t="s">
        <v>6483</v>
      </c>
    </row>
    <row r="7865" spans="1:4" x14ac:dyDescent="0.4">
      <c r="A7865">
        <v>2980233</v>
      </c>
      <c r="B7865" t="s">
        <v>0</v>
      </c>
      <c r="C7865" t="s">
        <v>7354</v>
      </c>
      <c r="D7865" t="s">
        <v>7386</v>
      </c>
    </row>
    <row r="7866" spans="1:4" x14ac:dyDescent="0.4">
      <c r="A7866">
        <v>2980204</v>
      </c>
      <c r="B7866" t="s">
        <v>0</v>
      </c>
      <c r="C7866" t="s">
        <v>7354</v>
      </c>
      <c r="D7866" t="s">
        <v>7387</v>
      </c>
    </row>
    <row r="7867" spans="1:4" x14ac:dyDescent="0.4">
      <c r="A7867">
        <v>2980226</v>
      </c>
      <c r="B7867" t="s">
        <v>0</v>
      </c>
      <c r="C7867" t="s">
        <v>7354</v>
      </c>
      <c r="D7867" t="s">
        <v>7388</v>
      </c>
    </row>
    <row r="7868" spans="1:4" x14ac:dyDescent="0.4">
      <c r="A7868">
        <v>2980262</v>
      </c>
      <c r="B7868" t="s">
        <v>0</v>
      </c>
      <c r="C7868" t="s">
        <v>7354</v>
      </c>
      <c r="D7868" t="s">
        <v>1467</v>
      </c>
    </row>
    <row r="7869" spans="1:4" x14ac:dyDescent="0.4">
      <c r="A7869">
        <v>2980224</v>
      </c>
      <c r="B7869" t="s">
        <v>0</v>
      </c>
      <c r="C7869" t="s">
        <v>7354</v>
      </c>
      <c r="D7869" t="s">
        <v>467</v>
      </c>
    </row>
    <row r="7870" spans="1:4" x14ac:dyDescent="0.4">
      <c r="A7870">
        <v>2980244</v>
      </c>
      <c r="B7870" t="s">
        <v>0</v>
      </c>
      <c r="C7870" t="s">
        <v>7354</v>
      </c>
      <c r="D7870" t="s">
        <v>7389</v>
      </c>
    </row>
    <row r="7871" spans="1:4" x14ac:dyDescent="0.4">
      <c r="A7871">
        <v>2980252</v>
      </c>
      <c r="B7871" t="s">
        <v>0</v>
      </c>
      <c r="C7871" t="s">
        <v>7354</v>
      </c>
      <c r="D7871" t="s">
        <v>7390</v>
      </c>
    </row>
    <row r="7872" spans="1:4" x14ac:dyDescent="0.4">
      <c r="A7872">
        <v>2980236</v>
      </c>
      <c r="B7872" t="s">
        <v>0</v>
      </c>
      <c r="C7872" t="s">
        <v>7354</v>
      </c>
      <c r="D7872" t="s">
        <v>7391</v>
      </c>
    </row>
    <row r="7873" spans="1:4" x14ac:dyDescent="0.4">
      <c r="A7873">
        <v>2980203</v>
      </c>
      <c r="B7873" t="s">
        <v>0</v>
      </c>
      <c r="C7873" t="s">
        <v>7354</v>
      </c>
      <c r="D7873" t="s">
        <v>7392</v>
      </c>
    </row>
    <row r="7874" spans="1:4" x14ac:dyDescent="0.4">
      <c r="A7874">
        <v>2980245</v>
      </c>
      <c r="B7874" t="s">
        <v>0</v>
      </c>
      <c r="C7874" t="s">
        <v>7354</v>
      </c>
      <c r="D7874" t="s">
        <v>7393</v>
      </c>
    </row>
    <row r="7875" spans="1:4" x14ac:dyDescent="0.4">
      <c r="A7875">
        <v>2980222</v>
      </c>
      <c r="B7875" t="s">
        <v>0</v>
      </c>
      <c r="C7875" t="s">
        <v>7354</v>
      </c>
      <c r="D7875" t="s">
        <v>7394</v>
      </c>
    </row>
    <row r="7876" spans="1:4" x14ac:dyDescent="0.4">
      <c r="A7876">
        <v>2980221</v>
      </c>
      <c r="B7876" t="s">
        <v>0</v>
      </c>
      <c r="C7876" t="s">
        <v>7354</v>
      </c>
      <c r="D7876" t="s">
        <v>1439</v>
      </c>
    </row>
    <row r="7877" spans="1:4" x14ac:dyDescent="0.4">
      <c r="A7877">
        <v>2980243</v>
      </c>
      <c r="B7877" t="s">
        <v>0</v>
      </c>
      <c r="C7877" t="s">
        <v>7354</v>
      </c>
      <c r="D7877" t="s">
        <v>7395</v>
      </c>
    </row>
    <row r="7878" spans="1:4" x14ac:dyDescent="0.4">
      <c r="A7878">
        <v>2980275</v>
      </c>
      <c r="B7878" t="s">
        <v>0</v>
      </c>
      <c r="C7878" t="s">
        <v>7354</v>
      </c>
      <c r="D7878" t="s">
        <v>7396</v>
      </c>
    </row>
    <row r="7879" spans="1:4" x14ac:dyDescent="0.4">
      <c r="A7879">
        <v>2980206</v>
      </c>
      <c r="B7879" t="s">
        <v>0</v>
      </c>
      <c r="C7879" t="s">
        <v>7354</v>
      </c>
      <c r="D7879" t="s">
        <v>2132</v>
      </c>
    </row>
    <row r="7880" spans="1:4" x14ac:dyDescent="0.4">
      <c r="A7880">
        <v>2995100</v>
      </c>
      <c r="B7880" t="s">
        <v>0</v>
      </c>
      <c r="C7880" t="s">
        <v>7397</v>
      </c>
    </row>
    <row r="7881" spans="1:4" x14ac:dyDescent="0.4">
      <c r="A7881">
        <v>2995105</v>
      </c>
      <c r="B7881" t="s">
        <v>0</v>
      </c>
      <c r="C7881" t="s">
        <v>7397</v>
      </c>
      <c r="D7881" t="s">
        <v>7398</v>
      </c>
    </row>
    <row r="7882" spans="1:4" x14ac:dyDescent="0.4">
      <c r="A7882">
        <v>2995112</v>
      </c>
      <c r="B7882" t="s">
        <v>0</v>
      </c>
      <c r="C7882" t="s">
        <v>7397</v>
      </c>
      <c r="D7882" t="s">
        <v>7399</v>
      </c>
    </row>
    <row r="7883" spans="1:4" x14ac:dyDescent="0.4">
      <c r="A7883">
        <v>2995111</v>
      </c>
      <c r="B7883" t="s">
        <v>0</v>
      </c>
      <c r="C7883" t="s">
        <v>7397</v>
      </c>
      <c r="D7883" t="s">
        <v>6861</v>
      </c>
    </row>
    <row r="7884" spans="1:4" x14ac:dyDescent="0.4">
      <c r="A7884">
        <v>2995102</v>
      </c>
      <c r="B7884" t="s">
        <v>0</v>
      </c>
      <c r="C7884" t="s">
        <v>7397</v>
      </c>
      <c r="D7884" t="s">
        <v>648</v>
      </c>
    </row>
    <row r="7885" spans="1:4" x14ac:dyDescent="0.4">
      <c r="A7885">
        <v>2995114</v>
      </c>
      <c r="B7885" t="s">
        <v>0</v>
      </c>
      <c r="C7885" t="s">
        <v>7397</v>
      </c>
      <c r="D7885" t="s">
        <v>7400</v>
      </c>
    </row>
    <row r="7886" spans="1:4" x14ac:dyDescent="0.4">
      <c r="A7886">
        <v>2995103</v>
      </c>
      <c r="B7886" t="s">
        <v>0</v>
      </c>
      <c r="C7886" t="s">
        <v>7397</v>
      </c>
      <c r="D7886" t="s">
        <v>367</v>
      </c>
    </row>
    <row r="7887" spans="1:4" x14ac:dyDescent="0.4">
      <c r="A7887">
        <v>2995106</v>
      </c>
      <c r="B7887" t="s">
        <v>0</v>
      </c>
      <c r="C7887" t="s">
        <v>7397</v>
      </c>
      <c r="D7887" t="s">
        <v>3114</v>
      </c>
    </row>
    <row r="7888" spans="1:4" x14ac:dyDescent="0.4">
      <c r="A7888">
        <v>2995101</v>
      </c>
      <c r="B7888" t="s">
        <v>0</v>
      </c>
      <c r="C7888" t="s">
        <v>7397</v>
      </c>
      <c r="D7888" t="s">
        <v>7401</v>
      </c>
    </row>
    <row r="7889" spans="1:4" x14ac:dyDescent="0.4">
      <c r="A7889">
        <v>2995113</v>
      </c>
      <c r="B7889" t="s">
        <v>0</v>
      </c>
      <c r="C7889" t="s">
        <v>7397</v>
      </c>
      <c r="D7889" t="s">
        <v>7402</v>
      </c>
    </row>
    <row r="7890" spans="1:4" x14ac:dyDescent="0.4">
      <c r="A7890">
        <v>2995107</v>
      </c>
      <c r="B7890" t="s">
        <v>0</v>
      </c>
      <c r="C7890" t="s">
        <v>7397</v>
      </c>
      <c r="D7890" t="s">
        <v>7403</v>
      </c>
    </row>
    <row r="7891" spans="1:4" x14ac:dyDescent="0.4">
      <c r="A7891">
        <v>2995104</v>
      </c>
      <c r="B7891" t="s">
        <v>0</v>
      </c>
      <c r="C7891" t="s">
        <v>7397</v>
      </c>
      <c r="D7891" t="s">
        <v>6159</v>
      </c>
    </row>
    <row r="7892" spans="1:4" x14ac:dyDescent="0.4">
      <c r="A7892">
        <v>2992100</v>
      </c>
      <c r="B7892" t="s">
        <v>0</v>
      </c>
      <c r="C7892" t="s">
        <v>7404</v>
      </c>
    </row>
    <row r="7893" spans="1:4" x14ac:dyDescent="0.4">
      <c r="A7893">
        <v>2991905</v>
      </c>
      <c r="B7893" t="s">
        <v>0</v>
      </c>
      <c r="C7893" t="s">
        <v>7404</v>
      </c>
      <c r="D7893" t="s">
        <v>7405</v>
      </c>
    </row>
    <row r="7894" spans="1:4" x14ac:dyDescent="0.4">
      <c r="A7894">
        <v>2992116</v>
      </c>
      <c r="B7894" t="s">
        <v>0</v>
      </c>
      <c r="C7894" t="s">
        <v>7404</v>
      </c>
      <c r="D7894" t="s">
        <v>7406</v>
      </c>
    </row>
    <row r="7895" spans="1:4" x14ac:dyDescent="0.4">
      <c r="A7895">
        <v>2991907</v>
      </c>
      <c r="B7895" t="s">
        <v>0</v>
      </c>
      <c r="C7895" t="s">
        <v>7404</v>
      </c>
      <c r="D7895" t="s">
        <v>7407</v>
      </c>
    </row>
    <row r="7896" spans="1:4" x14ac:dyDescent="0.4">
      <c r="A7896">
        <v>2991903</v>
      </c>
      <c r="B7896" t="s">
        <v>0</v>
      </c>
      <c r="C7896" t="s">
        <v>7404</v>
      </c>
      <c r="D7896" t="s">
        <v>7408</v>
      </c>
    </row>
    <row r="7897" spans="1:4" x14ac:dyDescent="0.4">
      <c r="A7897">
        <v>2992111</v>
      </c>
      <c r="B7897" t="s">
        <v>0</v>
      </c>
      <c r="C7897" t="s">
        <v>7404</v>
      </c>
      <c r="D7897" t="s">
        <v>7409</v>
      </c>
    </row>
    <row r="7898" spans="1:4" x14ac:dyDescent="0.4">
      <c r="A7898">
        <v>2992112</v>
      </c>
      <c r="B7898" t="s">
        <v>0</v>
      </c>
      <c r="C7898" t="s">
        <v>7404</v>
      </c>
      <c r="D7898" t="s">
        <v>7410</v>
      </c>
    </row>
    <row r="7899" spans="1:4" x14ac:dyDescent="0.4">
      <c r="A7899">
        <v>2992117</v>
      </c>
      <c r="B7899" t="s">
        <v>0</v>
      </c>
      <c r="C7899" t="s">
        <v>7404</v>
      </c>
      <c r="D7899" t="s">
        <v>7411</v>
      </c>
    </row>
    <row r="7900" spans="1:4" x14ac:dyDescent="0.4">
      <c r="A7900">
        <v>2992113</v>
      </c>
      <c r="B7900" t="s">
        <v>0</v>
      </c>
      <c r="C7900" t="s">
        <v>7404</v>
      </c>
      <c r="D7900" t="s">
        <v>7412</v>
      </c>
    </row>
    <row r="7901" spans="1:4" x14ac:dyDescent="0.4">
      <c r="A7901">
        <v>2991904</v>
      </c>
      <c r="B7901" t="s">
        <v>0</v>
      </c>
      <c r="C7901" t="s">
        <v>7404</v>
      </c>
      <c r="D7901" t="s">
        <v>7413</v>
      </c>
    </row>
    <row r="7902" spans="1:4" x14ac:dyDescent="0.4">
      <c r="A7902">
        <v>2992115</v>
      </c>
      <c r="B7902" t="s">
        <v>0</v>
      </c>
      <c r="C7902" t="s">
        <v>7404</v>
      </c>
      <c r="D7902" t="s">
        <v>7414</v>
      </c>
    </row>
    <row r="7903" spans="1:4" x14ac:dyDescent="0.4">
      <c r="A7903">
        <v>2991909</v>
      </c>
      <c r="B7903" t="s">
        <v>0</v>
      </c>
      <c r="C7903" t="s">
        <v>7404</v>
      </c>
      <c r="D7903" t="s">
        <v>7415</v>
      </c>
    </row>
    <row r="7904" spans="1:4" x14ac:dyDescent="0.4">
      <c r="A7904">
        <v>2992114</v>
      </c>
      <c r="B7904" t="s">
        <v>0</v>
      </c>
      <c r="C7904" t="s">
        <v>7404</v>
      </c>
      <c r="D7904" t="s">
        <v>7416</v>
      </c>
    </row>
    <row r="7905" spans="1:4" x14ac:dyDescent="0.4">
      <c r="A7905">
        <v>2991902</v>
      </c>
      <c r="B7905" t="s">
        <v>0</v>
      </c>
      <c r="C7905" t="s">
        <v>7404</v>
      </c>
      <c r="D7905" t="s">
        <v>7417</v>
      </c>
    </row>
    <row r="7906" spans="1:4" x14ac:dyDescent="0.4">
      <c r="A7906">
        <v>2991901</v>
      </c>
      <c r="B7906" t="s">
        <v>0</v>
      </c>
      <c r="C7906" t="s">
        <v>7404</v>
      </c>
      <c r="D7906" t="s">
        <v>7418</v>
      </c>
    </row>
    <row r="7907" spans="1:4" x14ac:dyDescent="0.4">
      <c r="A7907">
        <v>2991906</v>
      </c>
      <c r="B7907" t="s">
        <v>0</v>
      </c>
      <c r="C7907" t="s">
        <v>7404</v>
      </c>
      <c r="D7907" t="s">
        <v>3788</v>
      </c>
    </row>
    <row r="7908" spans="1:4" x14ac:dyDescent="0.4">
      <c r="A7908">
        <v>2991908</v>
      </c>
      <c r="B7908" t="s">
        <v>0</v>
      </c>
      <c r="C7908" t="s">
        <v>7404</v>
      </c>
      <c r="D7908" t="s">
        <v>7419</v>
      </c>
    </row>
    <row r="7909" spans="1:4" x14ac:dyDescent="0.4">
      <c r="A7909">
        <v>2992118</v>
      </c>
      <c r="B7909" t="s">
        <v>0</v>
      </c>
      <c r="C7909" t="s">
        <v>7404</v>
      </c>
      <c r="D7909" t="s">
        <v>7420</v>
      </c>
    </row>
    <row r="7910" spans="1:4" x14ac:dyDescent="0.4">
      <c r="A7910">
        <v>3440112</v>
      </c>
      <c r="B7910" t="s">
        <v>1636</v>
      </c>
      <c r="C7910" t="s">
        <v>6160</v>
      </c>
      <c r="D7910" t="s">
        <v>7421</v>
      </c>
    </row>
    <row r="7911" spans="1:4" x14ac:dyDescent="0.4">
      <c r="A7911">
        <v>3660819</v>
      </c>
      <c r="B7911" t="s">
        <v>1636</v>
      </c>
      <c r="C7911" t="s">
        <v>1708</v>
      </c>
      <c r="D7911" t="s">
        <v>7422</v>
      </c>
    </row>
    <row r="7912" spans="1:4" x14ac:dyDescent="0.4">
      <c r="A7912">
        <v>3660023</v>
      </c>
      <c r="B7912" t="s">
        <v>1636</v>
      </c>
      <c r="C7912" t="s">
        <v>1708</v>
      </c>
      <c r="D7912" t="s">
        <v>7423</v>
      </c>
    </row>
    <row r="7913" spans="1:4" x14ac:dyDescent="0.4">
      <c r="A7913">
        <v>3691241</v>
      </c>
      <c r="B7913" t="s">
        <v>1636</v>
      </c>
      <c r="C7913" t="s">
        <v>1708</v>
      </c>
      <c r="D7913" t="s">
        <v>3425</v>
      </c>
    </row>
    <row r="7914" spans="1:4" x14ac:dyDescent="0.4">
      <c r="A7914">
        <v>3660823</v>
      </c>
      <c r="B7914" t="s">
        <v>1636</v>
      </c>
      <c r="C7914" t="s">
        <v>1708</v>
      </c>
      <c r="D7914" t="s">
        <v>7424</v>
      </c>
    </row>
    <row r="7915" spans="1:4" x14ac:dyDescent="0.4">
      <c r="A7915">
        <v>3660839</v>
      </c>
      <c r="B7915" t="s">
        <v>1636</v>
      </c>
      <c r="C7915" t="s">
        <v>1708</v>
      </c>
      <c r="D7915" t="s">
        <v>7425</v>
      </c>
    </row>
    <row r="7916" spans="1:4" x14ac:dyDescent="0.4">
      <c r="A7916">
        <v>3660835</v>
      </c>
      <c r="B7916" t="s">
        <v>1636</v>
      </c>
      <c r="C7916" t="s">
        <v>1708</v>
      </c>
      <c r="D7916" t="s">
        <v>7426</v>
      </c>
    </row>
    <row r="7917" spans="1:4" x14ac:dyDescent="0.4">
      <c r="A7917">
        <v>3690217</v>
      </c>
      <c r="B7917" t="s">
        <v>1636</v>
      </c>
      <c r="C7917" t="s">
        <v>1708</v>
      </c>
      <c r="D7917" t="s">
        <v>7427</v>
      </c>
    </row>
    <row r="7918" spans="1:4" x14ac:dyDescent="0.4">
      <c r="A7918">
        <v>3690216</v>
      </c>
      <c r="B7918" t="s">
        <v>1636</v>
      </c>
      <c r="C7918" t="s">
        <v>1708</v>
      </c>
      <c r="D7918" t="s">
        <v>406</v>
      </c>
    </row>
    <row r="7919" spans="1:4" x14ac:dyDescent="0.4">
      <c r="A7919">
        <v>3660009</v>
      </c>
      <c r="B7919" t="s">
        <v>1636</v>
      </c>
      <c r="C7919" t="s">
        <v>1708</v>
      </c>
      <c r="D7919" t="s">
        <v>4390</v>
      </c>
    </row>
    <row r="7920" spans="1:4" x14ac:dyDescent="0.4">
      <c r="A7920">
        <v>3620000</v>
      </c>
      <c r="B7920" t="s">
        <v>1636</v>
      </c>
      <c r="C7920" t="s">
        <v>7428</v>
      </c>
    </row>
    <row r="7921" spans="1:4" x14ac:dyDescent="0.4">
      <c r="A7921">
        <v>3620025</v>
      </c>
      <c r="B7921" t="s">
        <v>1636</v>
      </c>
      <c r="C7921" t="s">
        <v>7428</v>
      </c>
      <c r="D7921" t="s">
        <v>7429</v>
      </c>
    </row>
    <row r="7922" spans="1:4" x14ac:dyDescent="0.4">
      <c r="A7922">
        <v>3620012</v>
      </c>
      <c r="B7922" t="s">
        <v>1636</v>
      </c>
      <c r="C7922" t="s">
        <v>7428</v>
      </c>
      <c r="D7922" t="s">
        <v>7430</v>
      </c>
    </row>
    <row r="7923" spans="1:4" x14ac:dyDescent="0.4">
      <c r="A7923">
        <v>3620013</v>
      </c>
      <c r="B7923" t="s">
        <v>1636</v>
      </c>
      <c r="C7923" t="s">
        <v>7428</v>
      </c>
      <c r="D7923" t="s">
        <v>7431</v>
      </c>
    </row>
    <row r="7924" spans="1:4" x14ac:dyDescent="0.4">
      <c r="A7924">
        <v>3620073</v>
      </c>
      <c r="B7924" t="s">
        <v>1636</v>
      </c>
      <c r="C7924" t="s">
        <v>7428</v>
      </c>
      <c r="D7924" t="s">
        <v>7432</v>
      </c>
    </row>
    <row r="7925" spans="1:4" x14ac:dyDescent="0.4">
      <c r="A7925">
        <v>3620031</v>
      </c>
      <c r="B7925" t="s">
        <v>1636</v>
      </c>
      <c r="C7925" t="s">
        <v>7428</v>
      </c>
      <c r="D7925" t="s">
        <v>1526</v>
      </c>
    </row>
    <row r="7926" spans="1:4" x14ac:dyDescent="0.4">
      <c r="A7926">
        <v>3620065</v>
      </c>
      <c r="B7926" t="s">
        <v>1636</v>
      </c>
      <c r="C7926" t="s">
        <v>7428</v>
      </c>
      <c r="D7926" t="s">
        <v>7433</v>
      </c>
    </row>
    <row r="7927" spans="1:4" x14ac:dyDescent="0.4">
      <c r="A7927">
        <v>3620034</v>
      </c>
      <c r="B7927" t="s">
        <v>1636</v>
      </c>
      <c r="C7927" t="s">
        <v>7428</v>
      </c>
      <c r="D7927" t="s">
        <v>4075</v>
      </c>
    </row>
    <row r="7928" spans="1:4" x14ac:dyDescent="0.4">
      <c r="A7928">
        <v>3620062</v>
      </c>
      <c r="B7928" t="s">
        <v>1636</v>
      </c>
      <c r="C7928" t="s">
        <v>7428</v>
      </c>
      <c r="D7928" t="s">
        <v>597</v>
      </c>
    </row>
    <row r="7929" spans="1:4" x14ac:dyDescent="0.4">
      <c r="A7929">
        <v>3620046</v>
      </c>
      <c r="B7929" t="s">
        <v>1636</v>
      </c>
      <c r="C7929" t="s">
        <v>7428</v>
      </c>
      <c r="D7929" t="s">
        <v>7434</v>
      </c>
    </row>
    <row r="7930" spans="1:4" x14ac:dyDescent="0.4">
      <c r="A7930">
        <v>3620071</v>
      </c>
      <c r="B7930" t="s">
        <v>1636</v>
      </c>
      <c r="C7930" t="s">
        <v>7428</v>
      </c>
      <c r="D7930" t="s">
        <v>7435</v>
      </c>
    </row>
    <row r="7931" spans="1:4" x14ac:dyDescent="0.4">
      <c r="A7931">
        <v>3620047</v>
      </c>
      <c r="B7931" t="s">
        <v>1636</v>
      </c>
      <c r="C7931" t="s">
        <v>7428</v>
      </c>
      <c r="D7931" t="s">
        <v>1713</v>
      </c>
    </row>
    <row r="7932" spans="1:4" x14ac:dyDescent="0.4">
      <c r="A7932">
        <v>3620058</v>
      </c>
      <c r="B7932" t="s">
        <v>1636</v>
      </c>
      <c r="C7932" t="s">
        <v>7428</v>
      </c>
      <c r="D7932" t="s">
        <v>533</v>
      </c>
    </row>
    <row r="7933" spans="1:4" x14ac:dyDescent="0.4">
      <c r="A7933">
        <v>3620056</v>
      </c>
      <c r="B7933" t="s">
        <v>1636</v>
      </c>
      <c r="C7933" t="s">
        <v>7428</v>
      </c>
      <c r="D7933" t="s">
        <v>7436</v>
      </c>
    </row>
    <row r="7934" spans="1:4" x14ac:dyDescent="0.4">
      <c r="A7934">
        <v>3620044</v>
      </c>
      <c r="B7934" t="s">
        <v>1636</v>
      </c>
      <c r="C7934" t="s">
        <v>7428</v>
      </c>
      <c r="D7934" t="s">
        <v>7437</v>
      </c>
    </row>
    <row r="7935" spans="1:4" x14ac:dyDescent="0.4">
      <c r="A7935">
        <v>3620075</v>
      </c>
      <c r="B7935" t="s">
        <v>1636</v>
      </c>
      <c r="C7935" t="s">
        <v>7428</v>
      </c>
      <c r="D7935" t="s">
        <v>7438</v>
      </c>
    </row>
    <row r="7936" spans="1:4" x14ac:dyDescent="0.4">
      <c r="A7936">
        <v>3620074</v>
      </c>
      <c r="B7936" t="s">
        <v>1636</v>
      </c>
      <c r="C7936" t="s">
        <v>7428</v>
      </c>
      <c r="D7936" t="s">
        <v>7170</v>
      </c>
    </row>
    <row r="7937" spans="1:4" x14ac:dyDescent="0.4">
      <c r="A7937">
        <v>3620001</v>
      </c>
      <c r="B7937" t="s">
        <v>1636</v>
      </c>
      <c r="C7937" t="s">
        <v>7428</v>
      </c>
      <c r="D7937" t="s">
        <v>785</v>
      </c>
    </row>
    <row r="7938" spans="1:4" x14ac:dyDescent="0.4">
      <c r="A7938">
        <v>3620037</v>
      </c>
      <c r="B7938" t="s">
        <v>1636</v>
      </c>
      <c r="C7938" t="s">
        <v>7428</v>
      </c>
      <c r="D7938" t="s">
        <v>2287</v>
      </c>
    </row>
    <row r="7939" spans="1:4" x14ac:dyDescent="0.4">
      <c r="A7939">
        <v>3620048</v>
      </c>
      <c r="B7939" t="s">
        <v>1636</v>
      </c>
      <c r="C7939" t="s">
        <v>7428</v>
      </c>
      <c r="D7939" t="s">
        <v>7439</v>
      </c>
    </row>
    <row r="7940" spans="1:4" x14ac:dyDescent="0.4">
      <c r="A7940">
        <v>3620022</v>
      </c>
      <c r="B7940" t="s">
        <v>1636</v>
      </c>
      <c r="C7940" t="s">
        <v>7428</v>
      </c>
      <c r="D7940" t="s">
        <v>7440</v>
      </c>
    </row>
    <row r="7941" spans="1:4" x14ac:dyDescent="0.4">
      <c r="A7941">
        <v>3620007</v>
      </c>
      <c r="B7941" t="s">
        <v>1636</v>
      </c>
      <c r="C7941" t="s">
        <v>7428</v>
      </c>
      <c r="D7941" t="s">
        <v>648</v>
      </c>
    </row>
    <row r="7942" spans="1:4" x14ac:dyDescent="0.4">
      <c r="A7942">
        <v>3620063</v>
      </c>
      <c r="B7942" t="s">
        <v>1636</v>
      </c>
      <c r="C7942" t="s">
        <v>7428</v>
      </c>
      <c r="D7942" t="s">
        <v>6792</v>
      </c>
    </row>
    <row r="7943" spans="1:4" x14ac:dyDescent="0.4">
      <c r="A7943">
        <v>3620064</v>
      </c>
      <c r="B7943" t="s">
        <v>1636</v>
      </c>
      <c r="C7943" t="s">
        <v>7428</v>
      </c>
      <c r="D7943" t="s">
        <v>7441</v>
      </c>
    </row>
    <row r="7944" spans="1:4" x14ac:dyDescent="0.4">
      <c r="A7944">
        <v>3620024</v>
      </c>
      <c r="B7944" t="s">
        <v>1636</v>
      </c>
      <c r="C7944" t="s">
        <v>7428</v>
      </c>
      <c r="D7944" t="s">
        <v>7442</v>
      </c>
    </row>
    <row r="7945" spans="1:4" x14ac:dyDescent="0.4">
      <c r="A7945">
        <v>3620033</v>
      </c>
      <c r="B7945" t="s">
        <v>1636</v>
      </c>
      <c r="C7945" t="s">
        <v>7428</v>
      </c>
      <c r="D7945" t="s">
        <v>255</v>
      </c>
    </row>
    <row r="7946" spans="1:4" x14ac:dyDescent="0.4">
      <c r="A7946">
        <v>3620051</v>
      </c>
      <c r="B7946" t="s">
        <v>1636</v>
      </c>
      <c r="C7946" t="s">
        <v>7428</v>
      </c>
      <c r="D7946" t="s">
        <v>4340</v>
      </c>
    </row>
    <row r="7947" spans="1:4" x14ac:dyDescent="0.4">
      <c r="A7947">
        <v>3620004</v>
      </c>
      <c r="B7947" t="s">
        <v>1636</v>
      </c>
      <c r="C7947" t="s">
        <v>7428</v>
      </c>
      <c r="D7947" t="s">
        <v>7443</v>
      </c>
    </row>
    <row r="7948" spans="1:4" x14ac:dyDescent="0.4">
      <c r="A7948">
        <v>3620003</v>
      </c>
      <c r="B7948" t="s">
        <v>1636</v>
      </c>
      <c r="C7948" t="s">
        <v>7428</v>
      </c>
      <c r="D7948" t="s">
        <v>6479</v>
      </c>
    </row>
    <row r="7949" spans="1:4" x14ac:dyDescent="0.4">
      <c r="A7949">
        <v>3620054</v>
      </c>
      <c r="B7949" t="s">
        <v>1636</v>
      </c>
      <c r="C7949" t="s">
        <v>7428</v>
      </c>
      <c r="D7949" t="s">
        <v>7444</v>
      </c>
    </row>
    <row r="7950" spans="1:4" x14ac:dyDescent="0.4">
      <c r="A7950">
        <v>3620053</v>
      </c>
      <c r="B7950" t="s">
        <v>1636</v>
      </c>
      <c r="C7950" t="s">
        <v>7428</v>
      </c>
      <c r="D7950" t="s">
        <v>4148</v>
      </c>
    </row>
    <row r="7951" spans="1:4" x14ac:dyDescent="0.4">
      <c r="A7951">
        <v>3620052</v>
      </c>
      <c r="B7951" t="s">
        <v>1636</v>
      </c>
      <c r="C7951" t="s">
        <v>7428</v>
      </c>
      <c r="D7951" t="s">
        <v>4313</v>
      </c>
    </row>
    <row r="7952" spans="1:4" x14ac:dyDescent="0.4">
      <c r="A7952">
        <v>3620035</v>
      </c>
      <c r="B7952" t="s">
        <v>1636</v>
      </c>
      <c r="C7952" t="s">
        <v>7428</v>
      </c>
      <c r="D7952" t="s">
        <v>802</v>
      </c>
    </row>
    <row r="7953" spans="1:4" x14ac:dyDescent="0.4">
      <c r="A7953">
        <v>3620072</v>
      </c>
      <c r="B7953" t="s">
        <v>1636</v>
      </c>
      <c r="C7953" t="s">
        <v>7428</v>
      </c>
      <c r="D7953" t="s">
        <v>6349</v>
      </c>
    </row>
    <row r="7954" spans="1:4" x14ac:dyDescent="0.4">
      <c r="A7954">
        <v>3620067</v>
      </c>
      <c r="B7954" t="s">
        <v>1636</v>
      </c>
      <c r="C7954" t="s">
        <v>7428</v>
      </c>
      <c r="D7954" t="s">
        <v>7445</v>
      </c>
    </row>
    <row r="7955" spans="1:4" x14ac:dyDescent="0.4">
      <c r="A7955">
        <v>3620057</v>
      </c>
      <c r="B7955" t="s">
        <v>1636</v>
      </c>
      <c r="C7955" t="s">
        <v>7428</v>
      </c>
      <c r="D7955" t="s">
        <v>7446</v>
      </c>
    </row>
    <row r="7956" spans="1:4" x14ac:dyDescent="0.4">
      <c r="A7956">
        <v>3620006</v>
      </c>
      <c r="B7956" t="s">
        <v>1636</v>
      </c>
      <c r="C7956" t="s">
        <v>7428</v>
      </c>
      <c r="D7956" t="s">
        <v>3142</v>
      </c>
    </row>
    <row r="7957" spans="1:4" x14ac:dyDescent="0.4">
      <c r="A7957">
        <v>3620043</v>
      </c>
      <c r="B7957" t="s">
        <v>1636</v>
      </c>
      <c r="C7957" t="s">
        <v>7428</v>
      </c>
      <c r="D7957" t="s">
        <v>7447</v>
      </c>
    </row>
    <row r="7958" spans="1:4" x14ac:dyDescent="0.4">
      <c r="A7958">
        <v>3620005</v>
      </c>
      <c r="B7958" t="s">
        <v>1636</v>
      </c>
      <c r="C7958" t="s">
        <v>7428</v>
      </c>
      <c r="D7958" t="s">
        <v>7448</v>
      </c>
    </row>
    <row r="7959" spans="1:4" x14ac:dyDescent="0.4">
      <c r="A7959">
        <v>3620021</v>
      </c>
      <c r="B7959" t="s">
        <v>1636</v>
      </c>
      <c r="C7959" t="s">
        <v>7428</v>
      </c>
      <c r="D7959" t="s">
        <v>7449</v>
      </c>
    </row>
    <row r="7960" spans="1:4" x14ac:dyDescent="0.4">
      <c r="A7960">
        <v>3620023</v>
      </c>
      <c r="B7960" t="s">
        <v>1636</v>
      </c>
      <c r="C7960" t="s">
        <v>7428</v>
      </c>
      <c r="D7960" t="s">
        <v>7450</v>
      </c>
    </row>
    <row r="7961" spans="1:4" x14ac:dyDescent="0.4">
      <c r="A7961">
        <v>3620016</v>
      </c>
      <c r="B7961" t="s">
        <v>1636</v>
      </c>
      <c r="C7961" t="s">
        <v>7428</v>
      </c>
      <c r="D7961" t="s">
        <v>7451</v>
      </c>
    </row>
    <row r="7962" spans="1:4" x14ac:dyDescent="0.4">
      <c r="A7962">
        <v>3620032</v>
      </c>
      <c r="B7962" t="s">
        <v>1636</v>
      </c>
      <c r="C7962" t="s">
        <v>7428</v>
      </c>
      <c r="D7962" t="s">
        <v>748</v>
      </c>
    </row>
    <row r="7963" spans="1:4" x14ac:dyDescent="0.4">
      <c r="A7963">
        <v>3620059</v>
      </c>
      <c r="B7963" t="s">
        <v>1636</v>
      </c>
      <c r="C7963" t="s">
        <v>7428</v>
      </c>
      <c r="D7963" t="s">
        <v>4022</v>
      </c>
    </row>
    <row r="7964" spans="1:4" x14ac:dyDescent="0.4">
      <c r="A7964">
        <v>3620055</v>
      </c>
      <c r="B7964" t="s">
        <v>1636</v>
      </c>
      <c r="C7964" t="s">
        <v>7428</v>
      </c>
      <c r="D7964" t="s">
        <v>7452</v>
      </c>
    </row>
    <row r="7965" spans="1:4" x14ac:dyDescent="0.4">
      <c r="A7965">
        <v>3620011</v>
      </c>
      <c r="B7965" t="s">
        <v>1636</v>
      </c>
      <c r="C7965" t="s">
        <v>7428</v>
      </c>
      <c r="D7965" t="s">
        <v>2030</v>
      </c>
    </row>
    <row r="7966" spans="1:4" x14ac:dyDescent="0.4">
      <c r="A7966">
        <v>3620061</v>
      </c>
      <c r="B7966" t="s">
        <v>1636</v>
      </c>
      <c r="C7966" t="s">
        <v>7428</v>
      </c>
      <c r="D7966" t="s">
        <v>7453</v>
      </c>
    </row>
    <row r="7967" spans="1:4" x14ac:dyDescent="0.4">
      <c r="A7967">
        <v>3620041</v>
      </c>
      <c r="B7967" t="s">
        <v>1636</v>
      </c>
      <c r="C7967" t="s">
        <v>7428</v>
      </c>
      <c r="D7967" t="s">
        <v>207</v>
      </c>
    </row>
    <row r="7968" spans="1:4" x14ac:dyDescent="0.4">
      <c r="A7968">
        <v>3620017</v>
      </c>
      <c r="B7968" t="s">
        <v>1636</v>
      </c>
      <c r="C7968" t="s">
        <v>7428</v>
      </c>
      <c r="D7968" t="s">
        <v>7454</v>
      </c>
    </row>
    <row r="7969" spans="1:4" x14ac:dyDescent="0.4">
      <c r="A7969">
        <v>3620076</v>
      </c>
      <c r="B7969" t="s">
        <v>1636</v>
      </c>
      <c r="C7969" t="s">
        <v>7428</v>
      </c>
      <c r="D7969" t="s">
        <v>7455</v>
      </c>
    </row>
    <row r="7970" spans="1:4" x14ac:dyDescent="0.4">
      <c r="A7970">
        <v>3620014</v>
      </c>
      <c r="B7970" t="s">
        <v>1636</v>
      </c>
      <c r="C7970" t="s">
        <v>7428</v>
      </c>
      <c r="D7970" t="s">
        <v>403</v>
      </c>
    </row>
    <row r="7971" spans="1:4" x14ac:dyDescent="0.4">
      <c r="A7971">
        <v>3620015</v>
      </c>
      <c r="B7971" t="s">
        <v>1636</v>
      </c>
      <c r="C7971" t="s">
        <v>7428</v>
      </c>
      <c r="D7971" t="s">
        <v>7456</v>
      </c>
    </row>
    <row r="7972" spans="1:4" x14ac:dyDescent="0.4">
      <c r="A7972">
        <v>3620002</v>
      </c>
      <c r="B7972" t="s">
        <v>1636</v>
      </c>
      <c r="C7972" t="s">
        <v>7428</v>
      </c>
      <c r="D7972" t="s">
        <v>659</v>
      </c>
    </row>
    <row r="7973" spans="1:4" x14ac:dyDescent="0.4">
      <c r="A7973">
        <v>3620036</v>
      </c>
      <c r="B7973" t="s">
        <v>1636</v>
      </c>
      <c r="C7973" t="s">
        <v>7428</v>
      </c>
      <c r="D7973" t="s">
        <v>5844</v>
      </c>
    </row>
    <row r="7974" spans="1:4" x14ac:dyDescent="0.4">
      <c r="A7974">
        <v>3620045</v>
      </c>
      <c r="B7974" t="s">
        <v>1636</v>
      </c>
      <c r="C7974" t="s">
        <v>7428</v>
      </c>
      <c r="D7974" t="s">
        <v>7457</v>
      </c>
    </row>
    <row r="7975" spans="1:4" x14ac:dyDescent="0.4">
      <c r="A7975">
        <v>3620042</v>
      </c>
      <c r="B7975" t="s">
        <v>1636</v>
      </c>
      <c r="C7975" t="s">
        <v>7428</v>
      </c>
      <c r="D7975" t="s">
        <v>3652</v>
      </c>
    </row>
    <row r="7976" spans="1:4" x14ac:dyDescent="0.4">
      <c r="A7976">
        <v>3620066</v>
      </c>
      <c r="B7976" t="s">
        <v>1636</v>
      </c>
      <c r="C7976" t="s">
        <v>7428</v>
      </c>
      <c r="D7976" t="s">
        <v>1843</v>
      </c>
    </row>
    <row r="7977" spans="1:4" x14ac:dyDescent="0.4">
      <c r="A7977">
        <v>3400000</v>
      </c>
      <c r="B7977" t="s">
        <v>1636</v>
      </c>
      <c r="C7977" t="s">
        <v>7458</v>
      </c>
    </row>
    <row r="7978" spans="1:4" x14ac:dyDescent="0.4">
      <c r="A7978">
        <v>3400002</v>
      </c>
      <c r="B7978" t="s">
        <v>1636</v>
      </c>
      <c r="C7978" t="s">
        <v>7458</v>
      </c>
      <c r="D7978" t="s">
        <v>578</v>
      </c>
    </row>
    <row r="7979" spans="1:4" x14ac:dyDescent="0.4">
      <c r="A7979">
        <v>3400007</v>
      </c>
      <c r="B7979" t="s">
        <v>1636</v>
      </c>
      <c r="C7979" t="s">
        <v>7458</v>
      </c>
      <c r="D7979" t="s">
        <v>7459</v>
      </c>
    </row>
    <row r="7980" spans="1:4" x14ac:dyDescent="0.4">
      <c r="A7980">
        <v>3400053</v>
      </c>
      <c r="B7980" t="s">
        <v>1636</v>
      </c>
      <c r="C7980" t="s">
        <v>7458</v>
      </c>
      <c r="D7980" t="s">
        <v>222</v>
      </c>
    </row>
    <row r="7981" spans="1:4" x14ac:dyDescent="0.4">
      <c r="A7981">
        <v>3400032</v>
      </c>
      <c r="B7981" t="s">
        <v>1636</v>
      </c>
      <c r="C7981" t="s">
        <v>7458</v>
      </c>
      <c r="D7981" t="s">
        <v>7460</v>
      </c>
    </row>
    <row r="7982" spans="1:4" x14ac:dyDescent="0.4">
      <c r="A7982">
        <v>3400003</v>
      </c>
      <c r="B7982" t="s">
        <v>1636</v>
      </c>
      <c r="C7982" t="s">
        <v>7458</v>
      </c>
      <c r="D7982" t="s">
        <v>7461</v>
      </c>
    </row>
    <row r="7983" spans="1:4" x14ac:dyDescent="0.4">
      <c r="A7983">
        <v>3400001</v>
      </c>
      <c r="B7983" t="s">
        <v>1636</v>
      </c>
      <c r="C7983" t="s">
        <v>7458</v>
      </c>
      <c r="D7983" t="s">
        <v>7462</v>
      </c>
    </row>
    <row r="7984" spans="1:4" x14ac:dyDescent="0.4">
      <c r="A7984">
        <v>3400042</v>
      </c>
      <c r="B7984" t="s">
        <v>1636</v>
      </c>
      <c r="C7984" t="s">
        <v>7458</v>
      </c>
      <c r="D7984" t="s">
        <v>4813</v>
      </c>
    </row>
    <row r="7985" spans="1:4" x14ac:dyDescent="0.4">
      <c r="A7985">
        <v>3400046</v>
      </c>
      <c r="B7985" t="s">
        <v>1636</v>
      </c>
      <c r="C7985" t="s">
        <v>7458</v>
      </c>
      <c r="D7985" t="s">
        <v>7463</v>
      </c>
    </row>
    <row r="7986" spans="1:4" x14ac:dyDescent="0.4">
      <c r="A7986">
        <v>3400047</v>
      </c>
      <c r="B7986" t="s">
        <v>1636</v>
      </c>
      <c r="C7986" t="s">
        <v>7458</v>
      </c>
      <c r="D7986" t="s">
        <v>7464</v>
      </c>
    </row>
    <row r="7987" spans="1:4" x14ac:dyDescent="0.4">
      <c r="A7987">
        <v>3400052</v>
      </c>
      <c r="B7987" t="s">
        <v>1636</v>
      </c>
      <c r="C7987" t="s">
        <v>7458</v>
      </c>
      <c r="D7987" t="s">
        <v>7465</v>
      </c>
    </row>
    <row r="7988" spans="1:4" x14ac:dyDescent="0.4">
      <c r="A7988">
        <v>3400045</v>
      </c>
      <c r="B7988" t="s">
        <v>1636</v>
      </c>
      <c r="C7988" t="s">
        <v>7458</v>
      </c>
      <c r="D7988" t="s">
        <v>253</v>
      </c>
    </row>
    <row r="7989" spans="1:4" x14ac:dyDescent="0.4">
      <c r="A7989">
        <v>3400011</v>
      </c>
      <c r="B7989" t="s">
        <v>1636</v>
      </c>
      <c r="C7989" t="s">
        <v>7458</v>
      </c>
      <c r="D7989" t="s">
        <v>255</v>
      </c>
    </row>
    <row r="7990" spans="1:4" x14ac:dyDescent="0.4">
      <c r="A7990">
        <v>3400056</v>
      </c>
      <c r="B7990" t="s">
        <v>1636</v>
      </c>
      <c r="C7990" t="s">
        <v>7458</v>
      </c>
      <c r="D7990" t="s">
        <v>2670</v>
      </c>
    </row>
    <row r="7991" spans="1:4" x14ac:dyDescent="0.4">
      <c r="A7991">
        <v>3400054</v>
      </c>
      <c r="B7991" t="s">
        <v>1636</v>
      </c>
      <c r="C7991" t="s">
        <v>7458</v>
      </c>
      <c r="D7991" t="s">
        <v>7466</v>
      </c>
    </row>
    <row r="7992" spans="1:4" x14ac:dyDescent="0.4">
      <c r="A7992">
        <v>3400012</v>
      </c>
      <c r="B7992" t="s">
        <v>1636</v>
      </c>
      <c r="C7992" t="s">
        <v>7458</v>
      </c>
      <c r="D7992" t="s">
        <v>1383</v>
      </c>
    </row>
    <row r="7993" spans="1:4" x14ac:dyDescent="0.4">
      <c r="A7993">
        <v>3400014</v>
      </c>
      <c r="B7993" t="s">
        <v>1636</v>
      </c>
      <c r="C7993" t="s">
        <v>7458</v>
      </c>
      <c r="D7993" t="s">
        <v>903</v>
      </c>
    </row>
    <row r="7994" spans="1:4" x14ac:dyDescent="0.4">
      <c r="A7994">
        <v>3400055</v>
      </c>
      <c r="B7994" t="s">
        <v>1636</v>
      </c>
      <c r="C7994" t="s">
        <v>7458</v>
      </c>
      <c r="D7994" t="s">
        <v>7467</v>
      </c>
    </row>
    <row r="7995" spans="1:4" x14ac:dyDescent="0.4">
      <c r="A7995">
        <v>3400022</v>
      </c>
      <c r="B7995" t="s">
        <v>1636</v>
      </c>
      <c r="C7995" t="s">
        <v>7458</v>
      </c>
      <c r="D7995" t="s">
        <v>7468</v>
      </c>
    </row>
    <row r="7996" spans="1:4" x14ac:dyDescent="0.4">
      <c r="A7996">
        <v>3400043</v>
      </c>
      <c r="B7996" t="s">
        <v>1636</v>
      </c>
      <c r="C7996" t="s">
        <v>7458</v>
      </c>
      <c r="D7996" t="s">
        <v>7469</v>
      </c>
    </row>
    <row r="7997" spans="1:4" x14ac:dyDescent="0.4">
      <c r="A7997">
        <v>3400015</v>
      </c>
      <c r="B7997" t="s">
        <v>1636</v>
      </c>
      <c r="C7997" t="s">
        <v>7458</v>
      </c>
      <c r="D7997" t="s">
        <v>181</v>
      </c>
    </row>
    <row r="7998" spans="1:4" x14ac:dyDescent="0.4">
      <c r="A7998">
        <v>3400016</v>
      </c>
      <c r="B7998" t="s">
        <v>1636</v>
      </c>
      <c r="C7998" t="s">
        <v>7458</v>
      </c>
      <c r="D7998" t="s">
        <v>184</v>
      </c>
    </row>
    <row r="7999" spans="1:4" x14ac:dyDescent="0.4">
      <c r="A7999">
        <v>3400051</v>
      </c>
      <c r="B7999" t="s">
        <v>1636</v>
      </c>
      <c r="C7999" t="s">
        <v>7458</v>
      </c>
      <c r="D7999" t="s">
        <v>7470</v>
      </c>
    </row>
    <row r="8000" spans="1:4" x14ac:dyDescent="0.4">
      <c r="A8000">
        <v>3400021</v>
      </c>
      <c r="B8000" t="s">
        <v>1636</v>
      </c>
      <c r="C8000" t="s">
        <v>7458</v>
      </c>
      <c r="D8000" t="s">
        <v>7471</v>
      </c>
    </row>
    <row r="8001" spans="1:4" x14ac:dyDescent="0.4">
      <c r="A8001">
        <v>3400036</v>
      </c>
      <c r="B8001" t="s">
        <v>1636</v>
      </c>
      <c r="C8001" t="s">
        <v>7458</v>
      </c>
      <c r="D8001" t="s">
        <v>7472</v>
      </c>
    </row>
    <row r="8002" spans="1:4" x14ac:dyDescent="0.4">
      <c r="A8002">
        <v>3400005</v>
      </c>
      <c r="B8002" t="s">
        <v>1636</v>
      </c>
      <c r="C8002" t="s">
        <v>7458</v>
      </c>
      <c r="D8002" t="s">
        <v>279</v>
      </c>
    </row>
    <row r="8003" spans="1:4" x14ac:dyDescent="0.4">
      <c r="A8003">
        <v>3400035</v>
      </c>
      <c r="B8003" t="s">
        <v>1636</v>
      </c>
      <c r="C8003" t="s">
        <v>7458</v>
      </c>
      <c r="D8003" t="s">
        <v>808</v>
      </c>
    </row>
    <row r="8004" spans="1:4" x14ac:dyDescent="0.4">
      <c r="A8004">
        <v>3400031</v>
      </c>
      <c r="B8004" t="s">
        <v>1636</v>
      </c>
      <c r="C8004" t="s">
        <v>7458</v>
      </c>
      <c r="D8004" t="s">
        <v>7473</v>
      </c>
    </row>
    <row r="8005" spans="1:4" x14ac:dyDescent="0.4">
      <c r="A8005">
        <v>3400044</v>
      </c>
      <c r="B8005" t="s">
        <v>1636</v>
      </c>
      <c r="C8005" t="s">
        <v>7458</v>
      </c>
      <c r="D8005" t="s">
        <v>7474</v>
      </c>
    </row>
    <row r="8006" spans="1:4" x14ac:dyDescent="0.4">
      <c r="A8006">
        <v>3400048</v>
      </c>
      <c r="B8006" t="s">
        <v>1636</v>
      </c>
      <c r="C8006" t="s">
        <v>7458</v>
      </c>
      <c r="D8006" t="s">
        <v>26</v>
      </c>
    </row>
    <row r="8007" spans="1:4" x14ac:dyDescent="0.4">
      <c r="A8007">
        <v>3400034</v>
      </c>
      <c r="B8007" t="s">
        <v>1636</v>
      </c>
      <c r="C8007" t="s">
        <v>7458</v>
      </c>
      <c r="D8007" t="s">
        <v>1692</v>
      </c>
    </row>
    <row r="8008" spans="1:4" x14ac:dyDescent="0.4">
      <c r="A8008">
        <v>3400004</v>
      </c>
      <c r="B8008" t="s">
        <v>1636</v>
      </c>
      <c r="C8008" t="s">
        <v>7458</v>
      </c>
      <c r="D8008" t="s">
        <v>2143</v>
      </c>
    </row>
    <row r="8009" spans="1:4" x14ac:dyDescent="0.4">
      <c r="A8009">
        <v>3400013</v>
      </c>
      <c r="B8009" t="s">
        <v>1636</v>
      </c>
      <c r="C8009" t="s">
        <v>7458</v>
      </c>
      <c r="D8009" t="s">
        <v>1514</v>
      </c>
    </row>
    <row r="8010" spans="1:4" x14ac:dyDescent="0.4">
      <c r="A8010">
        <v>3400041</v>
      </c>
      <c r="B8010" t="s">
        <v>1636</v>
      </c>
      <c r="C8010" t="s">
        <v>7458</v>
      </c>
      <c r="D8010" t="s">
        <v>1702</v>
      </c>
    </row>
    <row r="8011" spans="1:4" x14ac:dyDescent="0.4">
      <c r="A8011">
        <v>3400024</v>
      </c>
      <c r="B8011" t="s">
        <v>1636</v>
      </c>
      <c r="C8011" t="s">
        <v>7458</v>
      </c>
      <c r="D8011" t="s">
        <v>7475</v>
      </c>
    </row>
    <row r="8012" spans="1:4" x14ac:dyDescent="0.4">
      <c r="A8012">
        <v>3400025</v>
      </c>
      <c r="B8012" t="s">
        <v>1636</v>
      </c>
      <c r="C8012" t="s">
        <v>7458</v>
      </c>
      <c r="D8012" t="s">
        <v>7476</v>
      </c>
    </row>
    <row r="8013" spans="1:4" x14ac:dyDescent="0.4">
      <c r="A8013">
        <v>3400023</v>
      </c>
      <c r="B8013" t="s">
        <v>1636</v>
      </c>
      <c r="C8013" t="s">
        <v>7458</v>
      </c>
      <c r="D8013" t="s">
        <v>7477</v>
      </c>
    </row>
    <row r="8014" spans="1:4" x14ac:dyDescent="0.4">
      <c r="A8014">
        <v>3400033</v>
      </c>
      <c r="B8014" t="s">
        <v>1636</v>
      </c>
      <c r="C8014" t="s">
        <v>7458</v>
      </c>
      <c r="D8014" t="s">
        <v>7478</v>
      </c>
    </row>
    <row r="8015" spans="1:4" x14ac:dyDescent="0.4">
      <c r="A8015">
        <v>3400006</v>
      </c>
      <c r="B8015" t="s">
        <v>1636</v>
      </c>
      <c r="C8015" t="s">
        <v>7458</v>
      </c>
      <c r="D8015" t="s">
        <v>479</v>
      </c>
    </row>
    <row r="8016" spans="1:4" x14ac:dyDescent="0.4">
      <c r="A8016">
        <v>3400017</v>
      </c>
      <c r="B8016" t="s">
        <v>1636</v>
      </c>
      <c r="C8016" t="s">
        <v>7458</v>
      </c>
      <c r="D8016" t="s">
        <v>7479</v>
      </c>
    </row>
    <row r="8017" spans="1:4" x14ac:dyDescent="0.4">
      <c r="A8017">
        <v>3400026</v>
      </c>
      <c r="B8017" t="s">
        <v>1636</v>
      </c>
      <c r="C8017" t="s">
        <v>7458</v>
      </c>
      <c r="D8017" t="s">
        <v>7480</v>
      </c>
    </row>
    <row r="8018" spans="1:4" x14ac:dyDescent="0.4">
      <c r="A8018">
        <v>3400027</v>
      </c>
      <c r="B8018" t="s">
        <v>1636</v>
      </c>
      <c r="C8018" t="s">
        <v>7458</v>
      </c>
      <c r="D8018" t="s">
        <v>7481</v>
      </c>
    </row>
    <row r="8019" spans="1:4" x14ac:dyDescent="0.4">
      <c r="A8019">
        <v>3430000</v>
      </c>
      <c r="B8019" t="s">
        <v>1636</v>
      </c>
      <c r="C8019" t="s">
        <v>4314</v>
      </c>
    </row>
    <row r="8020" spans="1:4" x14ac:dyDescent="0.4">
      <c r="A8020">
        <v>3430807</v>
      </c>
      <c r="B8020" t="s">
        <v>1636</v>
      </c>
      <c r="C8020" t="s">
        <v>4314</v>
      </c>
      <c r="D8020" t="s">
        <v>7482</v>
      </c>
    </row>
    <row r="8021" spans="1:4" x14ac:dyDescent="0.4">
      <c r="A8021">
        <v>3430808</v>
      </c>
      <c r="B8021" t="s">
        <v>1636</v>
      </c>
      <c r="C8021" t="s">
        <v>4314</v>
      </c>
      <c r="D8021" t="s">
        <v>7483</v>
      </c>
    </row>
    <row r="8022" spans="1:4" x14ac:dyDescent="0.4">
      <c r="A8022">
        <v>3430826</v>
      </c>
      <c r="B8022" t="s">
        <v>1636</v>
      </c>
      <c r="C8022" t="s">
        <v>4314</v>
      </c>
      <c r="D8022" t="s">
        <v>1526</v>
      </c>
    </row>
    <row r="8023" spans="1:4" x14ac:dyDescent="0.4">
      <c r="A8023">
        <v>3430831</v>
      </c>
      <c r="B8023" t="s">
        <v>1636</v>
      </c>
      <c r="C8023" t="s">
        <v>4314</v>
      </c>
      <c r="D8023" t="s">
        <v>7484</v>
      </c>
    </row>
    <row r="8024" spans="1:4" x14ac:dyDescent="0.4">
      <c r="A8024">
        <v>3430025</v>
      </c>
      <c r="B8024" t="s">
        <v>1636</v>
      </c>
      <c r="C8024" t="s">
        <v>4314</v>
      </c>
      <c r="D8024" t="s">
        <v>7485</v>
      </c>
    </row>
    <row r="8025" spans="1:4" x14ac:dyDescent="0.4">
      <c r="A8025">
        <v>3430031</v>
      </c>
      <c r="B8025" t="s">
        <v>1636</v>
      </c>
      <c r="C8025" t="s">
        <v>4314</v>
      </c>
      <c r="D8025" t="s">
        <v>797</v>
      </c>
    </row>
    <row r="8026" spans="1:4" x14ac:dyDescent="0.4">
      <c r="A8026">
        <v>3430005</v>
      </c>
      <c r="B8026" t="s">
        <v>1636</v>
      </c>
      <c r="C8026" t="s">
        <v>4314</v>
      </c>
      <c r="D8026" t="s">
        <v>1478</v>
      </c>
    </row>
    <row r="8027" spans="1:4" x14ac:dyDescent="0.4">
      <c r="A8027">
        <v>3430034</v>
      </c>
      <c r="B8027" t="s">
        <v>1636</v>
      </c>
      <c r="C8027" t="s">
        <v>4314</v>
      </c>
      <c r="D8027" t="s">
        <v>2183</v>
      </c>
    </row>
    <row r="8028" spans="1:4" x14ac:dyDescent="0.4">
      <c r="A8028">
        <v>3430044</v>
      </c>
      <c r="B8028" t="s">
        <v>1636</v>
      </c>
      <c r="C8028" t="s">
        <v>4314</v>
      </c>
      <c r="D8028" t="s">
        <v>7486</v>
      </c>
    </row>
    <row r="8029" spans="1:4" x14ac:dyDescent="0.4">
      <c r="A8029">
        <v>3430021</v>
      </c>
      <c r="B8029" t="s">
        <v>1636</v>
      </c>
      <c r="C8029" t="s">
        <v>4314</v>
      </c>
      <c r="D8029" t="s">
        <v>7487</v>
      </c>
    </row>
    <row r="8030" spans="1:4" x14ac:dyDescent="0.4">
      <c r="A8030">
        <v>3430027</v>
      </c>
      <c r="B8030" t="s">
        <v>1636</v>
      </c>
      <c r="C8030" t="s">
        <v>4314</v>
      </c>
      <c r="D8030" t="s">
        <v>7488</v>
      </c>
    </row>
    <row r="8031" spans="1:4" x14ac:dyDescent="0.4">
      <c r="A8031">
        <v>3430004</v>
      </c>
      <c r="B8031" t="s">
        <v>1636</v>
      </c>
      <c r="C8031" t="s">
        <v>4314</v>
      </c>
      <c r="D8031" t="s">
        <v>2021</v>
      </c>
    </row>
    <row r="8032" spans="1:4" x14ac:dyDescent="0.4">
      <c r="A8032">
        <v>3430844</v>
      </c>
      <c r="B8032" t="s">
        <v>1636</v>
      </c>
      <c r="C8032" t="s">
        <v>4314</v>
      </c>
      <c r="D8032" t="s">
        <v>7489</v>
      </c>
    </row>
    <row r="8033" spans="1:4" x14ac:dyDescent="0.4">
      <c r="A8033">
        <v>3430035</v>
      </c>
      <c r="B8033" t="s">
        <v>1636</v>
      </c>
      <c r="C8033" t="s">
        <v>4314</v>
      </c>
      <c r="D8033" t="s">
        <v>1873</v>
      </c>
    </row>
    <row r="8034" spans="1:4" x14ac:dyDescent="0.4">
      <c r="A8034">
        <v>3430008</v>
      </c>
      <c r="B8034" t="s">
        <v>1636</v>
      </c>
      <c r="C8034" t="s">
        <v>4314</v>
      </c>
      <c r="D8034" t="s">
        <v>7490</v>
      </c>
    </row>
    <row r="8035" spans="1:4" x14ac:dyDescent="0.4">
      <c r="A8035">
        <v>3430802</v>
      </c>
      <c r="B8035" t="s">
        <v>1636</v>
      </c>
      <c r="C8035" t="s">
        <v>4314</v>
      </c>
      <c r="D8035" t="s">
        <v>7491</v>
      </c>
    </row>
    <row r="8036" spans="1:4" x14ac:dyDescent="0.4">
      <c r="A8036">
        <v>3430033</v>
      </c>
      <c r="B8036" t="s">
        <v>1636</v>
      </c>
      <c r="C8036" t="s">
        <v>4314</v>
      </c>
      <c r="D8036" t="s">
        <v>7492</v>
      </c>
    </row>
    <row r="8037" spans="1:4" x14ac:dyDescent="0.4">
      <c r="A8037">
        <v>3430037</v>
      </c>
      <c r="B8037" t="s">
        <v>1636</v>
      </c>
      <c r="C8037" t="s">
        <v>4314</v>
      </c>
      <c r="D8037" t="s">
        <v>7493</v>
      </c>
    </row>
    <row r="8038" spans="1:4" x14ac:dyDescent="0.4">
      <c r="A8038">
        <v>3430043</v>
      </c>
      <c r="B8038" t="s">
        <v>1636</v>
      </c>
      <c r="C8038" t="s">
        <v>4314</v>
      </c>
      <c r="D8038" t="s">
        <v>7494</v>
      </c>
    </row>
    <row r="8039" spans="1:4" x14ac:dyDescent="0.4">
      <c r="A8039">
        <v>3430838</v>
      </c>
      <c r="B8039" t="s">
        <v>1636</v>
      </c>
      <c r="C8039" t="s">
        <v>4314</v>
      </c>
      <c r="D8039" t="s">
        <v>7495</v>
      </c>
    </row>
    <row r="8040" spans="1:4" x14ac:dyDescent="0.4">
      <c r="A8040">
        <v>3430843</v>
      </c>
      <c r="B8040" t="s">
        <v>1636</v>
      </c>
      <c r="C8040" t="s">
        <v>4314</v>
      </c>
      <c r="D8040" t="s">
        <v>7496</v>
      </c>
    </row>
    <row r="8041" spans="1:4" x14ac:dyDescent="0.4">
      <c r="A8041">
        <v>3430842</v>
      </c>
      <c r="B8041" t="s">
        <v>1636</v>
      </c>
      <c r="C8041" t="s">
        <v>4314</v>
      </c>
      <c r="D8041" t="s">
        <v>7497</v>
      </c>
    </row>
    <row r="8042" spans="1:4" x14ac:dyDescent="0.4">
      <c r="A8042">
        <v>3430834</v>
      </c>
      <c r="B8042" t="s">
        <v>1636</v>
      </c>
      <c r="C8042" t="s">
        <v>4314</v>
      </c>
      <c r="D8042" t="s">
        <v>7498</v>
      </c>
    </row>
    <row r="8043" spans="1:4" x14ac:dyDescent="0.4">
      <c r="A8043">
        <v>3430836</v>
      </c>
      <c r="B8043" t="s">
        <v>1636</v>
      </c>
      <c r="C8043" t="s">
        <v>4314</v>
      </c>
      <c r="D8043" t="s">
        <v>7499</v>
      </c>
    </row>
    <row r="8044" spans="1:4" x14ac:dyDescent="0.4">
      <c r="A8044">
        <v>3430841</v>
      </c>
      <c r="B8044" t="s">
        <v>1636</v>
      </c>
      <c r="C8044" t="s">
        <v>4314</v>
      </c>
      <c r="D8044" t="s">
        <v>7500</v>
      </c>
    </row>
    <row r="8045" spans="1:4" x14ac:dyDescent="0.4">
      <c r="A8045">
        <v>3430835</v>
      </c>
      <c r="B8045" t="s">
        <v>1636</v>
      </c>
      <c r="C8045" t="s">
        <v>4314</v>
      </c>
      <c r="D8045" t="s">
        <v>7501</v>
      </c>
    </row>
    <row r="8046" spans="1:4" x14ac:dyDescent="0.4">
      <c r="A8046">
        <v>3430833</v>
      </c>
      <c r="B8046" t="s">
        <v>1636</v>
      </c>
      <c r="C8046" t="s">
        <v>4314</v>
      </c>
      <c r="D8046" t="s">
        <v>7502</v>
      </c>
    </row>
    <row r="8047" spans="1:4" x14ac:dyDescent="0.4">
      <c r="A8047">
        <v>3430837</v>
      </c>
      <c r="B8047" t="s">
        <v>1636</v>
      </c>
      <c r="C8047" t="s">
        <v>4314</v>
      </c>
      <c r="D8047" t="s">
        <v>7503</v>
      </c>
    </row>
    <row r="8048" spans="1:4" x14ac:dyDescent="0.4">
      <c r="A8048">
        <v>3430827</v>
      </c>
      <c r="B8048" t="s">
        <v>1636</v>
      </c>
      <c r="C8048" t="s">
        <v>4314</v>
      </c>
      <c r="D8048" t="s">
        <v>7504</v>
      </c>
    </row>
    <row r="8049" spans="1:4" x14ac:dyDescent="0.4">
      <c r="A8049">
        <v>3430821</v>
      </c>
      <c r="B8049" t="s">
        <v>1636</v>
      </c>
      <c r="C8049" t="s">
        <v>4314</v>
      </c>
      <c r="D8049" t="s">
        <v>7505</v>
      </c>
    </row>
    <row r="8050" spans="1:4" x14ac:dyDescent="0.4">
      <c r="A8050">
        <v>3430854</v>
      </c>
      <c r="B8050" t="s">
        <v>1636</v>
      </c>
      <c r="C8050" t="s">
        <v>4314</v>
      </c>
      <c r="D8050" t="s">
        <v>7506</v>
      </c>
    </row>
    <row r="8051" spans="1:4" x14ac:dyDescent="0.4">
      <c r="A8051">
        <v>3430006</v>
      </c>
      <c r="B8051" t="s">
        <v>1636</v>
      </c>
      <c r="C8051" t="s">
        <v>4314</v>
      </c>
      <c r="D8051" t="s">
        <v>7507</v>
      </c>
    </row>
    <row r="8052" spans="1:4" x14ac:dyDescent="0.4">
      <c r="A8052">
        <v>3430026</v>
      </c>
      <c r="B8052" t="s">
        <v>1636</v>
      </c>
      <c r="C8052" t="s">
        <v>4314</v>
      </c>
      <c r="D8052" t="s">
        <v>7508</v>
      </c>
    </row>
    <row r="8053" spans="1:4" x14ac:dyDescent="0.4">
      <c r="A8053">
        <v>3430024</v>
      </c>
      <c r="B8053" t="s">
        <v>1636</v>
      </c>
      <c r="C8053" t="s">
        <v>4314</v>
      </c>
      <c r="D8053" t="s">
        <v>7509</v>
      </c>
    </row>
    <row r="8054" spans="1:4" x14ac:dyDescent="0.4">
      <c r="A8054">
        <v>3430813</v>
      </c>
      <c r="B8054" t="s">
        <v>1636</v>
      </c>
      <c r="C8054" t="s">
        <v>4314</v>
      </c>
      <c r="D8054" t="s">
        <v>7510</v>
      </c>
    </row>
    <row r="8055" spans="1:4" x14ac:dyDescent="0.4">
      <c r="A8055">
        <v>3430818</v>
      </c>
      <c r="B8055" t="s">
        <v>1636</v>
      </c>
      <c r="C8055" t="s">
        <v>4314</v>
      </c>
      <c r="D8055" t="s">
        <v>7511</v>
      </c>
    </row>
    <row r="8056" spans="1:4" x14ac:dyDescent="0.4">
      <c r="A8056">
        <v>3430811</v>
      </c>
      <c r="B8056" t="s">
        <v>1636</v>
      </c>
      <c r="C8056" t="s">
        <v>4314</v>
      </c>
      <c r="D8056" t="s">
        <v>2</v>
      </c>
    </row>
    <row r="8057" spans="1:4" x14ac:dyDescent="0.4">
      <c r="A8057">
        <v>3430823</v>
      </c>
      <c r="B8057" t="s">
        <v>1636</v>
      </c>
      <c r="C8057" t="s">
        <v>4314</v>
      </c>
      <c r="D8057" t="s">
        <v>7512</v>
      </c>
    </row>
    <row r="8058" spans="1:4" x14ac:dyDescent="0.4">
      <c r="A8058">
        <v>3430036</v>
      </c>
      <c r="B8058" t="s">
        <v>1636</v>
      </c>
      <c r="C8058" t="s">
        <v>4314</v>
      </c>
      <c r="D8058" t="s">
        <v>7513</v>
      </c>
    </row>
    <row r="8059" spans="1:4" x14ac:dyDescent="0.4">
      <c r="A8059">
        <v>3430851</v>
      </c>
      <c r="B8059" t="s">
        <v>1636</v>
      </c>
      <c r="C8059" t="s">
        <v>4314</v>
      </c>
      <c r="D8059" t="s">
        <v>7514</v>
      </c>
    </row>
    <row r="8060" spans="1:4" x14ac:dyDescent="0.4">
      <c r="A8060">
        <v>3430045</v>
      </c>
      <c r="B8060" t="s">
        <v>1636</v>
      </c>
      <c r="C8060" t="s">
        <v>4314</v>
      </c>
      <c r="D8060" t="s">
        <v>7515</v>
      </c>
    </row>
    <row r="8061" spans="1:4" x14ac:dyDescent="0.4">
      <c r="A8061">
        <v>3430852</v>
      </c>
      <c r="B8061" t="s">
        <v>1636</v>
      </c>
      <c r="C8061" t="s">
        <v>4314</v>
      </c>
      <c r="D8061" t="s">
        <v>7516</v>
      </c>
    </row>
    <row r="8062" spans="1:4" x14ac:dyDescent="0.4">
      <c r="A8062">
        <v>3430805</v>
      </c>
      <c r="B8062" t="s">
        <v>1636</v>
      </c>
      <c r="C8062" t="s">
        <v>4314</v>
      </c>
      <c r="D8062" t="s">
        <v>2324</v>
      </c>
    </row>
    <row r="8063" spans="1:4" x14ac:dyDescent="0.4">
      <c r="A8063">
        <v>2880823</v>
      </c>
      <c r="B8063" t="s">
        <v>0</v>
      </c>
      <c r="C8063" t="s">
        <v>120</v>
      </c>
      <c r="D8063" t="s">
        <v>7517</v>
      </c>
    </row>
    <row r="8064" spans="1:4" x14ac:dyDescent="0.4">
      <c r="A8064">
        <v>2880835</v>
      </c>
      <c r="B8064" t="s">
        <v>0</v>
      </c>
      <c r="C8064" t="s">
        <v>120</v>
      </c>
      <c r="D8064" t="s">
        <v>7518</v>
      </c>
    </row>
    <row r="8065" spans="1:4" x14ac:dyDescent="0.4">
      <c r="A8065">
        <v>2880833</v>
      </c>
      <c r="B8065" t="s">
        <v>0</v>
      </c>
      <c r="C8065" t="s">
        <v>120</v>
      </c>
      <c r="D8065" t="s">
        <v>7519</v>
      </c>
    </row>
    <row r="8066" spans="1:4" x14ac:dyDescent="0.4">
      <c r="A8066">
        <v>2880004</v>
      </c>
      <c r="B8066" t="s">
        <v>0</v>
      </c>
      <c r="C8066" t="s">
        <v>120</v>
      </c>
      <c r="D8066" t="s">
        <v>7520</v>
      </c>
    </row>
    <row r="8067" spans="1:4" x14ac:dyDescent="0.4">
      <c r="A8067">
        <v>2880816</v>
      </c>
      <c r="B8067" t="s">
        <v>0</v>
      </c>
      <c r="C8067" t="s">
        <v>120</v>
      </c>
      <c r="D8067" t="s">
        <v>7521</v>
      </c>
    </row>
    <row r="8068" spans="1:4" x14ac:dyDescent="0.4">
      <c r="A8068">
        <v>2880814</v>
      </c>
      <c r="B8068" t="s">
        <v>0</v>
      </c>
      <c r="C8068" t="s">
        <v>120</v>
      </c>
      <c r="D8068" t="s">
        <v>3605</v>
      </c>
    </row>
    <row r="8069" spans="1:4" x14ac:dyDescent="0.4">
      <c r="A8069">
        <v>2880801</v>
      </c>
      <c r="B8069" t="s">
        <v>0</v>
      </c>
      <c r="C8069" t="s">
        <v>120</v>
      </c>
      <c r="D8069" t="s">
        <v>7522</v>
      </c>
    </row>
    <row r="8070" spans="1:4" x14ac:dyDescent="0.4">
      <c r="A8070">
        <v>2880001</v>
      </c>
      <c r="B8070" t="s">
        <v>0</v>
      </c>
      <c r="C8070" t="s">
        <v>120</v>
      </c>
      <c r="D8070" t="s">
        <v>1552</v>
      </c>
    </row>
    <row r="8071" spans="1:4" x14ac:dyDescent="0.4">
      <c r="A8071">
        <v>2880037</v>
      </c>
      <c r="B8071" t="s">
        <v>0</v>
      </c>
      <c r="C8071" t="s">
        <v>120</v>
      </c>
      <c r="D8071" t="s">
        <v>7523</v>
      </c>
    </row>
    <row r="8072" spans="1:4" x14ac:dyDescent="0.4">
      <c r="A8072">
        <v>2880011</v>
      </c>
      <c r="B8072" t="s">
        <v>0</v>
      </c>
      <c r="C8072" t="s">
        <v>120</v>
      </c>
      <c r="D8072" t="s">
        <v>7524</v>
      </c>
    </row>
    <row r="8073" spans="1:4" x14ac:dyDescent="0.4">
      <c r="A8073">
        <v>2880817</v>
      </c>
      <c r="B8073" t="s">
        <v>0</v>
      </c>
      <c r="C8073" t="s">
        <v>120</v>
      </c>
      <c r="D8073" t="s">
        <v>1557</v>
      </c>
    </row>
    <row r="8074" spans="1:4" x14ac:dyDescent="0.4">
      <c r="A8074">
        <v>2880003</v>
      </c>
      <c r="B8074" t="s">
        <v>0</v>
      </c>
      <c r="C8074" t="s">
        <v>120</v>
      </c>
      <c r="D8074" t="s">
        <v>7525</v>
      </c>
    </row>
    <row r="8075" spans="1:4" x14ac:dyDescent="0.4">
      <c r="A8075">
        <v>2880866</v>
      </c>
      <c r="B8075" t="s">
        <v>0</v>
      </c>
      <c r="C8075" t="s">
        <v>120</v>
      </c>
      <c r="D8075" t="s">
        <v>7526</v>
      </c>
    </row>
    <row r="8076" spans="1:4" x14ac:dyDescent="0.4">
      <c r="A8076">
        <v>2880021</v>
      </c>
      <c r="B8076" t="s">
        <v>0</v>
      </c>
      <c r="C8076" t="s">
        <v>120</v>
      </c>
      <c r="D8076" t="s">
        <v>7527</v>
      </c>
    </row>
    <row r="8077" spans="1:4" x14ac:dyDescent="0.4">
      <c r="A8077">
        <v>2880022</v>
      </c>
      <c r="B8077" t="s">
        <v>0</v>
      </c>
      <c r="C8077" t="s">
        <v>120</v>
      </c>
      <c r="D8077" t="s">
        <v>7528</v>
      </c>
    </row>
    <row r="8078" spans="1:4" x14ac:dyDescent="0.4">
      <c r="A8078">
        <v>2880064</v>
      </c>
      <c r="B8078" t="s">
        <v>0</v>
      </c>
      <c r="C8078" t="s">
        <v>120</v>
      </c>
      <c r="D8078" t="s">
        <v>7529</v>
      </c>
    </row>
    <row r="8079" spans="1:4" x14ac:dyDescent="0.4">
      <c r="A8079">
        <v>2880864</v>
      </c>
      <c r="B8079" t="s">
        <v>0</v>
      </c>
      <c r="C8079" t="s">
        <v>120</v>
      </c>
      <c r="D8079" t="s">
        <v>7530</v>
      </c>
    </row>
    <row r="8080" spans="1:4" x14ac:dyDescent="0.4">
      <c r="A8080">
        <v>2880073</v>
      </c>
      <c r="B8080" t="s">
        <v>0</v>
      </c>
      <c r="C8080" t="s">
        <v>120</v>
      </c>
      <c r="D8080" t="s">
        <v>72</v>
      </c>
    </row>
    <row r="8081" spans="1:4" x14ac:dyDescent="0.4">
      <c r="A8081">
        <v>2880812</v>
      </c>
      <c r="B8081" t="s">
        <v>0</v>
      </c>
      <c r="C8081" t="s">
        <v>120</v>
      </c>
      <c r="D8081" t="s">
        <v>255</v>
      </c>
    </row>
    <row r="8082" spans="1:4" x14ac:dyDescent="0.4">
      <c r="A8082">
        <v>2880006</v>
      </c>
      <c r="B8082" t="s">
        <v>0</v>
      </c>
      <c r="C8082" t="s">
        <v>120</v>
      </c>
      <c r="D8082" t="s">
        <v>7531</v>
      </c>
    </row>
    <row r="8083" spans="1:4" x14ac:dyDescent="0.4">
      <c r="A8083">
        <v>2880876</v>
      </c>
      <c r="B8083" t="s">
        <v>0</v>
      </c>
      <c r="C8083" t="s">
        <v>120</v>
      </c>
      <c r="D8083" t="s">
        <v>7532</v>
      </c>
    </row>
    <row r="8084" spans="1:4" x14ac:dyDescent="0.4">
      <c r="A8084">
        <v>2880873</v>
      </c>
      <c r="B8084" t="s">
        <v>0</v>
      </c>
      <c r="C8084" t="s">
        <v>120</v>
      </c>
      <c r="D8084" t="s">
        <v>7533</v>
      </c>
    </row>
    <row r="8085" spans="1:4" x14ac:dyDescent="0.4">
      <c r="A8085">
        <v>2880855</v>
      </c>
      <c r="B8085" t="s">
        <v>0</v>
      </c>
      <c r="C8085" t="s">
        <v>120</v>
      </c>
      <c r="D8085" t="s">
        <v>7534</v>
      </c>
    </row>
    <row r="8086" spans="1:4" x14ac:dyDescent="0.4">
      <c r="A8086">
        <v>2880045</v>
      </c>
      <c r="B8086" t="s">
        <v>0</v>
      </c>
      <c r="C8086" t="s">
        <v>120</v>
      </c>
      <c r="D8086" t="s">
        <v>7535</v>
      </c>
    </row>
    <row r="8087" spans="1:4" x14ac:dyDescent="0.4">
      <c r="A8087">
        <v>2880025</v>
      </c>
      <c r="B8087" t="s">
        <v>0</v>
      </c>
      <c r="C8087" t="s">
        <v>120</v>
      </c>
      <c r="D8087" t="s">
        <v>7536</v>
      </c>
    </row>
    <row r="8088" spans="1:4" x14ac:dyDescent="0.4">
      <c r="A8088">
        <v>2880867</v>
      </c>
      <c r="B8088" t="s">
        <v>0</v>
      </c>
      <c r="C8088" t="s">
        <v>120</v>
      </c>
      <c r="D8088" t="s">
        <v>7537</v>
      </c>
    </row>
    <row r="8089" spans="1:4" x14ac:dyDescent="0.4">
      <c r="A8089">
        <v>2880842</v>
      </c>
      <c r="B8089" t="s">
        <v>0</v>
      </c>
      <c r="C8089" t="s">
        <v>120</v>
      </c>
      <c r="D8089" t="s">
        <v>3326</v>
      </c>
    </row>
    <row r="8090" spans="1:4" x14ac:dyDescent="0.4">
      <c r="A8090">
        <v>2880063</v>
      </c>
      <c r="B8090" t="s">
        <v>0</v>
      </c>
      <c r="C8090" t="s">
        <v>120</v>
      </c>
      <c r="D8090" t="s">
        <v>4199</v>
      </c>
    </row>
    <row r="8091" spans="1:4" x14ac:dyDescent="0.4">
      <c r="A8091">
        <v>2880856</v>
      </c>
      <c r="B8091" t="s">
        <v>0</v>
      </c>
      <c r="C8091" t="s">
        <v>120</v>
      </c>
      <c r="D8091" t="s">
        <v>7538</v>
      </c>
    </row>
    <row r="8092" spans="1:4" x14ac:dyDescent="0.4">
      <c r="A8092">
        <v>2880853</v>
      </c>
      <c r="B8092" t="s">
        <v>0</v>
      </c>
      <c r="C8092" t="s">
        <v>120</v>
      </c>
      <c r="D8092" t="s">
        <v>2712</v>
      </c>
    </row>
    <row r="8093" spans="1:4" x14ac:dyDescent="0.4">
      <c r="A8093">
        <v>2880067</v>
      </c>
      <c r="B8093" t="s">
        <v>0</v>
      </c>
      <c r="C8093" t="s">
        <v>120</v>
      </c>
      <c r="D8093" t="s">
        <v>7539</v>
      </c>
    </row>
    <row r="8094" spans="1:4" x14ac:dyDescent="0.4">
      <c r="A8094">
        <v>2880825</v>
      </c>
      <c r="B8094" t="s">
        <v>0</v>
      </c>
      <c r="C8094" t="s">
        <v>120</v>
      </c>
      <c r="D8094" t="s">
        <v>367</v>
      </c>
    </row>
    <row r="8095" spans="1:4" x14ac:dyDescent="0.4">
      <c r="A8095">
        <v>2880055</v>
      </c>
      <c r="B8095" t="s">
        <v>0</v>
      </c>
      <c r="C8095" t="s">
        <v>120</v>
      </c>
      <c r="D8095" t="s">
        <v>7540</v>
      </c>
    </row>
    <row r="8096" spans="1:4" x14ac:dyDescent="0.4">
      <c r="A8096">
        <v>2880042</v>
      </c>
      <c r="B8096" t="s">
        <v>0</v>
      </c>
      <c r="C8096" t="s">
        <v>120</v>
      </c>
      <c r="D8096" t="s">
        <v>3363</v>
      </c>
    </row>
    <row r="8097" spans="1:4" x14ac:dyDescent="0.4">
      <c r="A8097">
        <v>2880813</v>
      </c>
      <c r="B8097" t="s">
        <v>0</v>
      </c>
      <c r="C8097" t="s">
        <v>120</v>
      </c>
      <c r="D8097" t="s">
        <v>1571</v>
      </c>
    </row>
    <row r="8098" spans="1:4" x14ac:dyDescent="0.4">
      <c r="A8098">
        <v>2880027</v>
      </c>
      <c r="B8098" t="s">
        <v>0</v>
      </c>
      <c r="C8098" t="s">
        <v>120</v>
      </c>
      <c r="D8098" t="s">
        <v>7541</v>
      </c>
    </row>
    <row r="8099" spans="1:4" x14ac:dyDescent="0.4">
      <c r="A8099">
        <v>2880023</v>
      </c>
      <c r="B8099" t="s">
        <v>0</v>
      </c>
      <c r="C8099" t="s">
        <v>120</v>
      </c>
      <c r="D8099" t="s">
        <v>7542</v>
      </c>
    </row>
    <row r="8100" spans="1:4" x14ac:dyDescent="0.4">
      <c r="A8100">
        <v>2880026</v>
      </c>
      <c r="B8100" t="s">
        <v>0</v>
      </c>
      <c r="C8100" t="s">
        <v>120</v>
      </c>
      <c r="D8100" t="s">
        <v>7543</v>
      </c>
    </row>
    <row r="8101" spans="1:4" x14ac:dyDescent="0.4">
      <c r="A8101">
        <v>2880862</v>
      </c>
      <c r="B8101" t="s">
        <v>0</v>
      </c>
      <c r="C8101" t="s">
        <v>120</v>
      </c>
      <c r="D8101" t="s">
        <v>55</v>
      </c>
    </row>
    <row r="8102" spans="1:4" x14ac:dyDescent="0.4">
      <c r="A8102">
        <v>2880834</v>
      </c>
      <c r="B8102" t="s">
        <v>0</v>
      </c>
      <c r="C8102" t="s">
        <v>120</v>
      </c>
      <c r="D8102" t="s">
        <v>7544</v>
      </c>
    </row>
    <row r="8103" spans="1:4" x14ac:dyDescent="0.4">
      <c r="A8103">
        <v>2880062</v>
      </c>
      <c r="B8103" t="s">
        <v>0</v>
      </c>
      <c r="C8103" t="s">
        <v>120</v>
      </c>
      <c r="D8103" t="s">
        <v>7545</v>
      </c>
    </row>
    <row r="8104" spans="1:4" x14ac:dyDescent="0.4">
      <c r="A8104">
        <v>2880065</v>
      </c>
      <c r="B8104" t="s">
        <v>0</v>
      </c>
      <c r="C8104" t="s">
        <v>120</v>
      </c>
      <c r="D8104" t="s">
        <v>3416</v>
      </c>
    </row>
    <row r="8105" spans="1:4" x14ac:dyDescent="0.4">
      <c r="A8105">
        <v>2880854</v>
      </c>
      <c r="B8105" t="s">
        <v>0</v>
      </c>
      <c r="C8105" t="s">
        <v>120</v>
      </c>
      <c r="D8105" t="s">
        <v>5004</v>
      </c>
    </row>
    <row r="8106" spans="1:4" x14ac:dyDescent="0.4">
      <c r="A8106">
        <v>2880041</v>
      </c>
      <c r="B8106" t="s">
        <v>0</v>
      </c>
      <c r="C8106" t="s">
        <v>120</v>
      </c>
      <c r="D8106" t="s">
        <v>2780</v>
      </c>
    </row>
    <row r="8107" spans="1:4" x14ac:dyDescent="0.4">
      <c r="A8107">
        <v>2880868</v>
      </c>
      <c r="B8107" t="s">
        <v>0</v>
      </c>
      <c r="C8107" t="s">
        <v>120</v>
      </c>
      <c r="D8107" t="s">
        <v>7546</v>
      </c>
    </row>
    <row r="8108" spans="1:4" x14ac:dyDescent="0.4">
      <c r="A8108">
        <v>2880024</v>
      </c>
      <c r="B8108" t="s">
        <v>0</v>
      </c>
      <c r="C8108" t="s">
        <v>120</v>
      </c>
      <c r="D8108" t="s">
        <v>739</v>
      </c>
    </row>
    <row r="8109" spans="1:4" x14ac:dyDescent="0.4">
      <c r="A8109">
        <v>2880075</v>
      </c>
      <c r="B8109" t="s">
        <v>0</v>
      </c>
      <c r="C8109" t="s">
        <v>120</v>
      </c>
      <c r="D8109" t="s">
        <v>7547</v>
      </c>
    </row>
    <row r="8110" spans="1:4" x14ac:dyDescent="0.4">
      <c r="A8110">
        <v>2880016</v>
      </c>
      <c r="B8110" t="s">
        <v>0</v>
      </c>
      <c r="C8110" t="s">
        <v>120</v>
      </c>
      <c r="D8110" t="s">
        <v>7548</v>
      </c>
    </row>
    <row r="8111" spans="1:4" x14ac:dyDescent="0.4">
      <c r="A8111">
        <v>2880014</v>
      </c>
      <c r="B8111" t="s">
        <v>0</v>
      </c>
      <c r="C8111" t="s">
        <v>120</v>
      </c>
      <c r="D8111" t="s">
        <v>7549</v>
      </c>
    </row>
    <row r="8112" spans="1:4" x14ac:dyDescent="0.4">
      <c r="A8112">
        <v>2880824</v>
      </c>
      <c r="B8112" t="s">
        <v>0</v>
      </c>
      <c r="C8112" t="s">
        <v>120</v>
      </c>
      <c r="D8112" t="s">
        <v>7550</v>
      </c>
    </row>
    <row r="8113" spans="1:4" x14ac:dyDescent="0.4">
      <c r="A8113">
        <v>2880871</v>
      </c>
      <c r="B8113" t="s">
        <v>0</v>
      </c>
      <c r="C8113" t="s">
        <v>120</v>
      </c>
      <c r="D8113" t="s">
        <v>7551</v>
      </c>
    </row>
    <row r="8114" spans="1:4" x14ac:dyDescent="0.4">
      <c r="A8114">
        <v>2880874</v>
      </c>
      <c r="B8114" t="s">
        <v>0</v>
      </c>
      <c r="C8114" t="s">
        <v>120</v>
      </c>
      <c r="D8114" t="s">
        <v>7552</v>
      </c>
    </row>
    <row r="8115" spans="1:4" x14ac:dyDescent="0.4">
      <c r="A8115">
        <v>2880035</v>
      </c>
      <c r="B8115" t="s">
        <v>0</v>
      </c>
      <c r="C8115" t="s">
        <v>120</v>
      </c>
      <c r="D8115" t="s">
        <v>7553</v>
      </c>
    </row>
    <row r="8116" spans="1:4" x14ac:dyDescent="0.4">
      <c r="A8116">
        <v>2880858</v>
      </c>
      <c r="B8116" t="s">
        <v>0</v>
      </c>
      <c r="C8116" t="s">
        <v>120</v>
      </c>
      <c r="D8116" t="s">
        <v>3506</v>
      </c>
    </row>
    <row r="8117" spans="1:4" x14ac:dyDescent="0.4">
      <c r="A8117">
        <v>2880077</v>
      </c>
      <c r="B8117" t="s">
        <v>0</v>
      </c>
      <c r="C8117" t="s">
        <v>120</v>
      </c>
      <c r="D8117" t="s">
        <v>802</v>
      </c>
    </row>
    <row r="8118" spans="1:4" x14ac:dyDescent="0.4">
      <c r="A8118">
        <v>2880013</v>
      </c>
      <c r="B8118" t="s">
        <v>0</v>
      </c>
      <c r="C8118" t="s">
        <v>120</v>
      </c>
      <c r="D8118" t="s">
        <v>7554</v>
      </c>
    </row>
    <row r="8119" spans="1:4" x14ac:dyDescent="0.4">
      <c r="A8119">
        <v>2880837</v>
      </c>
      <c r="B8119" t="s">
        <v>0</v>
      </c>
      <c r="C8119" t="s">
        <v>120</v>
      </c>
      <c r="D8119" t="s">
        <v>7555</v>
      </c>
    </row>
    <row r="8120" spans="1:4" x14ac:dyDescent="0.4">
      <c r="A8120">
        <v>2880865</v>
      </c>
      <c r="B8120" t="s">
        <v>0</v>
      </c>
      <c r="C8120" t="s">
        <v>120</v>
      </c>
      <c r="D8120" t="s">
        <v>7556</v>
      </c>
    </row>
    <row r="8121" spans="1:4" x14ac:dyDescent="0.4">
      <c r="A8121">
        <v>2880036</v>
      </c>
      <c r="B8121" t="s">
        <v>0</v>
      </c>
      <c r="C8121" t="s">
        <v>120</v>
      </c>
      <c r="D8121" t="s">
        <v>7557</v>
      </c>
    </row>
    <row r="8122" spans="1:4" x14ac:dyDescent="0.4">
      <c r="A8122">
        <v>2880044</v>
      </c>
      <c r="B8122" t="s">
        <v>0</v>
      </c>
      <c r="C8122" t="s">
        <v>120</v>
      </c>
      <c r="D8122" t="s">
        <v>7558</v>
      </c>
    </row>
    <row r="8123" spans="1:4" x14ac:dyDescent="0.4">
      <c r="A8123">
        <v>2880863</v>
      </c>
      <c r="B8123" t="s">
        <v>0</v>
      </c>
      <c r="C8123" t="s">
        <v>120</v>
      </c>
      <c r="D8123" t="s">
        <v>7559</v>
      </c>
    </row>
    <row r="8124" spans="1:4" x14ac:dyDescent="0.4">
      <c r="A8124">
        <v>2880074</v>
      </c>
      <c r="B8124" t="s">
        <v>0</v>
      </c>
      <c r="C8124" t="s">
        <v>120</v>
      </c>
      <c r="D8124" t="s">
        <v>7560</v>
      </c>
    </row>
    <row r="8125" spans="1:4" x14ac:dyDescent="0.4">
      <c r="A8125">
        <v>2880052</v>
      </c>
      <c r="B8125" t="s">
        <v>0</v>
      </c>
      <c r="C8125" t="s">
        <v>120</v>
      </c>
      <c r="D8125" t="s">
        <v>5602</v>
      </c>
    </row>
    <row r="8126" spans="1:4" x14ac:dyDescent="0.4">
      <c r="A8126">
        <v>2880054</v>
      </c>
      <c r="B8126" t="s">
        <v>0</v>
      </c>
      <c r="C8126" t="s">
        <v>120</v>
      </c>
      <c r="D8126" t="s">
        <v>2478</v>
      </c>
    </row>
    <row r="8127" spans="1:4" x14ac:dyDescent="0.4">
      <c r="A8127">
        <v>2880032</v>
      </c>
      <c r="B8127" t="s">
        <v>0</v>
      </c>
      <c r="C8127" t="s">
        <v>120</v>
      </c>
      <c r="D8127" t="s">
        <v>7561</v>
      </c>
    </row>
    <row r="8128" spans="1:4" x14ac:dyDescent="0.4">
      <c r="A8128">
        <v>2880043</v>
      </c>
      <c r="B8128" t="s">
        <v>0</v>
      </c>
      <c r="C8128" t="s">
        <v>120</v>
      </c>
      <c r="D8128" t="s">
        <v>3397</v>
      </c>
    </row>
    <row r="8129" spans="1:4" x14ac:dyDescent="0.4">
      <c r="A8129">
        <v>2880053</v>
      </c>
      <c r="B8129" t="s">
        <v>0</v>
      </c>
      <c r="C8129" t="s">
        <v>120</v>
      </c>
      <c r="D8129" t="s">
        <v>1526</v>
      </c>
    </row>
    <row r="8130" spans="1:4" x14ac:dyDescent="0.4">
      <c r="A8130">
        <v>2880048</v>
      </c>
      <c r="B8130" t="s">
        <v>0</v>
      </c>
      <c r="C8130" t="s">
        <v>120</v>
      </c>
      <c r="D8130" t="s">
        <v>7562</v>
      </c>
    </row>
    <row r="8131" spans="1:4" x14ac:dyDescent="0.4">
      <c r="A8131">
        <v>2880857</v>
      </c>
      <c r="B8131" t="s">
        <v>0</v>
      </c>
      <c r="C8131" t="s">
        <v>120</v>
      </c>
      <c r="D8131" t="s">
        <v>7563</v>
      </c>
    </row>
    <row r="8132" spans="1:4" x14ac:dyDescent="0.4">
      <c r="A8132">
        <v>2880831</v>
      </c>
      <c r="B8132" t="s">
        <v>0</v>
      </c>
      <c r="C8132" t="s">
        <v>120</v>
      </c>
      <c r="D8132" t="s">
        <v>7564</v>
      </c>
    </row>
    <row r="8133" spans="1:4" x14ac:dyDescent="0.4">
      <c r="A8133">
        <v>2880076</v>
      </c>
      <c r="B8133" t="s">
        <v>0</v>
      </c>
      <c r="C8133" t="s">
        <v>120</v>
      </c>
      <c r="D8133" t="s">
        <v>403</v>
      </c>
    </row>
    <row r="8134" spans="1:4" x14ac:dyDescent="0.4">
      <c r="A8134">
        <v>2880031</v>
      </c>
      <c r="B8134" t="s">
        <v>0</v>
      </c>
      <c r="C8134" t="s">
        <v>120</v>
      </c>
      <c r="D8134" t="s">
        <v>7565</v>
      </c>
    </row>
    <row r="8135" spans="1:4" x14ac:dyDescent="0.4">
      <c r="A8135">
        <v>2880836</v>
      </c>
      <c r="B8135" t="s">
        <v>0</v>
      </c>
      <c r="C8135" t="s">
        <v>120</v>
      </c>
      <c r="D8135" t="s">
        <v>7566</v>
      </c>
    </row>
    <row r="8136" spans="1:4" x14ac:dyDescent="0.4">
      <c r="A8136">
        <v>2880832</v>
      </c>
      <c r="B8136" t="s">
        <v>0</v>
      </c>
      <c r="C8136" t="s">
        <v>120</v>
      </c>
      <c r="D8136" t="s">
        <v>7567</v>
      </c>
    </row>
    <row r="8137" spans="1:4" x14ac:dyDescent="0.4">
      <c r="A8137">
        <v>2880802</v>
      </c>
      <c r="B8137" t="s">
        <v>0</v>
      </c>
      <c r="C8137" t="s">
        <v>120</v>
      </c>
      <c r="D8137" t="s">
        <v>6151</v>
      </c>
    </row>
    <row r="8138" spans="1:4" x14ac:dyDescent="0.4">
      <c r="A8138">
        <v>2880851</v>
      </c>
      <c r="B8138" t="s">
        <v>0</v>
      </c>
      <c r="C8138" t="s">
        <v>120</v>
      </c>
      <c r="D8138" t="s">
        <v>7568</v>
      </c>
    </row>
    <row r="8139" spans="1:4" x14ac:dyDescent="0.4">
      <c r="A8139">
        <v>2880815</v>
      </c>
      <c r="B8139" t="s">
        <v>0</v>
      </c>
      <c r="C8139" t="s">
        <v>120</v>
      </c>
      <c r="D8139" t="s">
        <v>1091</v>
      </c>
    </row>
    <row r="8140" spans="1:4" x14ac:dyDescent="0.4">
      <c r="A8140">
        <v>2880061</v>
      </c>
      <c r="B8140" t="s">
        <v>0</v>
      </c>
      <c r="C8140" t="s">
        <v>120</v>
      </c>
      <c r="D8140" t="s">
        <v>4708</v>
      </c>
    </row>
    <row r="8141" spans="1:4" x14ac:dyDescent="0.4">
      <c r="A8141">
        <v>2880033</v>
      </c>
      <c r="B8141" t="s">
        <v>0</v>
      </c>
      <c r="C8141" t="s">
        <v>120</v>
      </c>
      <c r="D8141" t="s">
        <v>7569</v>
      </c>
    </row>
    <row r="8142" spans="1:4" x14ac:dyDescent="0.4">
      <c r="A8142">
        <v>2880038</v>
      </c>
      <c r="B8142" t="s">
        <v>0</v>
      </c>
      <c r="C8142" t="s">
        <v>120</v>
      </c>
      <c r="D8142" t="s">
        <v>1615</v>
      </c>
    </row>
    <row r="8143" spans="1:4" x14ac:dyDescent="0.4">
      <c r="A8143">
        <v>2880845</v>
      </c>
      <c r="B8143" t="s">
        <v>0</v>
      </c>
      <c r="C8143" t="s">
        <v>120</v>
      </c>
      <c r="D8143" t="s">
        <v>7570</v>
      </c>
    </row>
    <row r="8144" spans="1:4" x14ac:dyDescent="0.4">
      <c r="A8144">
        <v>2880877</v>
      </c>
      <c r="B8144" t="s">
        <v>0</v>
      </c>
      <c r="C8144" t="s">
        <v>120</v>
      </c>
      <c r="D8144" t="s">
        <v>7571</v>
      </c>
    </row>
    <row r="8145" spans="1:4" x14ac:dyDescent="0.4">
      <c r="A8145">
        <v>2880811</v>
      </c>
      <c r="B8145" t="s">
        <v>0</v>
      </c>
      <c r="C8145" t="s">
        <v>120</v>
      </c>
      <c r="D8145" t="s">
        <v>7572</v>
      </c>
    </row>
    <row r="8146" spans="1:4" x14ac:dyDescent="0.4">
      <c r="A8146">
        <v>2880002</v>
      </c>
      <c r="B8146" t="s">
        <v>0</v>
      </c>
      <c r="C8146" t="s">
        <v>120</v>
      </c>
      <c r="D8146" t="s">
        <v>1619</v>
      </c>
    </row>
    <row r="8147" spans="1:4" x14ac:dyDescent="0.4">
      <c r="A8147">
        <v>2880872</v>
      </c>
      <c r="B8147" t="s">
        <v>0</v>
      </c>
      <c r="C8147" t="s">
        <v>120</v>
      </c>
      <c r="D8147" t="s">
        <v>7573</v>
      </c>
    </row>
    <row r="8148" spans="1:4" x14ac:dyDescent="0.4">
      <c r="A8148">
        <v>2880875</v>
      </c>
      <c r="B8148" t="s">
        <v>0</v>
      </c>
      <c r="C8148" t="s">
        <v>120</v>
      </c>
      <c r="D8148" t="s">
        <v>7574</v>
      </c>
    </row>
    <row r="8149" spans="1:4" x14ac:dyDescent="0.4">
      <c r="A8149">
        <v>2880822</v>
      </c>
      <c r="B8149" t="s">
        <v>0</v>
      </c>
      <c r="C8149" t="s">
        <v>120</v>
      </c>
      <c r="D8149" t="s">
        <v>1624</v>
      </c>
    </row>
    <row r="8150" spans="1:4" x14ac:dyDescent="0.4">
      <c r="A8150">
        <v>2880072</v>
      </c>
      <c r="B8150" t="s">
        <v>0</v>
      </c>
      <c r="C8150" t="s">
        <v>120</v>
      </c>
      <c r="D8150" t="s">
        <v>518</v>
      </c>
    </row>
    <row r="8151" spans="1:4" x14ac:dyDescent="0.4">
      <c r="A8151">
        <v>2880803</v>
      </c>
      <c r="B8151" t="s">
        <v>0</v>
      </c>
      <c r="C8151" t="s">
        <v>120</v>
      </c>
      <c r="D8151" t="s">
        <v>479</v>
      </c>
    </row>
    <row r="8152" spans="1:4" x14ac:dyDescent="0.4">
      <c r="A8152">
        <v>2880843</v>
      </c>
      <c r="B8152" t="s">
        <v>0</v>
      </c>
      <c r="C8152" t="s">
        <v>120</v>
      </c>
      <c r="D8152" t="s">
        <v>7575</v>
      </c>
    </row>
    <row r="8153" spans="1:4" x14ac:dyDescent="0.4">
      <c r="A8153">
        <v>2880841</v>
      </c>
      <c r="B8153" t="s">
        <v>0</v>
      </c>
      <c r="C8153" t="s">
        <v>120</v>
      </c>
      <c r="D8153" t="s">
        <v>7576</v>
      </c>
    </row>
    <row r="8154" spans="1:4" x14ac:dyDescent="0.4">
      <c r="A8154">
        <v>2880846</v>
      </c>
      <c r="B8154" t="s">
        <v>0</v>
      </c>
      <c r="C8154" t="s">
        <v>120</v>
      </c>
      <c r="D8154" t="s">
        <v>7577</v>
      </c>
    </row>
    <row r="8155" spans="1:4" x14ac:dyDescent="0.4">
      <c r="A8155">
        <v>2880047</v>
      </c>
      <c r="B8155" t="s">
        <v>0</v>
      </c>
      <c r="C8155" t="s">
        <v>120</v>
      </c>
      <c r="D8155" t="s">
        <v>7578</v>
      </c>
    </row>
    <row r="8156" spans="1:4" x14ac:dyDescent="0.4">
      <c r="A8156">
        <v>2880066</v>
      </c>
      <c r="B8156" t="s">
        <v>0</v>
      </c>
      <c r="C8156" t="s">
        <v>120</v>
      </c>
      <c r="D8156" t="s">
        <v>3385</v>
      </c>
    </row>
    <row r="8157" spans="1:4" x14ac:dyDescent="0.4">
      <c r="A8157">
        <v>2720000</v>
      </c>
      <c r="B8157" t="s">
        <v>0</v>
      </c>
      <c r="C8157" t="s">
        <v>7579</v>
      </c>
    </row>
    <row r="8158" spans="1:4" x14ac:dyDescent="0.4">
      <c r="A8158">
        <v>2720143</v>
      </c>
      <c r="B8158" t="s">
        <v>0</v>
      </c>
      <c r="C8158" t="s">
        <v>7579</v>
      </c>
      <c r="D8158" t="s">
        <v>7580</v>
      </c>
    </row>
    <row r="8159" spans="1:4" x14ac:dyDescent="0.4">
      <c r="A8159">
        <v>2720144</v>
      </c>
      <c r="B8159" t="s">
        <v>0</v>
      </c>
      <c r="C8159" t="s">
        <v>7579</v>
      </c>
      <c r="D8159" t="s">
        <v>590</v>
      </c>
    </row>
    <row r="8160" spans="1:4" x14ac:dyDescent="0.4">
      <c r="A8160">
        <v>2720106</v>
      </c>
      <c r="B8160" t="s">
        <v>0</v>
      </c>
      <c r="C8160" t="s">
        <v>7579</v>
      </c>
      <c r="D8160" t="s">
        <v>7581</v>
      </c>
    </row>
    <row r="8161" spans="1:4" x14ac:dyDescent="0.4">
      <c r="A8161">
        <v>2720034</v>
      </c>
      <c r="B8161" t="s">
        <v>0</v>
      </c>
      <c r="C8161" t="s">
        <v>7579</v>
      </c>
      <c r="D8161" t="s">
        <v>7357</v>
      </c>
    </row>
    <row r="8162" spans="1:4" x14ac:dyDescent="0.4">
      <c r="A8162">
        <v>2720033</v>
      </c>
      <c r="B8162" t="s">
        <v>0</v>
      </c>
      <c r="C8162" t="s">
        <v>7579</v>
      </c>
      <c r="D8162" t="s">
        <v>7582</v>
      </c>
    </row>
    <row r="8163" spans="1:4" x14ac:dyDescent="0.4">
      <c r="A8163">
        <v>2720831</v>
      </c>
      <c r="B8163" t="s">
        <v>0</v>
      </c>
      <c r="C8163" t="s">
        <v>7579</v>
      </c>
      <c r="D8163" t="s">
        <v>7583</v>
      </c>
    </row>
    <row r="8164" spans="1:4" x14ac:dyDescent="0.4">
      <c r="A8164">
        <v>2720134</v>
      </c>
      <c r="B8164" t="s">
        <v>0</v>
      </c>
      <c r="C8164" t="s">
        <v>7579</v>
      </c>
      <c r="D8164" t="s">
        <v>1097</v>
      </c>
    </row>
    <row r="8165" spans="1:4" x14ac:dyDescent="0.4">
      <c r="A8165">
        <v>2720032</v>
      </c>
      <c r="B8165" t="s">
        <v>0</v>
      </c>
      <c r="C8165" t="s">
        <v>7579</v>
      </c>
      <c r="D8165" t="s">
        <v>7584</v>
      </c>
    </row>
    <row r="8166" spans="1:4" x14ac:dyDescent="0.4">
      <c r="A8166">
        <v>2720805</v>
      </c>
      <c r="B8166" t="s">
        <v>0</v>
      </c>
      <c r="C8166" t="s">
        <v>7579</v>
      </c>
      <c r="D8166" t="s">
        <v>7585</v>
      </c>
    </row>
    <row r="8167" spans="1:4" x14ac:dyDescent="0.4">
      <c r="A8167">
        <v>2720801</v>
      </c>
      <c r="B8167" t="s">
        <v>0</v>
      </c>
      <c r="C8167" t="s">
        <v>7579</v>
      </c>
      <c r="D8167" t="s">
        <v>3183</v>
      </c>
    </row>
    <row r="8168" spans="1:4" x14ac:dyDescent="0.4">
      <c r="A8168">
        <v>2720025</v>
      </c>
      <c r="B8168" t="s">
        <v>0</v>
      </c>
      <c r="C8168" t="s">
        <v>7579</v>
      </c>
      <c r="D8168" t="s">
        <v>621</v>
      </c>
    </row>
    <row r="8169" spans="1:4" x14ac:dyDescent="0.4">
      <c r="A8169">
        <v>2720107</v>
      </c>
      <c r="B8169" t="s">
        <v>0</v>
      </c>
      <c r="C8169" t="s">
        <v>7579</v>
      </c>
      <c r="D8169" t="s">
        <v>781</v>
      </c>
    </row>
    <row r="8170" spans="1:4" x14ac:dyDescent="0.4">
      <c r="A8170">
        <v>2720022</v>
      </c>
      <c r="B8170" t="s">
        <v>0</v>
      </c>
      <c r="C8170" t="s">
        <v>7579</v>
      </c>
      <c r="D8170" t="s">
        <v>7586</v>
      </c>
    </row>
    <row r="8171" spans="1:4" x14ac:dyDescent="0.4">
      <c r="A8171">
        <v>2720015</v>
      </c>
      <c r="B8171" t="s">
        <v>0</v>
      </c>
      <c r="C8171" t="s">
        <v>7579</v>
      </c>
      <c r="D8171" t="s">
        <v>7587</v>
      </c>
    </row>
    <row r="8172" spans="1:4" x14ac:dyDescent="0.4">
      <c r="A8172">
        <v>2720142</v>
      </c>
      <c r="B8172" t="s">
        <v>0</v>
      </c>
      <c r="C8172" t="s">
        <v>7579</v>
      </c>
      <c r="D8172" t="s">
        <v>7588</v>
      </c>
    </row>
    <row r="8173" spans="1:4" x14ac:dyDescent="0.4">
      <c r="A8173">
        <v>2720802</v>
      </c>
      <c r="B8173" t="s">
        <v>0</v>
      </c>
      <c r="C8173" t="s">
        <v>7579</v>
      </c>
      <c r="D8173" t="s">
        <v>7217</v>
      </c>
    </row>
    <row r="8174" spans="1:4" x14ac:dyDescent="0.4">
      <c r="A8174">
        <v>2720124</v>
      </c>
      <c r="B8174" t="s">
        <v>0</v>
      </c>
      <c r="C8174" t="s">
        <v>7579</v>
      </c>
      <c r="D8174" t="s">
        <v>7589</v>
      </c>
    </row>
    <row r="8175" spans="1:4" x14ac:dyDescent="0.4">
      <c r="A8175">
        <v>2720112</v>
      </c>
      <c r="B8175" t="s">
        <v>0</v>
      </c>
      <c r="C8175" t="s">
        <v>7579</v>
      </c>
      <c r="D8175" t="s">
        <v>7590</v>
      </c>
    </row>
    <row r="8176" spans="1:4" x14ac:dyDescent="0.4">
      <c r="A8176">
        <v>2720012</v>
      </c>
      <c r="B8176" t="s">
        <v>0</v>
      </c>
      <c r="C8176" t="s">
        <v>7579</v>
      </c>
      <c r="D8176" t="s">
        <v>7591</v>
      </c>
    </row>
    <row r="8177" spans="1:4" x14ac:dyDescent="0.4">
      <c r="A8177">
        <v>2720101</v>
      </c>
      <c r="B8177" t="s">
        <v>0</v>
      </c>
      <c r="C8177" t="s">
        <v>7579</v>
      </c>
      <c r="D8177" t="s">
        <v>7592</v>
      </c>
    </row>
    <row r="8178" spans="1:4" x14ac:dyDescent="0.4">
      <c r="A8178">
        <v>2720141</v>
      </c>
      <c r="B8178" t="s">
        <v>0</v>
      </c>
      <c r="C8178" t="s">
        <v>7579</v>
      </c>
      <c r="D8178" t="s">
        <v>6704</v>
      </c>
    </row>
    <row r="8179" spans="1:4" x14ac:dyDescent="0.4">
      <c r="A8179">
        <v>2720815</v>
      </c>
      <c r="B8179" t="s">
        <v>0</v>
      </c>
      <c r="C8179" t="s">
        <v>7579</v>
      </c>
      <c r="D8179" t="s">
        <v>7593</v>
      </c>
    </row>
    <row r="8180" spans="1:4" x14ac:dyDescent="0.4">
      <c r="A8180">
        <v>2720836</v>
      </c>
      <c r="B8180" t="s">
        <v>0</v>
      </c>
      <c r="C8180" t="s">
        <v>7579</v>
      </c>
      <c r="D8180" t="s">
        <v>7594</v>
      </c>
    </row>
    <row r="8181" spans="1:4" x14ac:dyDescent="0.4">
      <c r="A8181">
        <v>2720133</v>
      </c>
      <c r="B8181" t="s">
        <v>0</v>
      </c>
      <c r="C8181" t="s">
        <v>7579</v>
      </c>
      <c r="D8181" t="s">
        <v>7595</v>
      </c>
    </row>
    <row r="8182" spans="1:4" x14ac:dyDescent="0.4">
      <c r="A8182">
        <v>2720827</v>
      </c>
      <c r="B8182" t="s">
        <v>0</v>
      </c>
      <c r="C8182" t="s">
        <v>7579</v>
      </c>
      <c r="D8182" t="s">
        <v>6863</v>
      </c>
    </row>
    <row r="8183" spans="1:4" x14ac:dyDescent="0.4">
      <c r="A8183">
        <v>2720013</v>
      </c>
      <c r="B8183" t="s">
        <v>0</v>
      </c>
      <c r="C8183" t="s">
        <v>7579</v>
      </c>
      <c r="D8183" t="s">
        <v>1916</v>
      </c>
    </row>
    <row r="8184" spans="1:4" x14ac:dyDescent="0.4">
      <c r="A8184">
        <v>2720011</v>
      </c>
      <c r="B8184" t="s">
        <v>0</v>
      </c>
      <c r="C8184" t="s">
        <v>7579</v>
      </c>
      <c r="D8184" t="s">
        <v>7596</v>
      </c>
    </row>
    <row r="8185" spans="1:4" x14ac:dyDescent="0.4">
      <c r="A8185">
        <v>2720834</v>
      </c>
      <c r="B8185" t="s">
        <v>0</v>
      </c>
      <c r="C8185" t="s">
        <v>7579</v>
      </c>
      <c r="D8185" t="s">
        <v>7597</v>
      </c>
    </row>
    <row r="8186" spans="1:4" x14ac:dyDescent="0.4">
      <c r="A8186">
        <v>2720123</v>
      </c>
      <c r="B8186" t="s">
        <v>0</v>
      </c>
      <c r="C8186" t="s">
        <v>7579</v>
      </c>
      <c r="D8186" t="s">
        <v>7598</v>
      </c>
    </row>
    <row r="8187" spans="1:4" x14ac:dyDescent="0.4">
      <c r="A8187">
        <v>2720127</v>
      </c>
      <c r="B8187" t="s">
        <v>0</v>
      </c>
      <c r="C8187" t="s">
        <v>7579</v>
      </c>
      <c r="D8187" t="s">
        <v>897</v>
      </c>
    </row>
    <row r="8188" spans="1:4" x14ac:dyDescent="0.4">
      <c r="A8188">
        <v>2720114</v>
      </c>
      <c r="B8188" t="s">
        <v>0</v>
      </c>
      <c r="C8188" t="s">
        <v>7579</v>
      </c>
      <c r="D8188" t="s">
        <v>7599</v>
      </c>
    </row>
    <row r="8189" spans="1:4" x14ac:dyDescent="0.4">
      <c r="A8189">
        <v>2720145</v>
      </c>
      <c r="B8189" t="s">
        <v>0</v>
      </c>
      <c r="C8189" t="s">
        <v>7579</v>
      </c>
      <c r="D8189" t="s">
        <v>7600</v>
      </c>
    </row>
    <row r="8190" spans="1:4" x14ac:dyDescent="0.4">
      <c r="A8190">
        <v>2720821</v>
      </c>
      <c r="B8190" t="s">
        <v>0</v>
      </c>
      <c r="C8190" t="s">
        <v>7579</v>
      </c>
      <c r="D8190" t="s">
        <v>7074</v>
      </c>
    </row>
    <row r="8191" spans="1:4" x14ac:dyDescent="0.4">
      <c r="A8191">
        <v>2720102</v>
      </c>
      <c r="B8191" t="s">
        <v>0</v>
      </c>
      <c r="C8191" t="s">
        <v>7579</v>
      </c>
      <c r="D8191" t="s">
        <v>7601</v>
      </c>
    </row>
    <row r="8192" spans="1:4" x14ac:dyDescent="0.4">
      <c r="A8192">
        <v>2720113</v>
      </c>
      <c r="B8192" t="s">
        <v>0</v>
      </c>
      <c r="C8192" t="s">
        <v>7579</v>
      </c>
      <c r="D8192" t="s">
        <v>7602</v>
      </c>
    </row>
    <row r="8193" spans="1:4" x14ac:dyDescent="0.4">
      <c r="A8193">
        <v>2720035</v>
      </c>
      <c r="B8193" t="s">
        <v>0</v>
      </c>
      <c r="C8193" t="s">
        <v>7579</v>
      </c>
      <c r="D8193" t="s">
        <v>178</v>
      </c>
    </row>
    <row r="8194" spans="1:4" x14ac:dyDescent="0.4">
      <c r="A8194">
        <v>2720121</v>
      </c>
      <c r="B8194" t="s">
        <v>0</v>
      </c>
      <c r="C8194" t="s">
        <v>7579</v>
      </c>
      <c r="D8194" t="s">
        <v>4970</v>
      </c>
    </row>
    <row r="8195" spans="1:4" x14ac:dyDescent="0.4">
      <c r="A8195">
        <v>2720824</v>
      </c>
      <c r="B8195" t="s">
        <v>0</v>
      </c>
      <c r="C8195" t="s">
        <v>7579</v>
      </c>
      <c r="D8195" t="s">
        <v>3907</v>
      </c>
    </row>
    <row r="8196" spans="1:4" x14ac:dyDescent="0.4">
      <c r="A8196">
        <v>2720825</v>
      </c>
      <c r="B8196" t="s">
        <v>0</v>
      </c>
      <c r="C8196" t="s">
        <v>7579</v>
      </c>
      <c r="D8196" t="s">
        <v>7603</v>
      </c>
    </row>
    <row r="8197" spans="1:4" x14ac:dyDescent="0.4">
      <c r="A8197">
        <v>2720105</v>
      </c>
      <c r="B8197" t="s">
        <v>0</v>
      </c>
      <c r="C8197" t="s">
        <v>7579</v>
      </c>
      <c r="D8197" t="s">
        <v>7604</v>
      </c>
    </row>
    <row r="8198" spans="1:4" x14ac:dyDescent="0.4">
      <c r="A8198">
        <v>2720832</v>
      </c>
      <c r="B8198" t="s">
        <v>0</v>
      </c>
      <c r="C8198" t="s">
        <v>7579</v>
      </c>
      <c r="D8198" t="s">
        <v>7605</v>
      </c>
    </row>
    <row r="8199" spans="1:4" x14ac:dyDescent="0.4">
      <c r="A8199">
        <v>2720814</v>
      </c>
      <c r="B8199" t="s">
        <v>0</v>
      </c>
      <c r="C8199" t="s">
        <v>7579</v>
      </c>
      <c r="D8199" t="s">
        <v>7606</v>
      </c>
    </row>
    <row r="8200" spans="1:4" x14ac:dyDescent="0.4">
      <c r="A8200">
        <v>2720125</v>
      </c>
      <c r="B8200" t="s">
        <v>0</v>
      </c>
      <c r="C8200" t="s">
        <v>7579</v>
      </c>
      <c r="D8200" t="s">
        <v>7607</v>
      </c>
    </row>
    <row r="8201" spans="1:4" x14ac:dyDescent="0.4">
      <c r="A8201">
        <v>2720122</v>
      </c>
      <c r="B8201" t="s">
        <v>0</v>
      </c>
      <c r="C8201" t="s">
        <v>7579</v>
      </c>
      <c r="D8201" t="s">
        <v>7608</v>
      </c>
    </row>
    <row r="8202" spans="1:4" x14ac:dyDescent="0.4">
      <c r="A8202">
        <v>2720014</v>
      </c>
      <c r="B8202" t="s">
        <v>0</v>
      </c>
      <c r="C8202" t="s">
        <v>7579</v>
      </c>
      <c r="D8202" t="s">
        <v>7609</v>
      </c>
    </row>
    <row r="8203" spans="1:4" x14ac:dyDescent="0.4">
      <c r="A8203">
        <v>2720126</v>
      </c>
      <c r="B8203" t="s">
        <v>0</v>
      </c>
      <c r="C8203" t="s">
        <v>7579</v>
      </c>
      <c r="D8203" t="s">
        <v>7610</v>
      </c>
    </row>
    <row r="8204" spans="1:4" x14ac:dyDescent="0.4">
      <c r="A8204">
        <v>2720024</v>
      </c>
      <c r="B8204" t="s">
        <v>0</v>
      </c>
      <c r="C8204" t="s">
        <v>7579</v>
      </c>
      <c r="D8204" t="s">
        <v>7611</v>
      </c>
    </row>
    <row r="8205" spans="1:4" x14ac:dyDescent="0.4">
      <c r="A8205">
        <v>2720115</v>
      </c>
      <c r="B8205" t="s">
        <v>0</v>
      </c>
      <c r="C8205" t="s">
        <v>7579</v>
      </c>
      <c r="D8205" t="s">
        <v>7612</v>
      </c>
    </row>
    <row r="8206" spans="1:4" x14ac:dyDescent="0.4">
      <c r="A8206">
        <v>2720835</v>
      </c>
      <c r="B8206" t="s">
        <v>0</v>
      </c>
      <c r="C8206" t="s">
        <v>7579</v>
      </c>
      <c r="D8206" t="s">
        <v>7613</v>
      </c>
    </row>
    <row r="8207" spans="1:4" x14ac:dyDescent="0.4">
      <c r="A8207">
        <v>2720813</v>
      </c>
      <c r="B8207" t="s">
        <v>0</v>
      </c>
      <c r="C8207" t="s">
        <v>7579</v>
      </c>
      <c r="D8207" t="s">
        <v>1588</v>
      </c>
    </row>
    <row r="8208" spans="1:4" x14ac:dyDescent="0.4">
      <c r="A8208">
        <v>2720136</v>
      </c>
      <c r="B8208" t="s">
        <v>0</v>
      </c>
      <c r="C8208" t="s">
        <v>7579</v>
      </c>
      <c r="D8208" t="s">
        <v>7614</v>
      </c>
    </row>
    <row r="8209" spans="1:4" x14ac:dyDescent="0.4">
      <c r="A8209">
        <v>2720004</v>
      </c>
      <c r="B8209" t="s">
        <v>0</v>
      </c>
      <c r="C8209" t="s">
        <v>7579</v>
      </c>
      <c r="D8209" t="s">
        <v>7615</v>
      </c>
    </row>
    <row r="8210" spans="1:4" x14ac:dyDescent="0.4">
      <c r="A8210">
        <v>2720026</v>
      </c>
      <c r="B8210" t="s">
        <v>0</v>
      </c>
      <c r="C8210" t="s">
        <v>7579</v>
      </c>
      <c r="D8210" t="s">
        <v>2120</v>
      </c>
    </row>
    <row r="8211" spans="1:4" x14ac:dyDescent="0.4">
      <c r="A8211">
        <v>2720833</v>
      </c>
      <c r="B8211" t="s">
        <v>0</v>
      </c>
      <c r="C8211" t="s">
        <v>7579</v>
      </c>
      <c r="D8211" t="s">
        <v>7616</v>
      </c>
    </row>
    <row r="8212" spans="1:4" x14ac:dyDescent="0.4">
      <c r="A8212">
        <v>2720823</v>
      </c>
      <c r="B8212" t="s">
        <v>0</v>
      </c>
      <c r="C8212" t="s">
        <v>7579</v>
      </c>
      <c r="D8212" t="s">
        <v>7617</v>
      </c>
    </row>
    <row r="8213" spans="1:4" x14ac:dyDescent="0.4">
      <c r="A8213">
        <v>2720003</v>
      </c>
      <c r="B8213" t="s">
        <v>0</v>
      </c>
      <c r="C8213" t="s">
        <v>7579</v>
      </c>
      <c r="D8213" t="s">
        <v>7618</v>
      </c>
    </row>
    <row r="8214" spans="1:4" x14ac:dyDescent="0.4">
      <c r="A8214">
        <v>2720135</v>
      </c>
      <c r="B8214" t="s">
        <v>0</v>
      </c>
      <c r="C8214" t="s">
        <v>7579</v>
      </c>
      <c r="D8214" t="s">
        <v>7619</v>
      </c>
    </row>
    <row r="8215" spans="1:4" x14ac:dyDescent="0.4">
      <c r="A8215">
        <v>2720031</v>
      </c>
      <c r="B8215" t="s">
        <v>0</v>
      </c>
      <c r="C8215" t="s">
        <v>7579</v>
      </c>
      <c r="D8215" t="s">
        <v>567</v>
      </c>
    </row>
    <row r="8216" spans="1:4" x14ac:dyDescent="0.4">
      <c r="A8216">
        <v>2720146</v>
      </c>
      <c r="B8216" t="s">
        <v>0</v>
      </c>
      <c r="C8216" t="s">
        <v>7579</v>
      </c>
      <c r="D8216" t="s">
        <v>7620</v>
      </c>
    </row>
    <row r="8217" spans="1:4" x14ac:dyDescent="0.4">
      <c r="A8217">
        <v>2720137</v>
      </c>
      <c r="B8217" t="s">
        <v>0</v>
      </c>
      <c r="C8217" t="s">
        <v>7579</v>
      </c>
      <c r="D8217" t="s">
        <v>7621</v>
      </c>
    </row>
    <row r="8218" spans="1:4" x14ac:dyDescent="0.4">
      <c r="A8218">
        <v>2720001</v>
      </c>
      <c r="B8218" t="s">
        <v>0</v>
      </c>
      <c r="C8218" t="s">
        <v>7579</v>
      </c>
      <c r="D8218" t="s">
        <v>7622</v>
      </c>
    </row>
    <row r="8219" spans="1:4" x14ac:dyDescent="0.4">
      <c r="A8219">
        <v>2720002</v>
      </c>
      <c r="B8219" t="s">
        <v>0</v>
      </c>
      <c r="C8219" t="s">
        <v>7579</v>
      </c>
      <c r="D8219" t="s">
        <v>7623</v>
      </c>
    </row>
    <row r="8220" spans="1:4" x14ac:dyDescent="0.4">
      <c r="A8220">
        <v>2720803</v>
      </c>
      <c r="B8220" t="s">
        <v>0</v>
      </c>
      <c r="C8220" t="s">
        <v>7579</v>
      </c>
      <c r="D8220" t="s">
        <v>7624</v>
      </c>
    </row>
    <row r="8221" spans="1:4" x14ac:dyDescent="0.4">
      <c r="A8221">
        <v>2720811</v>
      </c>
      <c r="B8221" t="s">
        <v>0</v>
      </c>
      <c r="C8221" t="s">
        <v>7579</v>
      </c>
      <c r="D8221" t="s">
        <v>7625</v>
      </c>
    </row>
    <row r="8222" spans="1:4" x14ac:dyDescent="0.4">
      <c r="A8222">
        <v>2720837</v>
      </c>
      <c r="B8222" t="s">
        <v>0</v>
      </c>
      <c r="C8222" t="s">
        <v>7579</v>
      </c>
      <c r="D8222" t="s">
        <v>467</v>
      </c>
    </row>
    <row r="8223" spans="1:4" x14ac:dyDescent="0.4">
      <c r="A8223">
        <v>2720103</v>
      </c>
      <c r="B8223" t="s">
        <v>0</v>
      </c>
      <c r="C8223" t="s">
        <v>7579</v>
      </c>
      <c r="D8223" t="s">
        <v>7626</v>
      </c>
    </row>
    <row r="8224" spans="1:4" x14ac:dyDescent="0.4">
      <c r="A8224">
        <v>2720104</v>
      </c>
      <c r="B8224" t="s">
        <v>0</v>
      </c>
      <c r="C8224" t="s">
        <v>7579</v>
      </c>
      <c r="D8224" t="s">
        <v>7627</v>
      </c>
    </row>
    <row r="8225" spans="1:4" x14ac:dyDescent="0.4">
      <c r="A8225">
        <v>2720826</v>
      </c>
      <c r="B8225" t="s">
        <v>0</v>
      </c>
      <c r="C8225" t="s">
        <v>7579</v>
      </c>
      <c r="D8225" t="s">
        <v>7628</v>
      </c>
    </row>
    <row r="8226" spans="1:4" x14ac:dyDescent="0.4">
      <c r="A8226">
        <v>2720131</v>
      </c>
      <c r="B8226" t="s">
        <v>0</v>
      </c>
      <c r="C8226" t="s">
        <v>7579</v>
      </c>
      <c r="D8226" t="s">
        <v>2125</v>
      </c>
    </row>
    <row r="8227" spans="1:4" x14ac:dyDescent="0.4">
      <c r="A8227">
        <v>2720132</v>
      </c>
      <c r="B8227" t="s">
        <v>0</v>
      </c>
      <c r="C8227" t="s">
        <v>7579</v>
      </c>
      <c r="D8227" t="s">
        <v>7629</v>
      </c>
    </row>
    <row r="8228" spans="1:4" x14ac:dyDescent="0.4">
      <c r="A8228">
        <v>2720804</v>
      </c>
      <c r="B8228" t="s">
        <v>0</v>
      </c>
      <c r="C8228" t="s">
        <v>7579</v>
      </c>
      <c r="D8228" t="s">
        <v>7630</v>
      </c>
    </row>
    <row r="8229" spans="1:4" x14ac:dyDescent="0.4">
      <c r="A8229">
        <v>2720138</v>
      </c>
      <c r="B8229" t="s">
        <v>0</v>
      </c>
      <c r="C8229" t="s">
        <v>7579</v>
      </c>
      <c r="D8229" t="s">
        <v>7631</v>
      </c>
    </row>
    <row r="8230" spans="1:4" x14ac:dyDescent="0.4">
      <c r="A8230">
        <v>2720023</v>
      </c>
      <c r="B8230" t="s">
        <v>0</v>
      </c>
      <c r="C8230" t="s">
        <v>7579</v>
      </c>
      <c r="D8230" t="s">
        <v>7632</v>
      </c>
    </row>
    <row r="8231" spans="1:4" x14ac:dyDescent="0.4">
      <c r="A8231">
        <v>2720822</v>
      </c>
      <c r="B8231" t="s">
        <v>0</v>
      </c>
      <c r="C8231" t="s">
        <v>7579</v>
      </c>
      <c r="D8231" t="s">
        <v>7633</v>
      </c>
    </row>
    <row r="8232" spans="1:4" x14ac:dyDescent="0.4">
      <c r="A8232">
        <v>2720111</v>
      </c>
      <c r="B8232" t="s">
        <v>0</v>
      </c>
      <c r="C8232" t="s">
        <v>7579</v>
      </c>
      <c r="D8232" t="s">
        <v>7634</v>
      </c>
    </row>
    <row r="8233" spans="1:4" x14ac:dyDescent="0.4">
      <c r="A8233">
        <v>2720816</v>
      </c>
      <c r="B8233" t="s">
        <v>0</v>
      </c>
      <c r="C8233" t="s">
        <v>7579</v>
      </c>
      <c r="D8233" t="s">
        <v>7635</v>
      </c>
    </row>
    <row r="8234" spans="1:4" x14ac:dyDescent="0.4">
      <c r="A8234">
        <v>2720021</v>
      </c>
      <c r="B8234" t="s">
        <v>0</v>
      </c>
      <c r="C8234" t="s">
        <v>7579</v>
      </c>
      <c r="D8234" t="s">
        <v>2067</v>
      </c>
    </row>
    <row r="8235" spans="1:4" x14ac:dyDescent="0.4">
      <c r="A8235">
        <v>2720812</v>
      </c>
      <c r="B8235" t="s">
        <v>0</v>
      </c>
      <c r="C8235" t="s">
        <v>7579</v>
      </c>
      <c r="D8235" t="s">
        <v>3990</v>
      </c>
    </row>
    <row r="8236" spans="1:4" x14ac:dyDescent="0.4">
      <c r="A8236">
        <v>2730000</v>
      </c>
      <c r="B8236" t="s">
        <v>0</v>
      </c>
      <c r="C8236" t="s">
        <v>7636</v>
      </c>
    </row>
    <row r="8237" spans="1:4" x14ac:dyDescent="0.4">
      <c r="A8237">
        <v>2730041</v>
      </c>
      <c r="B8237" t="s">
        <v>0</v>
      </c>
      <c r="C8237" t="s">
        <v>7636</v>
      </c>
      <c r="D8237" t="s">
        <v>222</v>
      </c>
    </row>
    <row r="8238" spans="1:4" x14ac:dyDescent="0.4">
      <c r="A8238">
        <v>2730863</v>
      </c>
      <c r="B8238" t="s">
        <v>0</v>
      </c>
      <c r="C8238" t="s">
        <v>7636</v>
      </c>
      <c r="D8238" t="s">
        <v>1526</v>
      </c>
    </row>
    <row r="8239" spans="1:4" x14ac:dyDescent="0.4">
      <c r="A8239">
        <v>2730001</v>
      </c>
      <c r="B8239" t="s">
        <v>0</v>
      </c>
      <c r="C8239" t="s">
        <v>7636</v>
      </c>
      <c r="D8239" t="s">
        <v>601</v>
      </c>
    </row>
    <row r="8240" spans="1:4" x14ac:dyDescent="0.4">
      <c r="A8240">
        <v>2970051</v>
      </c>
      <c r="B8240" t="s">
        <v>0</v>
      </c>
      <c r="C8240" t="s">
        <v>3657</v>
      </c>
      <c r="D8240" t="s">
        <v>6373</v>
      </c>
    </row>
    <row r="8241" spans="1:4" x14ac:dyDescent="0.4">
      <c r="A8241">
        <v>2860000</v>
      </c>
      <c r="B8241" t="s">
        <v>0</v>
      </c>
      <c r="C8241" t="s">
        <v>7637</v>
      </c>
    </row>
    <row r="8242" spans="1:4" x14ac:dyDescent="0.4">
      <c r="A8242">
        <v>2890112</v>
      </c>
      <c r="B8242" t="s">
        <v>0</v>
      </c>
      <c r="C8242" t="s">
        <v>7637</v>
      </c>
      <c r="D8242" t="s">
        <v>708</v>
      </c>
    </row>
    <row r="8243" spans="1:4" x14ac:dyDescent="0.4">
      <c r="A8243">
        <v>2860832</v>
      </c>
      <c r="B8243" t="s">
        <v>0</v>
      </c>
      <c r="C8243" t="s">
        <v>7637</v>
      </c>
      <c r="D8243" t="s">
        <v>7638</v>
      </c>
    </row>
    <row r="8244" spans="1:4" x14ac:dyDescent="0.4">
      <c r="A8244">
        <v>2860017</v>
      </c>
      <c r="B8244" t="s">
        <v>0</v>
      </c>
      <c r="C8244" t="s">
        <v>7637</v>
      </c>
      <c r="D8244" t="s">
        <v>5460</v>
      </c>
    </row>
    <row r="8245" spans="1:4" x14ac:dyDescent="0.4">
      <c r="A8245">
        <v>2860831</v>
      </c>
      <c r="B8245" t="s">
        <v>0</v>
      </c>
      <c r="C8245" t="s">
        <v>7637</v>
      </c>
      <c r="D8245" t="s">
        <v>7639</v>
      </c>
    </row>
    <row r="8246" spans="1:4" x14ac:dyDescent="0.4">
      <c r="A8246">
        <v>2860025</v>
      </c>
      <c r="B8246" t="s">
        <v>0</v>
      </c>
      <c r="C8246" t="s">
        <v>7637</v>
      </c>
      <c r="D8246" t="s">
        <v>1526</v>
      </c>
    </row>
    <row r="8247" spans="1:4" x14ac:dyDescent="0.4">
      <c r="A8247">
        <v>2860018</v>
      </c>
      <c r="B8247" t="s">
        <v>0</v>
      </c>
      <c r="C8247" t="s">
        <v>7637</v>
      </c>
      <c r="D8247" t="s">
        <v>7640</v>
      </c>
    </row>
    <row r="8248" spans="1:4" x14ac:dyDescent="0.4">
      <c r="A8248">
        <v>2860818</v>
      </c>
      <c r="B8248" t="s">
        <v>0</v>
      </c>
      <c r="C8248" t="s">
        <v>7637</v>
      </c>
      <c r="D8248" t="s">
        <v>7641</v>
      </c>
    </row>
    <row r="8249" spans="1:4" x14ac:dyDescent="0.4">
      <c r="A8249">
        <v>2860803</v>
      </c>
      <c r="B8249" t="s">
        <v>0</v>
      </c>
      <c r="C8249" t="s">
        <v>7637</v>
      </c>
      <c r="D8249" t="s">
        <v>7642</v>
      </c>
    </row>
    <row r="8250" spans="1:4" x14ac:dyDescent="0.4">
      <c r="A8250">
        <v>2860041</v>
      </c>
      <c r="B8250" t="s">
        <v>0</v>
      </c>
      <c r="C8250" t="s">
        <v>7637</v>
      </c>
      <c r="D8250" t="s">
        <v>7643</v>
      </c>
    </row>
    <row r="8251" spans="1:4" x14ac:dyDescent="0.4">
      <c r="A8251">
        <v>2860046</v>
      </c>
      <c r="B8251" t="s">
        <v>0</v>
      </c>
      <c r="C8251" t="s">
        <v>7637</v>
      </c>
      <c r="D8251" t="s">
        <v>7644</v>
      </c>
    </row>
    <row r="8252" spans="1:4" x14ac:dyDescent="0.4">
      <c r="A8252">
        <v>2860035</v>
      </c>
      <c r="B8252" t="s">
        <v>0</v>
      </c>
      <c r="C8252" t="s">
        <v>7637</v>
      </c>
      <c r="D8252" t="s">
        <v>7645</v>
      </c>
    </row>
    <row r="8253" spans="1:4" x14ac:dyDescent="0.4">
      <c r="A8253">
        <v>2860811</v>
      </c>
      <c r="B8253" t="s">
        <v>0</v>
      </c>
      <c r="C8253" t="s">
        <v>7637</v>
      </c>
      <c r="D8253" t="s">
        <v>7646</v>
      </c>
    </row>
    <row r="8254" spans="1:4" x14ac:dyDescent="0.4">
      <c r="A8254">
        <v>2870204</v>
      </c>
      <c r="B8254" t="s">
        <v>0</v>
      </c>
      <c r="C8254" t="s">
        <v>7637</v>
      </c>
      <c r="D8254" t="s">
        <v>7647</v>
      </c>
    </row>
    <row r="8255" spans="1:4" x14ac:dyDescent="0.4">
      <c r="A8255">
        <v>2860813</v>
      </c>
      <c r="B8255" t="s">
        <v>0</v>
      </c>
      <c r="C8255" t="s">
        <v>7637</v>
      </c>
      <c r="D8255" t="s">
        <v>3736</v>
      </c>
    </row>
    <row r="8256" spans="1:4" x14ac:dyDescent="0.4">
      <c r="A8256">
        <v>2860029</v>
      </c>
      <c r="B8256" t="s">
        <v>0</v>
      </c>
      <c r="C8256" t="s">
        <v>7637</v>
      </c>
      <c r="D8256" t="s">
        <v>7648</v>
      </c>
    </row>
    <row r="8257" spans="1:4" x14ac:dyDescent="0.4">
      <c r="A8257">
        <v>2870235</v>
      </c>
      <c r="B8257" t="s">
        <v>0</v>
      </c>
      <c r="C8257" t="s">
        <v>7637</v>
      </c>
      <c r="D8257" t="s">
        <v>7649</v>
      </c>
    </row>
    <row r="8258" spans="1:4" x14ac:dyDescent="0.4">
      <c r="A8258">
        <v>2860047</v>
      </c>
      <c r="B8258" t="s">
        <v>0</v>
      </c>
      <c r="C8258" t="s">
        <v>7637</v>
      </c>
      <c r="D8258" t="s">
        <v>7650</v>
      </c>
    </row>
    <row r="8259" spans="1:4" x14ac:dyDescent="0.4">
      <c r="A8259">
        <v>2860817</v>
      </c>
      <c r="B8259" t="s">
        <v>0</v>
      </c>
      <c r="C8259" t="s">
        <v>7637</v>
      </c>
      <c r="D8259" t="s">
        <v>7651</v>
      </c>
    </row>
    <row r="8260" spans="1:4" x14ac:dyDescent="0.4">
      <c r="A8260">
        <v>2860122</v>
      </c>
      <c r="B8260" t="s">
        <v>0</v>
      </c>
      <c r="C8260" t="s">
        <v>7637</v>
      </c>
      <c r="D8260" t="s">
        <v>4783</v>
      </c>
    </row>
    <row r="8261" spans="1:4" x14ac:dyDescent="0.4">
      <c r="A8261">
        <v>2890121</v>
      </c>
      <c r="B8261" t="s">
        <v>0</v>
      </c>
      <c r="C8261" t="s">
        <v>7637</v>
      </c>
      <c r="D8261" t="s">
        <v>7652</v>
      </c>
    </row>
    <row r="8262" spans="1:4" x14ac:dyDescent="0.4">
      <c r="A8262">
        <v>2860841</v>
      </c>
      <c r="B8262" t="s">
        <v>0</v>
      </c>
      <c r="C8262" t="s">
        <v>7637</v>
      </c>
      <c r="D8262" t="s">
        <v>2183</v>
      </c>
    </row>
    <row r="8263" spans="1:4" x14ac:dyDescent="0.4">
      <c r="A8263">
        <v>2870213</v>
      </c>
      <c r="B8263" t="s">
        <v>0</v>
      </c>
      <c r="C8263" t="s">
        <v>7637</v>
      </c>
      <c r="D8263" t="s">
        <v>416</v>
      </c>
    </row>
    <row r="8264" spans="1:4" x14ac:dyDescent="0.4">
      <c r="A8264">
        <v>2860043</v>
      </c>
      <c r="B8264" t="s">
        <v>0</v>
      </c>
      <c r="C8264" t="s">
        <v>7637</v>
      </c>
      <c r="D8264" t="s">
        <v>7653</v>
      </c>
    </row>
    <row r="8265" spans="1:4" x14ac:dyDescent="0.4">
      <c r="A8265">
        <v>2860821</v>
      </c>
      <c r="B8265" t="s">
        <v>0</v>
      </c>
      <c r="C8265" t="s">
        <v>7637</v>
      </c>
      <c r="D8265" t="s">
        <v>3825</v>
      </c>
    </row>
    <row r="8266" spans="1:4" x14ac:dyDescent="0.4">
      <c r="A8266">
        <v>2860131</v>
      </c>
      <c r="B8266" t="s">
        <v>0</v>
      </c>
      <c r="C8266" t="s">
        <v>7637</v>
      </c>
      <c r="D8266" t="s">
        <v>7654</v>
      </c>
    </row>
    <row r="8267" spans="1:4" x14ac:dyDescent="0.4">
      <c r="A8267">
        <v>2890109</v>
      </c>
      <c r="B8267" t="s">
        <v>0</v>
      </c>
      <c r="C8267" t="s">
        <v>7637</v>
      </c>
      <c r="D8267" t="s">
        <v>621</v>
      </c>
    </row>
    <row r="8268" spans="1:4" x14ac:dyDescent="0.4">
      <c r="A8268">
        <v>2860845</v>
      </c>
      <c r="B8268" t="s">
        <v>0</v>
      </c>
      <c r="C8268" t="s">
        <v>7637</v>
      </c>
      <c r="D8268" t="s">
        <v>7655</v>
      </c>
    </row>
    <row r="8269" spans="1:4" x14ac:dyDescent="0.4">
      <c r="A8269">
        <v>2890106</v>
      </c>
      <c r="B8269" t="s">
        <v>0</v>
      </c>
      <c r="C8269" t="s">
        <v>7637</v>
      </c>
      <c r="D8269" t="s">
        <v>420</v>
      </c>
    </row>
    <row r="8270" spans="1:4" x14ac:dyDescent="0.4">
      <c r="A8270">
        <v>2860032</v>
      </c>
      <c r="B8270" t="s">
        <v>0</v>
      </c>
      <c r="C8270" t="s">
        <v>7637</v>
      </c>
      <c r="D8270" t="s">
        <v>2287</v>
      </c>
    </row>
    <row r="8271" spans="1:4" x14ac:dyDescent="0.4">
      <c r="A8271">
        <v>2860842</v>
      </c>
      <c r="B8271" t="s">
        <v>0</v>
      </c>
      <c r="C8271" t="s">
        <v>7637</v>
      </c>
      <c r="D8271" t="s">
        <v>7656</v>
      </c>
    </row>
    <row r="8272" spans="1:4" x14ac:dyDescent="0.4">
      <c r="A8272">
        <v>2860036</v>
      </c>
      <c r="B8272" t="s">
        <v>0</v>
      </c>
      <c r="C8272" t="s">
        <v>7637</v>
      </c>
      <c r="D8272" t="s">
        <v>7657</v>
      </c>
    </row>
    <row r="8273" spans="1:4" x14ac:dyDescent="0.4">
      <c r="A8273">
        <v>2870244</v>
      </c>
      <c r="B8273" t="s">
        <v>0</v>
      </c>
      <c r="C8273" t="s">
        <v>7637</v>
      </c>
      <c r="D8273" t="s">
        <v>6559</v>
      </c>
    </row>
    <row r="8274" spans="1:4" x14ac:dyDescent="0.4">
      <c r="A8274">
        <v>2860125</v>
      </c>
      <c r="B8274" t="s">
        <v>0</v>
      </c>
      <c r="C8274" t="s">
        <v>7637</v>
      </c>
      <c r="D8274" t="s">
        <v>7658</v>
      </c>
    </row>
    <row r="8275" spans="1:4" x14ac:dyDescent="0.4">
      <c r="A8275">
        <v>2870221</v>
      </c>
      <c r="B8275" t="s">
        <v>0</v>
      </c>
      <c r="C8275" t="s">
        <v>7637</v>
      </c>
      <c r="D8275" t="s">
        <v>7659</v>
      </c>
    </row>
    <row r="8276" spans="1:4" x14ac:dyDescent="0.4">
      <c r="A8276">
        <v>2860006</v>
      </c>
      <c r="B8276" t="s">
        <v>0</v>
      </c>
      <c r="C8276" t="s">
        <v>7637</v>
      </c>
      <c r="D8276" t="s">
        <v>7660</v>
      </c>
    </row>
    <row r="8277" spans="1:4" x14ac:dyDescent="0.4">
      <c r="A8277">
        <v>2860807</v>
      </c>
      <c r="B8277" t="s">
        <v>0</v>
      </c>
      <c r="C8277" t="s">
        <v>7637</v>
      </c>
      <c r="D8277" t="s">
        <v>7661</v>
      </c>
    </row>
    <row r="8278" spans="1:4" x14ac:dyDescent="0.4">
      <c r="A8278">
        <v>2820010</v>
      </c>
      <c r="B8278" t="s">
        <v>0</v>
      </c>
      <c r="C8278" t="s">
        <v>7637</v>
      </c>
      <c r="D8278" t="s">
        <v>7662</v>
      </c>
    </row>
    <row r="8279" spans="1:4" x14ac:dyDescent="0.4">
      <c r="A8279">
        <v>2870225</v>
      </c>
      <c r="B8279" t="s">
        <v>0</v>
      </c>
      <c r="C8279" t="s">
        <v>7637</v>
      </c>
      <c r="D8279" t="s">
        <v>7663</v>
      </c>
    </row>
    <row r="8280" spans="1:4" x14ac:dyDescent="0.4">
      <c r="A8280">
        <v>2820005</v>
      </c>
      <c r="B8280" t="s">
        <v>0</v>
      </c>
      <c r="C8280" t="s">
        <v>7637</v>
      </c>
      <c r="D8280" t="s">
        <v>7664</v>
      </c>
    </row>
    <row r="8281" spans="1:4" x14ac:dyDescent="0.4">
      <c r="A8281">
        <v>2860105</v>
      </c>
      <c r="B8281" t="s">
        <v>0</v>
      </c>
      <c r="C8281" t="s">
        <v>7637</v>
      </c>
      <c r="D8281" t="s">
        <v>7665</v>
      </c>
    </row>
    <row r="8282" spans="1:4" x14ac:dyDescent="0.4">
      <c r="A8282">
        <v>2870232</v>
      </c>
      <c r="B8282" t="s">
        <v>0</v>
      </c>
      <c r="C8282" t="s">
        <v>7637</v>
      </c>
      <c r="D8282" t="s">
        <v>7666</v>
      </c>
    </row>
    <row r="8283" spans="1:4" x14ac:dyDescent="0.4">
      <c r="A8283">
        <v>2860136</v>
      </c>
      <c r="B8283" t="s">
        <v>0</v>
      </c>
      <c r="C8283" t="s">
        <v>7637</v>
      </c>
      <c r="D8283" t="s">
        <v>4298</v>
      </c>
    </row>
    <row r="8284" spans="1:4" x14ac:dyDescent="0.4">
      <c r="A8284">
        <v>2860126</v>
      </c>
      <c r="B8284" t="s">
        <v>0</v>
      </c>
      <c r="C8284" t="s">
        <v>7637</v>
      </c>
      <c r="D8284" t="s">
        <v>7667</v>
      </c>
    </row>
    <row r="8285" spans="1:4" x14ac:dyDescent="0.4">
      <c r="A8285">
        <v>2890113</v>
      </c>
      <c r="B8285" t="s">
        <v>0</v>
      </c>
      <c r="C8285" t="s">
        <v>7637</v>
      </c>
      <c r="D8285" t="s">
        <v>7668</v>
      </c>
    </row>
    <row r="8286" spans="1:4" x14ac:dyDescent="0.4">
      <c r="A8286">
        <v>2860823</v>
      </c>
      <c r="B8286" t="s">
        <v>0</v>
      </c>
      <c r="C8286" t="s">
        <v>7637</v>
      </c>
      <c r="D8286" t="s">
        <v>6792</v>
      </c>
    </row>
    <row r="8287" spans="1:4" x14ac:dyDescent="0.4">
      <c r="A8287">
        <v>2860048</v>
      </c>
      <c r="B8287" t="s">
        <v>0</v>
      </c>
      <c r="C8287" t="s">
        <v>7637</v>
      </c>
      <c r="D8287" t="s">
        <v>7669</v>
      </c>
    </row>
    <row r="8288" spans="1:4" x14ac:dyDescent="0.4">
      <c r="A8288">
        <v>2860014</v>
      </c>
      <c r="B8288" t="s">
        <v>0</v>
      </c>
      <c r="C8288" t="s">
        <v>7637</v>
      </c>
      <c r="D8288" t="s">
        <v>7670</v>
      </c>
    </row>
    <row r="8289" spans="1:4" x14ac:dyDescent="0.4">
      <c r="A8289">
        <v>2860137</v>
      </c>
      <c r="B8289" t="s">
        <v>0</v>
      </c>
      <c r="C8289" t="s">
        <v>7637</v>
      </c>
      <c r="D8289" t="s">
        <v>7671</v>
      </c>
    </row>
    <row r="8290" spans="1:4" x14ac:dyDescent="0.4">
      <c r="A8290">
        <v>2820027</v>
      </c>
      <c r="B8290" t="s">
        <v>0</v>
      </c>
      <c r="C8290" t="s">
        <v>7637</v>
      </c>
      <c r="D8290" t="s">
        <v>7672</v>
      </c>
    </row>
    <row r="8291" spans="1:4" x14ac:dyDescent="0.4">
      <c r="A8291">
        <v>2860127</v>
      </c>
      <c r="B8291" t="s">
        <v>0</v>
      </c>
      <c r="C8291" t="s">
        <v>7637</v>
      </c>
      <c r="D8291" t="s">
        <v>7673</v>
      </c>
    </row>
    <row r="8292" spans="1:4" x14ac:dyDescent="0.4">
      <c r="A8292">
        <v>2890101</v>
      </c>
      <c r="B8292" t="s">
        <v>0</v>
      </c>
      <c r="C8292" t="s">
        <v>7637</v>
      </c>
      <c r="D8292" t="s">
        <v>7674</v>
      </c>
    </row>
    <row r="8293" spans="1:4" x14ac:dyDescent="0.4">
      <c r="A8293">
        <v>2820021</v>
      </c>
      <c r="B8293" t="s">
        <v>0</v>
      </c>
      <c r="C8293" t="s">
        <v>7637</v>
      </c>
      <c r="D8293" t="s">
        <v>7675</v>
      </c>
    </row>
    <row r="8294" spans="1:4" x14ac:dyDescent="0.4">
      <c r="A8294">
        <v>2860121</v>
      </c>
      <c r="B8294" t="s">
        <v>0</v>
      </c>
      <c r="C8294" t="s">
        <v>7637</v>
      </c>
      <c r="D8294" t="s">
        <v>7676</v>
      </c>
    </row>
    <row r="8295" spans="1:4" x14ac:dyDescent="0.4">
      <c r="A8295">
        <v>2860028</v>
      </c>
      <c r="B8295" t="s">
        <v>0</v>
      </c>
      <c r="C8295" t="s">
        <v>7637</v>
      </c>
      <c r="D8295" t="s">
        <v>72</v>
      </c>
    </row>
    <row r="8296" spans="1:4" x14ac:dyDescent="0.4">
      <c r="A8296">
        <v>2870217</v>
      </c>
      <c r="B8296" t="s">
        <v>0</v>
      </c>
      <c r="C8296" t="s">
        <v>7637</v>
      </c>
      <c r="D8296" t="s">
        <v>1813</v>
      </c>
    </row>
    <row r="8297" spans="1:4" x14ac:dyDescent="0.4">
      <c r="A8297">
        <v>2860808</v>
      </c>
      <c r="B8297" t="s">
        <v>0</v>
      </c>
      <c r="C8297" t="s">
        <v>7637</v>
      </c>
      <c r="D8297" t="s">
        <v>167</v>
      </c>
    </row>
    <row r="8298" spans="1:4" x14ac:dyDescent="0.4">
      <c r="A8298">
        <v>2890107</v>
      </c>
      <c r="B8298" t="s">
        <v>0</v>
      </c>
      <c r="C8298" t="s">
        <v>7637</v>
      </c>
      <c r="D8298" t="s">
        <v>7677</v>
      </c>
    </row>
    <row r="8299" spans="1:4" x14ac:dyDescent="0.4">
      <c r="A8299">
        <v>2860116</v>
      </c>
      <c r="B8299" t="s">
        <v>0</v>
      </c>
      <c r="C8299" t="s">
        <v>7637</v>
      </c>
      <c r="D8299" t="s">
        <v>7678</v>
      </c>
    </row>
    <row r="8300" spans="1:4" x14ac:dyDescent="0.4">
      <c r="A8300">
        <v>2860117</v>
      </c>
      <c r="B8300" t="s">
        <v>0</v>
      </c>
      <c r="C8300" t="s">
        <v>7637</v>
      </c>
      <c r="D8300" t="s">
        <v>7679</v>
      </c>
    </row>
    <row r="8301" spans="1:4" x14ac:dyDescent="0.4">
      <c r="A8301">
        <v>2890115</v>
      </c>
      <c r="B8301" t="s">
        <v>0</v>
      </c>
      <c r="C8301" t="s">
        <v>7637</v>
      </c>
      <c r="D8301" t="s">
        <v>7680</v>
      </c>
    </row>
    <row r="8302" spans="1:4" x14ac:dyDescent="0.4">
      <c r="A8302">
        <v>2820011</v>
      </c>
      <c r="B8302" t="s">
        <v>0</v>
      </c>
      <c r="C8302" t="s">
        <v>7637</v>
      </c>
      <c r="D8302" t="s">
        <v>7681</v>
      </c>
    </row>
    <row r="8303" spans="1:4" x14ac:dyDescent="0.4">
      <c r="A8303">
        <v>2860111</v>
      </c>
      <c r="B8303" t="s">
        <v>0</v>
      </c>
      <c r="C8303" t="s">
        <v>7637</v>
      </c>
      <c r="D8303" t="s">
        <v>7682</v>
      </c>
    </row>
    <row r="8304" spans="1:4" x14ac:dyDescent="0.4">
      <c r="A8304">
        <v>2860005</v>
      </c>
      <c r="B8304" t="s">
        <v>0</v>
      </c>
      <c r="C8304" t="s">
        <v>7637</v>
      </c>
      <c r="D8304" t="s">
        <v>7683</v>
      </c>
    </row>
    <row r="8305" spans="1:4" x14ac:dyDescent="0.4">
      <c r="A8305">
        <v>2860822</v>
      </c>
      <c r="B8305" t="s">
        <v>0</v>
      </c>
      <c r="C8305" t="s">
        <v>7637</v>
      </c>
      <c r="D8305" t="s">
        <v>7684</v>
      </c>
    </row>
    <row r="8306" spans="1:4" x14ac:dyDescent="0.4">
      <c r="A8306">
        <v>2870201</v>
      </c>
      <c r="B8306" t="s">
        <v>0</v>
      </c>
      <c r="C8306" t="s">
        <v>7637</v>
      </c>
      <c r="D8306" t="s">
        <v>7685</v>
      </c>
    </row>
    <row r="8307" spans="1:4" x14ac:dyDescent="0.4">
      <c r="A8307">
        <v>2860836</v>
      </c>
      <c r="B8307" t="s">
        <v>0</v>
      </c>
      <c r="C8307" t="s">
        <v>7637</v>
      </c>
      <c r="D8307" t="s">
        <v>7686</v>
      </c>
    </row>
    <row r="8308" spans="1:4" x14ac:dyDescent="0.4">
      <c r="A8308">
        <v>2860843</v>
      </c>
      <c r="B8308" t="s">
        <v>0</v>
      </c>
      <c r="C8308" t="s">
        <v>7637</v>
      </c>
      <c r="D8308" t="s">
        <v>7687</v>
      </c>
    </row>
    <row r="8309" spans="1:4" x14ac:dyDescent="0.4">
      <c r="A8309">
        <v>2860825</v>
      </c>
      <c r="B8309" t="s">
        <v>0</v>
      </c>
      <c r="C8309" t="s">
        <v>7637</v>
      </c>
      <c r="D8309" t="s">
        <v>6809</v>
      </c>
    </row>
    <row r="8310" spans="1:4" x14ac:dyDescent="0.4">
      <c r="A8310">
        <v>2860123</v>
      </c>
      <c r="B8310" t="s">
        <v>0</v>
      </c>
      <c r="C8310" t="s">
        <v>7637</v>
      </c>
      <c r="D8310" t="s">
        <v>7688</v>
      </c>
    </row>
    <row r="8311" spans="1:4" x14ac:dyDescent="0.4">
      <c r="A8311">
        <v>2870224</v>
      </c>
      <c r="B8311" t="s">
        <v>0</v>
      </c>
      <c r="C8311" t="s">
        <v>7637</v>
      </c>
      <c r="D8311" t="s">
        <v>178</v>
      </c>
    </row>
    <row r="8312" spans="1:4" x14ac:dyDescent="0.4">
      <c r="A8312">
        <v>2860031</v>
      </c>
      <c r="B8312" t="s">
        <v>0</v>
      </c>
      <c r="C8312" t="s">
        <v>7637</v>
      </c>
      <c r="D8312" t="s">
        <v>367</v>
      </c>
    </row>
    <row r="8313" spans="1:4" x14ac:dyDescent="0.4">
      <c r="A8313">
        <v>2860835</v>
      </c>
      <c r="B8313" t="s">
        <v>0</v>
      </c>
      <c r="C8313" t="s">
        <v>7637</v>
      </c>
      <c r="D8313" t="s">
        <v>3766</v>
      </c>
    </row>
    <row r="8314" spans="1:4" x14ac:dyDescent="0.4">
      <c r="A8314">
        <v>2860004</v>
      </c>
      <c r="B8314" t="s">
        <v>0</v>
      </c>
      <c r="C8314" t="s">
        <v>7637</v>
      </c>
      <c r="D8314" t="s">
        <v>7689</v>
      </c>
    </row>
    <row r="8315" spans="1:4" x14ac:dyDescent="0.4">
      <c r="A8315">
        <v>2870243</v>
      </c>
      <c r="B8315" t="s">
        <v>0</v>
      </c>
      <c r="C8315" t="s">
        <v>7637</v>
      </c>
      <c r="D8315" t="s">
        <v>7690</v>
      </c>
    </row>
    <row r="8316" spans="1:4" x14ac:dyDescent="0.4">
      <c r="A8316">
        <v>2860003</v>
      </c>
      <c r="B8316" t="s">
        <v>0</v>
      </c>
      <c r="C8316" t="s">
        <v>7637</v>
      </c>
      <c r="D8316" t="s">
        <v>439</v>
      </c>
    </row>
    <row r="8317" spans="1:4" x14ac:dyDescent="0.4">
      <c r="A8317">
        <v>2890103</v>
      </c>
      <c r="B8317" t="s">
        <v>0</v>
      </c>
      <c r="C8317" t="s">
        <v>7637</v>
      </c>
      <c r="D8317" t="s">
        <v>6657</v>
      </c>
    </row>
    <row r="8318" spans="1:4" x14ac:dyDescent="0.4">
      <c r="A8318">
        <v>2890108</v>
      </c>
      <c r="B8318" t="s">
        <v>0</v>
      </c>
      <c r="C8318" t="s">
        <v>7637</v>
      </c>
      <c r="D8318" t="s">
        <v>370</v>
      </c>
    </row>
    <row r="8319" spans="1:4" x14ac:dyDescent="0.4">
      <c r="A8319">
        <v>2890122</v>
      </c>
      <c r="B8319" t="s">
        <v>0</v>
      </c>
      <c r="C8319" t="s">
        <v>7637</v>
      </c>
      <c r="D8319" t="s">
        <v>440</v>
      </c>
    </row>
    <row r="8320" spans="1:4" x14ac:dyDescent="0.4">
      <c r="A8320">
        <v>2860844</v>
      </c>
      <c r="B8320" t="s">
        <v>0</v>
      </c>
      <c r="C8320" t="s">
        <v>7637</v>
      </c>
      <c r="D8320" t="s">
        <v>7691</v>
      </c>
    </row>
    <row r="8321" spans="1:4" x14ac:dyDescent="0.4">
      <c r="A8321">
        <v>2860801</v>
      </c>
      <c r="B8321" t="s">
        <v>0</v>
      </c>
      <c r="C8321" t="s">
        <v>7637</v>
      </c>
      <c r="D8321" t="s">
        <v>7692</v>
      </c>
    </row>
    <row r="8322" spans="1:4" x14ac:dyDescent="0.4">
      <c r="A8322">
        <v>2860024</v>
      </c>
      <c r="B8322" t="s">
        <v>0</v>
      </c>
      <c r="C8322" t="s">
        <v>7637</v>
      </c>
      <c r="D8322" t="s">
        <v>372</v>
      </c>
    </row>
    <row r="8323" spans="1:4" x14ac:dyDescent="0.4">
      <c r="A8323">
        <v>2860011</v>
      </c>
      <c r="B8323" t="s">
        <v>0</v>
      </c>
      <c r="C8323" t="s">
        <v>7637</v>
      </c>
      <c r="D8323" t="s">
        <v>6743</v>
      </c>
    </row>
    <row r="8324" spans="1:4" x14ac:dyDescent="0.4">
      <c r="A8324">
        <v>2870242</v>
      </c>
      <c r="B8324" t="s">
        <v>0</v>
      </c>
      <c r="C8324" t="s">
        <v>7637</v>
      </c>
      <c r="D8324" t="s">
        <v>7693</v>
      </c>
    </row>
    <row r="8325" spans="1:4" x14ac:dyDescent="0.4">
      <c r="A8325">
        <v>2860815</v>
      </c>
      <c r="B8325" t="s">
        <v>0</v>
      </c>
      <c r="C8325" t="s">
        <v>7637</v>
      </c>
      <c r="D8325" t="s">
        <v>7694</v>
      </c>
    </row>
    <row r="8326" spans="1:4" x14ac:dyDescent="0.4">
      <c r="A8326">
        <v>2860021</v>
      </c>
      <c r="B8326" t="s">
        <v>0</v>
      </c>
      <c r="C8326" t="s">
        <v>7637</v>
      </c>
      <c r="D8326" t="s">
        <v>3126</v>
      </c>
    </row>
    <row r="8327" spans="1:4" x14ac:dyDescent="0.4">
      <c r="A8327">
        <v>2870236</v>
      </c>
      <c r="B8327" t="s">
        <v>0</v>
      </c>
      <c r="C8327" t="s">
        <v>7637</v>
      </c>
      <c r="D8327" t="s">
        <v>7695</v>
      </c>
    </row>
    <row r="8328" spans="1:4" x14ac:dyDescent="0.4">
      <c r="A8328">
        <v>2860022</v>
      </c>
      <c r="B8328" t="s">
        <v>0</v>
      </c>
      <c r="C8328" t="s">
        <v>7637</v>
      </c>
      <c r="D8328" t="s">
        <v>7696</v>
      </c>
    </row>
    <row r="8329" spans="1:4" x14ac:dyDescent="0.4">
      <c r="A8329">
        <v>2820002</v>
      </c>
      <c r="B8329" t="s">
        <v>0</v>
      </c>
      <c r="C8329" t="s">
        <v>7637</v>
      </c>
      <c r="D8329" t="s">
        <v>7697</v>
      </c>
    </row>
    <row r="8330" spans="1:4" x14ac:dyDescent="0.4">
      <c r="A8330">
        <v>2860102</v>
      </c>
      <c r="B8330" t="s">
        <v>0</v>
      </c>
      <c r="C8330" t="s">
        <v>7637</v>
      </c>
      <c r="D8330" t="s">
        <v>7698</v>
      </c>
    </row>
    <row r="8331" spans="1:4" x14ac:dyDescent="0.4">
      <c r="A8331">
        <v>2820001</v>
      </c>
      <c r="B8331" t="s">
        <v>0</v>
      </c>
      <c r="C8331" t="s">
        <v>7637</v>
      </c>
      <c r="D8331" t="s">
        <v>7699</v>
      </c>
    </row>
    <row r="8332" spans="1:4" x14ac:dyDescent="0.4">
      <c r="A8332">
        <v>2870233</v>
      </c>
      <c r="B8332" t="s">
        <v>0</v>
      </c>
      <c r="C8332" t="s">
        <v>7637</v>
      </c>
      <c r="D8332" t="s">
        <v>7700</v>
      </c>
    </row>
    <row r="8333" spans="1:4" x14ac:dyDescent="0.4">
      <c r="A8333">
        <v>2820003</v>
      </c>
      <c r="B8333" t="s">
        <v>0</v>
      </c>
      <c r="C8333" t="s">
        <v>7637</v>
      </c>
      <c r="D8333" t="s">
        <v>7701</v>
      </c>
    </row>
    <row r="8334" spans="1:4" x14ac:dyDescent="0.4">
      <c r="A8334">
        <v>2860103</v>
      </c>
      <c r="B8334" t="s">
        <v>0</v>
      </c>
      <c r="C8334" t="s">
        <v>7637</v>
      </c>
      <c r="D8334" t="s">
        <v>7702</v>
      </c>
    </row>
    <row r="8335" spans="1:4" x14ac:dyDescent="0.4">
      <c r="A8335">
        <v>2860134</v>
      </c>
      <c r="B8335" t="s">
        <v>0</v>
      </c>
      <c r="C8335" t="s">
        <v>7637</v>
      </c>
      <c r="D8335" t="s">
        <v>7031</v>
      </c>
    </row>
    <row r="8336" spans="1:4" x14ac:dyDescent="0.4">
      <c r="A8336">
        <v>2870211</v>
      </c>
      <c r="B8336" t="s">
        <v>0</v>
      </c>
      <c r="C8336" t="s">
        <v>7637</v>
      </c>
      <c r="D8336" t="s">
        <v>7703</v>
      </c>
    </row>
    <row r="8337" spans="1:4" x14ac:dyDescent="0.4">
      <c r="A8337">
        <v>2820006</v>
      </c>
      <c r="B8337" t="s">
        <v>0</v>
      </c>
      <c r="C8337" t="s">
        <v>7637</v>
      </c>
      <c r="D8337" t="s">
        <v>7704</v>
      </c>
    </row>
    <row r="8338" spans="1:4" x14ac:dyDescent="0.4">
      <c r="A8338">
        <v>2860106</v>
      </c>
      <c r="B8338" t="s">
        <v>0</v>
      </c>
      <c r="C8338" t="s">
        <v>7637</v>
      </c>
      <c r="D8338" t="s">
        <v>7705</v>
      </c>
    </row>
    <row r="8339" spans="1:4" x14ac:dyDescent="0.4">
      <c r="A8339">
        <v>2890104</v>
      </c>
      <c r="B8339" t="s">
        <v>0</v>
      </c>
      <c r="C8339" t="s">
        <v>7637</v>
      </c>
      <c r="D8339" t="s">
        <v>7706</v>
      </c>
    </row>
    <row r="8340" spans="1:4" x14ac:dyDescent="0.4">
      <c r="A8340">
        <v>2820009</v>
      </c>
      <c r="B8340" t="s">
        <v>0</v>
      </c>
      <c r="C8340" t="s">
        <v>7637</v>
      </c>
      <c r="D8340" t="s">
        <v>7707</v>
      </c>
    </row>
    <row r="8341" spans="1:4" x14ac:dyDescent="0.4">
      <c r="A8341">
        <v>2860101</v>
      </c>
      <c r="B8341" t="s">
        <v>0</v>
      </c>
      <c r="C8341" t="s">
        <v>7637</v>
      </c>
      <c r="D8341" t="s">
        <v>7708</v>
      </c>
    </row>
    <row r="8342" spans="1:4" x14ac:dyDescent="0.4">
      <c r="A8342">
        <v>2890105</v>
      </c>
      <c r="B8342" t="s">
        <v>0</v>
      </c>
      <c r="C8342" t="s">
        <v>7637</v>
      </c>
      <c r="D8342" t="s">
        <v>191</v>
      </c>
    </row>
    <row r="8343" spans="1:4" x14ac:dyDescent="0.4">
      <c r="A8343">
        <v>2860015</v>
      </c>
      <c r="B8343" t="s">
        <v>0</v>
      </c>
      <c r="C8343" t="s">
        <v>7637</v>
      </c>
      <c r="D8343" t="s">
        <v>2163</v>
      </c>
    </row>
    <row r="8344" spans="1:4" x14ac:dyDescent="0.4">
      <c r="A8344">
        <v>2870237</v>
      </c>
      <c r="B8344" t="s">
        <v>0</v>
      </c>
      <c r="C8344" t="s">
        <v>7637</v>
      </c>
      <c r="D8344" t="s">
        <v>194</v>
      </c>
    </row>
    <row r="8345" spans="1:4" x14ac:dyDescent="0.4">
      <c r="A8345">
        <v>2860027</v>
      </c>
      <c r="B8345" t="s">
        <v>0</v>
      </c>
      <c r="C8345" t="s">
        <v>7637</v>
      </c>
      <c r="D8345" t="s">
        <v>802</v>
      </c>
    </row>
    <row r="8346" spans="1:4" x14ac:dyDescent="0.4">
      <c r="A8346">
        <v>2890111</v>
      </c>
      <c r="B8346" t="s">
        <v>0</v>
      </c>
      <c r="C8346" t="s">
        <v>7637</v>
      </c>
      <c r="D8346" t="s">
        <v>562</v>
      </c>
    </row>
    <row r="8347" spans="1:4" x14ac:dyDescent="0.4">
      <c r="A8347">
        <v>2890116</v>
      </c>
      <c r="B8347" t="s">
        <v>0</v>
      </c>
      <c r="C8347" t="s">
        <v>7637</v>
      </c>
      <c r="D8347" t="s">
        <v>7709</v>
      </c>
    </row>
    <row r="8348" spans="1:4" x14ac:dyDescent="0.4">
      <c r="A8348">
        <v>2870216</v>
      </c>
      <c r="B8348" t="s">
        <v>0</v>
      </c>
      <c r="C8348" t="s">
        <v>7637</v>
      </c>
      <c r="D8348" t="s">
        <v>7710</v>
      </c>
    </row>
    <row r="8349" spans="1:4" x14ac:dyDescent="0.4">
      <c r="A8349">
        <v>2870205</v>
      </c>
      <c r="B8349" t="s">
        <v>0</v>
      </c>
      <c r="C8349" t="s">
        <v>7637</v>
      </c>
      <c r="D8349" t="s">
        <v>7711</v>
      </c>
    </row>
    <row r="8350" spans="1:4" x14ac:dyDescent="0.4">
      <c r="A8350">
        <v>2890117</v>
      </c>
      <c r="B8350" t="s">
        <v>0</v>
      </c>
      <c r="C8350" t="s">
        <v>7637</v>
      </c>
      <c r="D8350" t="s">
        <v>7712</v>
      </c>
    </row>
    <row r="8351" spans="1:4" x14ac:dyDescent="0.4">
      <c r="A8351">
        <v>2860108</v>
      </c>
      <c r="B8351" t="s">
        <v>0</v>
      </c>
      <c r="C8351" t="s">
        <v>7637</v>
      </c>
      <c r="D8351" t="s">
        <v>7713</v>
      </c>
    </row>
    <row r="8352" spans="1:4" x14ac:dyDescent="0.4">
      <c r="A8352">
        <v>2860804</v>
      </c>
      <c r="B8352" t="s">
        <v>0</v>
      </c>
      <c r="C8352" t="s">
        <v>7637</v>
      </c>
      <c r="D8352" t="s">
        <v>7714</v>
      </c>
    </row>
    <row r="8353" spans="1:4" x14ac:dyDescent="0.4">
      <c r="A8353">
        <v>2860045</v>
      </c>
      <c r="B8353" t="s">
        <v>0</v>
      </c>
      <c r="C8353" t="s">
        <v>7637</v>
      </c>
      <c r="D8353" t="s">
        <v>383</v>
      </c>
    </row>
    <row r="8354" spans="1:4" x14ac:dyDescent="0.4">
      <c r="A8354">
        <v>2890125</v>
      </c>
      <c r="B8354" t="s">
        <v>0</v>
      </c>
      <c r="C8354" t="s">
        <v>7637</v>
      </c>
      <c r="D8354" t="s">
        <v>7715</v>
      </c>
    </row>
    <row r="8355" spans="1:4" x14ac:dyDescent="0.4">
      <c r="A8355">
        <v>2860023</v>
      </c>
      <c r="B8355" t="s">
        <v>0</v>
      </c>
      <c r="C8355" t="s">
        <v>7637</v>
      </c>
      <c r="D8355" t="s">
        <v>7716</v>
      </c>
    </row>
    <row r="8356" spans="1:4" x14ac:dyDescent="0.4">
      <c r="A8356">
        <v>2890114</v>
      </c>
      <c r="B8356" t="s">
        <v>0</v>
      </c>
      <c r="C8356" t="s">
        <v>7637</v>
      </c>
      <c r="D8356" t="s">
        <v>7717</v>
      </c>
    </row>
    <row r="8357" spans="1:4" x14ac:dyDescent="0.4">
      <c r="A8357">
        <v>2860816</v>
      </c>
      <c r="B8357" t="s">
        <v>0</v>
      </c>
      <c r="C8357" t="s">
        <v>7637</v>
      </c>
      <c r="D8357" t="s">
        <v>7718</v>
      </c>
    </row>
    <row r="8358" spans="1:4" x14ac:dyDescent="0.4">
      <c r="A8358">
        <v>2860806</v>
      </c>
      <c r="B8358" t="s">
        <v>0</v>
      </c>
      <c r="C8358" t="s">
        <v>7637</v>
      </c>
      <c r="D8358" t="s">
        <v>7719</v>
      </c>
    </row>
    <row r="8359" spans="1:4" x14ac:dyDescent="0.4">
      <c r="A8359">
        <v>2860042</v>
      </c>
      <c r="B8359" t="s">
        <v>0</v>
      </c>
      <c r="C8359" t="s">
        <v>7637</v>
      </c>
      <c r="D8359" t="s">
        <v>2235</v>
      </c>
    </row>
    <row r="8360" spans="1:4" x14ac:dyDescent="0.4">
      <c r="A8360">
        <v>2860827</v>
      </c>
      <c r="B8360" t="s">
        <v>0</v>
      </c>
      <c r="C8360" t="s">
        <v>7637</v>
      </c>
      <c r="D8360" t="s">
        <v>7720</v>
      </c>
    </row>
    <row r="8361" spans="1:4" x14ac:dyDescent="0.4">
      <c r="A8361">
        <v>2890124</v>
      </c>
      <c r="B8361" t="s">
        <v>0</v>
      </c>
      <c r="C8361" t="s">
        <v>7637</v>
      </c>
      <c r="D8361" t="s">
        <v>7721</v>
      </c>
    </row>
    <row r="8362" spans="1:4" x14ac:dyDescent="0.4">
      <c r="A8362">
        <v>2860115</v>
      </c>
      <c r="B8362" t="s">
        <v>0</v>
      </c>
      <c r="C8362" t="s">
        <v>7637</v>
      </c>
      <c r="D8362" t="s">
        <v>7722</v>
      </c>
    </row>
    <row r="8363" spans="1:4" x14ac:dyDescent="0.4">
      <c r="A8363">
        <v>2860837</v>
      </c>
      <c r="B8363" t="s">
        <v>0</v>
      </c>
      <c r="C8363" t="s">
        <v>7637</v>
      </c>
      <c r="D8363" t="s">
        <v>7723</v>
      </c>
    </row>
    <row r="8364" spans="1:4" x14ac:dyDescent="0.4">
      <c r="A8364">
        <v>2860824</v>
      </c>
      <c r="B8364" t="s">
        <v>0</v>
      </c>
      <c r="C8364" t="s">
        <v>7637</v>
      </c>
      <c r="D8364" t="s">
        <v>7724</v>
      </c>
    </row>
    <row r="8365" spans="1:4" x14ac:dyDescent="0.4">
      <c r="A8365">
        <v>2890102</v>
      </c>
      <c r="B8365" t="s">
        <v>0</v>
      </c>
      <c r="C8365" t="s">
        <v>7637</v>
      </c>
      <c r="D8365" t="s">
        <v>7725</v>
      </c>
    </row>
    <row r="8366" spans="1:4" x14ac:dyDescent="0.4">
      <c r="A8366">
        <v>2860037</v>
      </c>
      <c r="B8366" t="s">
        <v>0</v>
      </c>
      <c r="C8366" t="s">
        <v>7637</v>
      </c>
      <c r="D8366" t="s">
        <v>7726</v>
      </c>
    </row>
    <row r="8367" spans="1:4" x14ac:dyDescent="0.4">
      <c r="A8367">
        <v>2860124</v>
      </c>
      <c r="B8367" t="s">
        <v>0</v>
      </c>
      <c r="C8367" t="s">
        <v>7637</v>
      </c>
      <c r="D8367" t="s">
        <v>7727</v>
      </c>
    </row>
    <row r="8368" spans="1:4" x14ac:dyDescent="0.4">
      <c r="A8368">
        <v>2860814</v>
      </c>
      <c r="B8368" t="s">
        <v>0</v>
      </c>
      <c r="C8368" t="s">
        <v>7637</v>
      </c>
      <c r="D8368" t="s">
        <v>7728</v>
      </c>
    </row>
    <row r="8369" spans="1:4" x14ac:dyDescent="0.4">
      <c r="A8369">
        <v>2860033</v>
      </c>
      <c r="B8369" t="s">
        <v>0</v>
      </c>
      <c r="C8369" t="s">
        <v>7637</v>
      </c>
      <c r="D8369" t="s">
        <v>7729</v>
      </c>
    </row>
    <row r="8370" spans="1:4" x14ac:dyDescent="0.4">
      <c r="A8370">
        <v>2860132</v>
      </c>
      <c r="B8370" t="s">
        <v>0</v>
      </c>
      <c r="C8370" t="s">
        <v>7637</v>
      </c>
      <c r="D8370" t="s">
        <v>1881</v>
      </c>
    </row>
    <row r="8371" spans="1:4" x14ac:dyDescent="0.4">
      <c r="A8371">
        <v>2860826</v>
      </c>
      <c r="B8371" t="s">
        <v>0</v>
      </c>
      <c r="C8371" t="s">
        <v>7637</v>
      </c>
      <c r="D8371" t="s">
        <v>7730</v>
      </c>
    </row>
    <row r="8372" spans="1:4" x14ac:dyDescent="0.4">
      <c r="A8372">
        <v>2860833</v>
      </c>
      <c r="B8372" t="s">
        <v>0</v>
      </c>
      <c r="C8372" t="s">
        <v>7637</v>
      </c>
      <c r="D8372" t="s">
        <v>7731</v>
      </c>
    </row>
    <row r="8373" spans="1:4" x14ac:dyDescent="0.4">
      <c r="A8373">
        <v>2820012</v>
      </c>
      <c r="B8373" t="s">
        <v>0</v>
      </c>
      <c r="C8373" t="s">
        <v>7637</v>
      </c>
      <c r="D8373" t="s">
        <v>7732</v>
      </c>
    </row>
    <row r="8374" spans="1:4" x14ac:dyDescent="0.4">
      <c r="A8374">
        <v>2860112</v>
      </c>
      <c r="B8374" t="s">
        <v>0</v>
      </c>
      <c r="C8374" t="s">
        <v>7637</v>
      </c>
      <c r="D8374" t="s">
        <v>7733</v>
      </c>
    </row>
    <row r="8375" spans="1:4" x14ac:dyDescent="0.4">
      <c r="A8375">
        <v>2870212</v>
      </c>
      <c r="B8375" t="s">
        <v>0</v>
      </c>
      <c r="C8375" t="s">
        <v>7637</v>
      </c>
      <c r="D8375" t="s">
        <v>7734</v>
      </c>
    </row>
    <row r="8376" spans="1:4" x14ac:dyDescent="0.4">
      <c r="A8376">
        <v>2870227</v>
      </c>
      <c r="B8376" t="s">
        <v>0</v>
      </c>
      <c r="C8376" t="s">
        <v>7637</v>
      </c>
      <c r="D8376" t="s">
        <v>7735</v>
      </c>
    </row>
    <row r="8377" spans="1:4" x14ac:dyDescent="0.4">
      <c r="A8377">
        <v>2860044</v>
      </c>
      <c r="B8377" t="s">
        <v>0</v>
      </c>
      <c r="C8377" t="s">
        <v>7637</v>
      </c>
      <c r="D8377" t="s">
        <v>7736</v>
      </c>
    </row>
    <row r="8378" spans="1:4" x14ac:dyDescent="0.4">
      <c r="A8378">
        <v>2860001</v>
      </c>
      <c r="B8378" t="s">
        <v>0</v>
      </c>
      <c r="C8378" t="s">
        <v>7637</v>
      </c>
      <c r="D8378" t="s">
        <v>3646</v>
      </c>
    </row>
    <row r="8379" spans="1:4" x14ac:dyDescent="0.4">
      <c r="A8379">
        <v>2820004</v>
      </c>
      <c r="B8379" t="s">
        <v>0</v>
      </c>
      <c r="C8379" t="s">
        <v>7637</v>
      </c>
      <c r="D8379" t="s">
        <v>7737</v>
      </c>
    </row>
    <row r="8380" spans="1:4" x14ac:dyDescent="0.4">
      <c r="A8380">
        <v>2860104</v>
      </c>
      <c r="B8380" t="s">
        <v>0</v>
      </c>
      <c r="C8380" t="s">
        <v>7637</v>
      </c>
      <c r="D8380" t="s">
        <v>7738</v>
      </c>
    </row>
    <row r="8381" spans="1:4" x14ac:dyDescent="0.4">
      <c r="A8381">
        <v>2870202</v>
      </c>
      <c r="B8381" t="s">
        <v>0</v>
      </c>
      <c r="C8381" t="s">
        <v>7637</v>
      </c>
      <c r="D8381" t="s">
        <v>7739</v>
      </c>
    </row>
    <row r="8382" spans="1:4" x14ac:dyDescent="0.4">
      <c r="A8382">
        <v>2860802</v>
      </c>
      <c r="B8382" t="s">
        <v>0</v>
      </c>
      <c r="C8382" t="s">
        <v>7637</v>
      </c>
      <c r="D8382" t="s">
        <v>7740</v>
      </c>
    </row>
    <row r="8383" spans="1:4" x14ac:dyDescent="0.4">
      <c r="A8383">
        <v>2820007</v>
      </c>
      <c r="B8383" t="s">
        <v>0</v>
      </c>
      <c r="C8383" t="s">
        <v>7637</v>
      </c>
      <c r="D8383" t="s">
        <v>7741</v>
      </c>
    </row>
    <row r="8384" spans="1:4" x14ac:dyDescent="0.4">
      <c r="A8384">
        <v>2860107</v>
      </c>
      <c r="B8384" t="s">
        <v>0</v>
      </c>
      <c r="C8384" t="s">
        <v>7637</v>
      </c>
      <c r="D8384" t="s">
        <v>7742</v>
      </c>
    </row>
    <row r="8385" spans="1:4" x14ac:dyDescent="0.4">
      <c r="A8385">
        <v>2860118</v>
      </c>
      <c r="B8385" t="s">
        <v>0</v>
      </c>
      <c r="C8385" t="s">
        <v>7637</v>
      </c>
      <c r="D8385" t="s">
        <v>7743</v>
      </c>
    </row>
    <row r="8386" spans="1:4" x14ac:dyDescent="0.4">
      <c r="A8386">
        <v>2860114</v>
      </c>
      <c r="B8386" t="s">
        <v>0</v>
      </c>
      <c r="C8386" t="s">
        <v>7637</v>
      </c>
      <c r="D8386" t="s">
        <v>7744</v>
      </c>
    </row>
    <row r="8387" spans="1:4" x14ac:dyDescent="0.4">
      <c r="A8387">
        <v>2860026</v>
      </c>
      <c r="B8387" t="s">
        <v>0</v>
      </c>
      <c r="C8387" t="s">
        <v>7637</v>
      </c>
      <c r="D8387" t="s">
        <v>403</v>
      </c>
    </row>
    <row r="8388" spans="1:4" x14ac:dyDescent="0.4">
      <c r="A8388">
        <v>2870222</v>
      </c>
      <c r="B8388" t="s">
        <v>0</v>
      </c>
      <c r="C8388" t="s">
        <v>7637</v>
      </c>
      <c r="D8388" t="s">
        <v>7745</v>
      </c>
    </row>
    <row r="8389" spans="1:4" x14ac:dyDescent="0.4">
      <c r="A8389">
        <v>2870215</v>
      </c>
      <c r="B8389" t="s">
        <v>0</v>
      </c>
      <c r="C8389" t="s">
        <v>7637</v>
      </c>
      <c r="D8389" t="s">
        <v>7746</v>
      </c>
    </row>
    <row r="8390" spans="1:4" x14ac:dyDescent="0.4">
      <c r="A8390">
        <v>2870234</v>
      </c>
      <c r="B8390" t="s">
        <v>0</v>
      </c>
      <c r="C8390" t="s">
        <v>7637</v>
      </c>
      <c r="D8390" t="s">
        <v>7747</v>
      </c>
    </row>
    <row r="8391" spans="1:4" x14ac:dyDescent="0.4">
      <c r="A8391">
        <v>2860034</v>
      </c>
      <c r="B8391" t="s">
        <v>0</v>
      </c>
      <c r="C8391" t="s">
        <v>7637</v>
      </c>
      <c r="D8391" t="s">
        <v>3588</v>
      </c>
    </row>
    <row r="8392" spans="1:4" x14ac:dyDescent="0.4">
      <c r="A8392">
        <v>2310051</v>
      </c>
      <c r="B8392" t="s">
        <v>2200</v>
      </c>
      <c r="C8392" t="s">
        <v>2446</v>
      </c>
      <c r="D8392" t="s">
        <v>7748</v>
      </c>
    </row>
    <row r="8393" spans="1:4" x14ac:dyDescent="0.4">
      <c r="A8393">
        <v>2440803</v>
      </c>
      <c r="B8393" t="s">
        <v>2200</v>
      </c>
      <c r="C8393" t="s">
        <v>2563</v>
      </c>
      <c r="D8393" t="s">
        <v>7749</v>
      </c>
    </row>
    <row r="8394" spans="1:4" x14ac:dyDescent="0.4">
      <c r="A8394">
        <v>2100801</v>
      </c>
      <c r="B8394" t="s">
        <v>2200</v>
      </c>
      <c r="C8394" t="s">
        <v>2687</v>
      </c>
      <c r="D8394" t="s">
        <v>3503</v>
      </c>
    </row>
    <row r="8395" spans="1:4" x14ac:dyDescent="0.4">
      <c r="A8395">
        <v>2860846</v>
      </c>
      <c r="B8395" t="s">
        <v>0</v>
      </c>
      <c r="C8395" t="s">
        <v>7637</v>
      </c>
      <c r="D8395" t="s">
        <v>2003</v>
      </c>
    </row>
    <row r="8396" spans="1:4" x14ac:dyDescent="0.4">
      <c r="A8396">
        <v>2860013</v>
      </c>
      <c r="B8396" t="s">
        <v>0</v>
      </c>
      <c r="C8396" t="s">
        <v>7637</v>
      </c>
      <c r="D8396" t="s">
        <v>7750</v>
      </c>
    </row>
    <row r="8397" spans="1:4" x14ac:dyDescent="0.4">
      <c r="A8397">
        <v>2860812</v>
      </c>
      <c r="B8397" t="s">
        <v>0</v>
      </c>
      <c r="C8397" t="s">
        <v>7637</v>
      </c>
      <c r="D8397" t="s">
        <v>7751</v>
      </c>
    </row>
    <row r="8398" spans="1:4" x14ac:dyDescent="0.4">
      <c r="A8398">
        <v>2870241</v>
      </c>
      <c r="B8398" t="s">
        <v>0</v>
      </c>
      <c r="C8398" t="s">
        <v>7637</v>
      </c>
      <c r="D8398" t="s">
        <v>7752</v>
      </c>
    </row>
    <row r="8399" spans="1:4" x14ac:dyDescent="0.4">
      <c r="A8399">
        <v>2860113</v>
      </c>
      <c r="B8399" t="s">
        <v>0</v>
      </c>
      <c r="C8399" t="s">
        <v>7637</v>
      </c>
      <c r="D8399" t="s">
        <v>7753</v>
      </c>
    </row>
    <row r="8400" spans="1:4" x14ac:dyDescent="0.4">
      <c r="A8400">
        <v>2860805</v>
      </c>
      <c r="B8400" t="s">
        <v>0</v>
      </c>
      <c r="C8400" t="s">
        <v>7637</v>
      </c>
      <c r="D8400" t="s">
        <v>7754</v>
      </c>
    </row>
    <row r="8401" spans="1:4" x14ac:dyDescent="0.4">
      <c r="A8401">
        <v>2870203</v>
      </c>
      <c r="B8401" t="s">
        <v>0</v>
      </c>
      <c r="C8401" t="s">
        <v>7637</v>
      </c>
      <c r="D8401" t="s">
        <v>7755</v>
      </c>
    </row>
    <row r="8402" spans="1:4" x14ac:dyDescent="0.4">
      <c r="A8402">
        <v>2860002</v>
      </c>
      <c r="B8402" t="s">
        <v>0</v>
      </c>
      <c r="C8402" t="s">
        <v>7637</v>
      </c>
      <c r="D8402" t="s">
        <v>7756</v>
      </c>
    </row>
    <row r="8403" spans="1:4" x14ac:dyDescent="0.4">
      <c r="A8403">
        <v>2860012</v>
      </c>
      <c r="B8403" t="s">
        <v>0</v>
      </c>
      <c r="C8403" t="s">
        <v>7637</v>
      </c>
      <c r="D8403" t="s">
        <v>3728</v>
      </c>
    </row>
    <row r="8404" spans="1:4" x14ac:dyDescent="0.4">
      <c r="A8404">
        <v>2860135</v>
      </c>
      <c r="B8404" t="s">
        <v>0</v>
      </c>
      <c r="C8404" t="s">
        <v>7637</v>
      </c>
      <c r="D8404" t="s">
        <v>7757</v>
      </c>
    </row>
    <row r="8405" spans="1:4" x14ac:dyDescent="0.4">
      <c r="A8405">
        <v>2870214</v>
      </c>
      <c r="B8405" t="s">
        <v>0</v>
      </c>
      <c r="C8405" t="s">
        <v>7637</v>
      </c>
      <c r="D8405" t="s">
        <v>2132</v>
      </c>
    </row>
    <row r="8406" spans="1:4" x14ac:dyDescent="0.4">
      <c r="A8406">
        <v>2860133</v>
      </c>
      <c r="B8406" t="s">
        <v>0</v>
      </c>
      <c r="C8406" t="s">
        <v>7637</v>
      </c>
      <c r="D8406" t="s">
        <v>1965</v>
      </c>
    </row>
    <row r="8407" spans="1:4" x14ac:dyDescent="0.4">
      <c r="A8407">
        <v>2890123</v>
      </c>
      <c r="B8407" t="s">
        <v>0</v>
      </c>
      <c r="C8407" t="s">
        <v>7637</v>
      </c>
      <c r="D8407" t="s">
        <v>7758</v>
      </c>
    </row>
    <row r="8408" spans="1:4" x14ac:dyDescent="0.4">
      <c r="A8408">
        <v>2860016</v>
      </c>
      <c r="B8408" t="s">
        <v>0</v>
      </c>
      <c r="C8408" t="s">
        <v>7637</v>
      </c>
      <c r="D8408" t="s">
        <v>7759</v>
      </c>
    </row>
    <row r="8409" spans="1:4" x14ac:dyDescent="0.4">
      <c r="A8409">
        <v>2860834</v>
      </c>
      <c r="B8409" t="s">
        <v>0</v>
      </c>
      <c r="C8409" t="s">
        <v>7637</v>
      </c>
      <c r="D8409" t="s">
        <v>2176</v>
      </c>
    </row>
    <row r="8410" spans="1:4" x14ac:dyDescent="0.4">
      <c r="A8410">
        <v>2310057</v>
      </c>
      <c r="B8410" t="s">
        <v>2200</v>
      </c>
      <c r="C8410" t="s">
        <v>2446</v>
      </c>
      <c r="D8410" t="s">
        <v>3322</v>
      </c>
    </row>
    <row r="8411" spans="1:4" x14ac:dyDescent="0.4">
      <c r="A8411">
        <v>2310834</v>
      </c>
      <c r="B8411" t="s">
        <v>2200</v>
      </c>
      <c r="C8411" t="s">
        <v>2446</v>
      </c>
      <c r="D8411" t="s">
        <v>7760</v>
      </c>
    </row>
    <row r="8412" spans="1:4" x14ac:dyDescent="0.4">
      <c r="A8412">
        <v>2310868</v>
      </c>
      <c r="B8412" t="s">
        <v>2200</v>
      </c>
      <c r="C8412" t="s">
        <v>2446</v>
      </c>
      <c r="D8412" t="s">
        <v>1527</v>
      </c>
    </row>
    <row r="8413" spans="1:4" x14ac:dyDescent="0.4">
      <c r="A8413">
        <v>2310045</v>
      </c>
      <c r="B8413" t="s">
        <v>2200</v>
      </c>
      <c r="C8413" t="s">
        <v>2446</v>
      </c>
      <c r="D8413" t="s">
        <v>7761</v>
      </c>
    </row>
    <row r="8414" spans="1:4" x14ac:dyDescent="0.4">
      <c r="A8414">
        <v>2310842</v>
      </c>
      <c r="B8414" t="s">
        <v>2200</v>
      </c>
      <c r="C8414" t="s">
        <v>2446</v>
      </c>
      <c r="D8414" t="s">
        <v>131</v>
      </c>
    </row>
    <row r="8415" spans="1:4" x14ac:dyDescent="0.4">
      <c r="A8415">
        <v>2310867</v>
      </c>
      <c r="B8415" t="s">
        <v>2200</v>
      </c>
      <c r="C8415" t="s">
        <v>2446</v>
      </c>
      <c r="D8415" t="s">
        <v>2181</v>
      </c>
    </row>
    <row r="8416" spans="1:4" x14ac:dyDescent="0.4">
      <c r="A8416">
        <v>2310061</v>
      </c>
      <c r="B8416" t="s">
        <v>2200</v>
      </c>
      <c r="C8416" t="s">
        <v>2446</v>
      </c>
      <c r="D8416" t="s">
        <v>7762</v>
      </c>
    </row>
    <row r="8417" spans="1:4" x14ac:dyDescent="0.4">
      <c r="A8417">
        <v>2310027</v>
      </c>
      <c r="B8417" t="s">
        <v>2200</v>
      </c>
      <c r="C8417" t="s">
        <v>2446</v>
      </c>
      <c r="D8417" t="s">
        <v>2697</v>
      </c>
    </row>
    <row r="8418" spans="1:4" x14ac:dyDescent="0.4">
      <c r="A8418">
        <v>2310858</v>
      </c>
      <c r="B8418" t="s">
        <v>2200</v>
      </c>
      <c r="C8418" t="s">
        <v>2446</v>
      </c>
      <c r="D8418" t="s">
        <v>7763</v>
      </c>
    </row>
    <row r="8419" spans="1:4" x14ac:dyDescent="0.4">
      <c r="A8419">
        <v>2310011</v>
      </c>
      <c r="B8419" t="s">
        <v>2200</v>
      </c>
      <c r="C8419" t="s">
        <v>2446</v>
      </c>
      <c r="D8419" t="s">
        <v>7269</v>
      </c>
    </row>
    <row r="8420" spans="1:4" x14ac:dyDescent="0.4">
      <c r="A8420">
        <v>2310859</v>
      </c>
      <c r="B8420" t="s">
        <v>2200</v>
      </c>
      <c r="C8420" t="s">
        <v>2446</v>
      </c>
      <c r="D8420" t="s">
        <v>7764</v>
      </c>
    </row>
    <row r="8421" spans="1:4" x14ac:dyDescent="0.4">
      <c r="A8421">
        <v>2310028</v>
      </c>
      <c r="B8421" t="s">
        <v>2200</v>
      </c>
      <c r="C8421" t="s">
        <v>2446</v>
      </c>
      <c r="D8421" t="s">
        <v>7765</v>
      </c>
    </row>
    <row r="8422" spans="1:4" x14ac:dyDescent="0.4">
      <c r="A8422">
        <v>2310015</v>
      </c>
      <c r="B8422" t="s">
        <v>2200</v>
      </c>
      <c r="C8422" t="s">
        <v>2446</v>
      </c>
      <c r="D8422" t="s">
        <v>7766</v>
      </c>
    </row>
    <row r="8423" spans="1:4" x14ac:dyDescent="0.4">
      <c r="A8423">
        <v>2310002</v>
      </c>
      <c r="B8423" t="s">
        <v>2200</v>
      </c>
      <c r="C8423" t="s">
        <v>2446</v>
      </c>
      <c r="D8423" t="s">
        <v>7767</v>
      </c>
    </row>
    <row r="8424" spans="1:4" x14ac:dyDescent="0.4">
      <c r="A8424">
        <v>2310866</v>
      </c>
      <c r="B8424" t="s">
        <v>2200</v>
      </c>
      <c r="C8424" t="s">
        <v>2446</v>
      </c>
      <c r="D8424" t="s">
        <v>7768</v>
      </c>
    </row>
    <row r="8425" spans="1:4" x14ac:dyDescent="0.4">
      <c r="A8425">
        <v>2310813</v>
      </c>
      <c r="B8425" t="s">
        <v>2200</v>
      </c>
      <c r="C8425" t="s">
        <v>2446</v>
      </c>
      <c r="D8425" t="s">
        <v>7769</v>
      </c>
    </row>
    <row r="8426" spans="1:4" x14ac:dyDescent="0.4">
      <c r="A8426">
        <v>2310865</v>
      </c>
      <c r="B8426" t="s">
        <v>2200</v>
      </c>
      <c r="C8426" t="s">
        <v>2446</v>
      </c>
      <c r="D8426" t="s">
        <v>7625</v>
      </c>
    </row>
    <row r="8427" spans="1:4" x14ac:dyDescent="0.4">
      <c r="A8427">
        <v>2310003</v>
      </c>
      <c r="B8427" t="s">
        <v>2200</v>
      </c>
      <c r="C8427" t="s">
        <v>2446</v>
      </c>
      <c r="D8427" t="s">
        <v>7770</v>
      </c>
    </row>
    <row r="8428" spans="1:4" x14ac:dyDescent="0.4">
      <c r="A8428">
        <v>2310054</v>
      </c>
      <c r="B8428" t="s">
        <v>2200</v>
      </c>
      <c r="C8428" t="s">
        <v>2446</v>
      </c>
      <c r="D8428" t="s">
        <v>7771</v>
      </c>
    </row>
    <row r="8429" spans="1:4" x14ac:dyDescent="0.4">
      <c r="A8429">
        <v>2310026</v>
      </c>
      <c r="B8429" t="s">
        <v>2200</v>
      </c>
      <c r="C8429" t="s">
        <v>2446</v>
      </c>
      <c r="D8429" t="s">
        <v>1740</v>
      </c>
    </row>
    <row r="8430" spans="1:4" x14ac:dyDescent="0.4">
      <c r="A8430">
        <v>2310802</v>
      </c>
      <c r="B8430" t="s">
        <v>2200</v>
      </c>
      <c r="C8430" t="s">
        <v>2446</v>
      </c>
      <c r="D8430" t="s">
        <v>7772</v>
      </c>
    </row>
    <row r="8431" spans="1:4" x14ac:dyDescent="0.4">
      <c r="A8431">
        <v>2310848</v>
      </c>
      <c r="B8431" t="s">
        <v>2200</v>
      </c>
      <c r="C8431" t="s">
        <v>2446</v>
      </c>
      <c r="D8431" t="s">
        <v>7773</v>
      </c>
    </row>
    <row r="8432" spans="1:4" x14ac:dyDescent="0.4">
      <c r="A8432">
        <v>2310062</v>
      </c>
      <c r="B8432" t="s">
        <v>2200</v>
      </c>
      <c r="C8432" t="s">
        <v>2446</v>
      </c>
      <c r="D8432" t="s">
        <v>4252</v>
      </c>
    </row>
    <row r="8433" spans="1:4" x14ac:dyDescent="0.4">
      <c r="A8433">
        <v>2310001</v>
      </c>
      <c r="B8433" t="s">
        <v>2200</v>
      </c>
      <c r="C8433" t="s">
        <v>2446</v>
      </c>
      <c r="D8433" t="s">
        <v>73</v>
      </c>
    </row>
    <row r="8434" spans="1:4" x14ac:dyDescent="0.4">
      <c r="A8434">
        <v>2310801</v>
      </c>
      <c r="B8434" t="s">
        <v>2200</v>
      </c>
      <c r="C8434" t="s">
        <v>2446</v>
      </c>
      <c r="D8434" t="s">
        <v>7774</v>
      </c>
    </row>
    <row r="8435" spans="1:4" x14ac:dyDescent="0.4">
      <c r="A8435">
        <v>2310046</v>
      </c>
      <c r="B8435" t="s">
        <v>2200</v>
      </c>
      <c r="C8435" t="s">
        <v>2446</v>
      </c>
      <c r="D8435" t="s">
        <v>3363</v>
      </c>
    </row>
    <row r="8436" spans="1:4" x14ac:dyDescent="0.4">
      <c r="A8436">
        <v>2310055</v>
      </c>
      <c r="B8436" t="s">
        <v>2200</v>
      </c>
      <c r="C8436" t="s">
        <v>2446</v>
      </c>
      <c r="D8436" t="s">
        <v>7775</v>
      </c>
    </row>
    <row r="8437" spans="1:4" x14ac:dyDescent="0.4">
      <c r="A8437">
        <v>2310013</v>
      </c>
      <c r="B8437" t="s">
        <v>2200</v>
      </c>
      <c r="C8437" t="s">
        <v>2446</v>
      </c>
      <c r="D8437" t="s">
        <v>3395</v>
      </c>
    </row>
    <row r="8438" spans="1:4" x14ac:dyDescent="0.4">
      <c r="A8438">
        <v>2310863</v>
      </c>
      <c r="B8438" t="s">
        <v>2200</v>
      </c>
      <c r="C8438" t="s">
        <v>2446</v>
      </c>
      <c r="D8438" t="s">
        <v>1569</v>
      </c>
    </row>
    <row r="8439" spans="1:4" x14ac:dyDescent="0.4">
      <c r="A8439">
        <v>2310837</v>
      </c>
      <c r="B8439" t="s">
        <v>2200</v>
      </c>
      <c r="C8439" t="s">
        <v>2446</v>
      </c>
      <c r="D8439" t="s">
        <v>7776</v>
      </c>
    </row>
    <row r="8440" spans="1:4" x14ac:dyDescent="0.4">
      <c r="A8440">
        <v>2310847</v>
      </c>
      <c r="B8440" t="s">
        <v>2200</v>
      </c>
      <c r="C8440" t="s">
        <v>2446</v>
      </c>
      <c r="D8440" t="s">
        <v>7777</v>
      </c>
    </row>
    <row r="8441" spans="1:4" x14ac:dyDescent="0.4">
      <c r="A8441">
        <v>2310845</v>
      </c>
      <c r="B8441" t="s">
        <v>2200</v>
      </c>
      <c r="C8441" t="s">
        <v>2446</v>
      </c>
      <c r="D8441" t="s">
        <v>3916</v>
      </c>
    </row>
    <row r="8442" spans="1:4" x14ac:dyDescent="0.4">
      <c r="A8442">
        <v>2310035</v>
      </c>
      <c r="B8442" t="s">
        <v>2200</v>
      </c>
      <c r="C8442" t="s">
        <v>2446</v>
      </c>
      <c r="D8442" t="s">
        <v>7778</v>
      </c>
    </row>
    <row r="8443" spans="1:4" x14ac:dyDescent="0.4">
      <c r="A8443">
        <v>2310815</v>
      </c>
      <c r="B8443" t="s">
        <v>2200</v>
      </c>
      <c r="C8443" t="s">
        <v>2446</v>
      </c>
      <c r="D8443" t="s">
        <v>7610</v>
      </c>
    </row>
    <row r="8444" spans="1:4" x14ac:dyDescent="0.4">
      <c r="A8444">
        <v>2310033</v>
      </c>
      <c r="B8444" t="s">
        <v>2200</v>
      </c>
      <c r="C8444" t="s">
        <v>2446</v>
      </c>
      <c r="D8444" t="s">
        <v>7779</v>
      </c>
    </row>
    <row r="8445" spans="1:4" x14ac:dyDescent="0.4">
      <c r="A8445">
        <v>2310864</v>
      </c>
      <c r="B8445" t="s">
        <v>2200</v>
      </c>
      <c r="C8445" t="s">
        <v>2446</v>
      </c>
      <c r="D8445" t="s">
        <v>7780</v>
      </c>
    </row>
    <row r="8446" spans="1:4" x14ac:dyDescent="0.4">
      <c r="A8446">
        <v>2310857</v>
      </c>
      <c r="B8446" t="s">
        <v>2200</v>
      </c>
      <c r="C8446" t="s">
        <v>2446</v>
      </c>
      <c r="D8446" t="s">
        <v>6036</v>
      </c>
    </row>
    <row r="8447" spans="1:4" x14ac:dyDescent="0.4">
      <c r="A8447">
        <v>2310855</v>
      </c>
      <c r="B8447" t="s">
        <v>2200</v>
      </c>
      <c r="C8447" t="s">
        <v>2446</v>
      </c>
      <c r="D8447" t="s">
        <v>7781</v>
      </c>
    </row>
    <row r="8448" spans="1:4" x14ac:dyDescent="0.4">
      <c r="A8448">
        <v>2310014</v>
      </c>
      <c r="B8448" t="s">
        <v>2200</v>
      </c>
      <c r="C8448" t="s">
        <v>2446</v>
      </c>
      <c r="D8448" t="s">
        <v>1754</v>
      </c>
    </row>
    <row r="8449" spans="1:4" x14ac:dyDescent="0.4">
      <c r="A8449">
        <v>2310814</v>
      </c>
      <c r="B8449" t="s">
        <v>2200</v>
      </c>
      <c r="C8449" t="s">
        <v>2446</v>
      </c>
      <c r="D8449" t="s">
        <v>7782</v>
      </c>
    </row>
    <row r="8450" spans="1:4" x14ac:dyDescent="0.4">
      <c r="A8450">
        <v>2310839</v>
      </c>
      <c r="B8450" t="s">
        <v>2200</v>
      </c>
      <c r="C8450" t="s">
        <v>2446</v>
      </c>
      <c r="D8450" t="s">
        <v>7783</v>
      </c>
    </row>
    <row r="8451" spans="1:4" x14ac:dyDescent="0.4">
      <c r="A8451">
        <v>2310812</v>
      </c>
      <c r="B8451" t="s">
        <v>2200</v>
      </c>
      <c r="C8451" t="s">
        <v>2446</v>
      </c>
      <c r="D8451" t="s">
        <v>3142</v>
      </c>
    </row>
    <row r="8452" spans="1:4" x14ac:dyDescent="0.4">
      <c r="A8452">
        <v>2310852</v>
      </c>
      <c r="B8452" t="s">
        <v>2200</v>
      </c>
      <c r="C8452" t="s">
        <v>2446</v>
      </c>
      <c r="D8452" t="s">
        <v>7784</v>
      </c>
    </row>
    <row r="8453" spans="1:4" x14ac:dyDescent="0.4">
      <c r="A8453">
        <v>2310844</v>
      </c>
      <c r="B8453" t="s">
        <v>2200</v>
      </c>
      <c r="C8453" t="s">
        <v>2446</v>
      </c>
      <c r="D8453" t="s">
        <v>7785</v>
      </c>
    </row>
    <row r="8454" spans="1:4" x14ac:dyDescent="0.4">
      <c r="A8454">
        <v>2310021</v>
      </c>
      <c r="B8454" t="s">
        <v>2200</v>
      </c>
      <c r="C8454" t="s">
        <v>2446</v>
      </c>
      <c r="D8454" t="s">
        <v>7786</v>
      </c>
    </row>
    <row r="8455" spans="1:4" x14ac:dyDescent="0.4">
      <c r="A8455">
        <v>2310854</v>
      </c>
      <c r="B8455" t="s">
        <v>2200</v>
      </c>
      <c r="C8455" t="s">
        <v>2446</v>
      </c>
      <c r="D8455" t="s">
        <v>7787</v>
      </c>
    </row>
    <row r="8456" spans="1:4" x14ac:dyDescent="0.4">
      <c r="A8456">
        <v>2310835</v>
      </c>
      <c r="B8456" t="s">
        <v>2200</v>
      </c>
      <c r="C8456" t="s">
        <v>2446</v>
      </c>
      <c r="D8456" t="s">
        <v>7788</v>
      </c>
    </row>
    <row r="8457" spans="1:4" x14ac:dyDescent="0.4">
      <c r="A8457">
        <v>2310853</v>
      </c>
      <c r="B8457" t="s">
        <v>2200</v>
      </c>
      <c r="C8457" t="s">
        <v>2446</v>
      </c>
      <c r="D8457" t="s">
        <v>5812</v>
      </c>
    </row>
    <row r="8458" spans="1:4" x14ac:dyDescent="0.4">
      <c r="A8458">
        <v>2310836</v>
      </c>
      <c r="B8458" t="s">
        <v>2200</v>
      </c>
      <c r="C8458" t="s">
        <v>2446</v>
      </c>
      <c r="D8458" t="s">
        <v>2343</v>
      </c>
    </row>
    <row r="8459" spans="1:4" x14ac:dyDescent="0.4">
      <c r="A8459">
        <v>2310064</v>
      </c>
      <c r="B8459" t="s">
        <v>2200</v>
      </c>
      <c r="C8459" t="s">
        <v>2446</v>
      </c>
      <c r="D8459" t="s">
        <v>7789</v>
      </c>
    </row>
    <row r="8460" spans="1:4" x14ac:dyDescent="0.4">
      <c r="A8460">
        <v>2310047</v>
      </c>
      <c r="B8460" t="s">
        <v>2200</v>
      </c>
      <c r="C8460" t="s">
        <v>2446</v>
      </c>
      <c r="D8460" t="s">
        <v>3330</v>
      </c>
    </row>
    <row r="8461" spans="1:4" x14ac:dyDescent="0.4">
      <c r="A8461">
        <v>2310053</v>
      </c>
      <c r="B8461" t="s">
        <v>2200</v>
      </c>
      <c r="C8461" t="s">
        <v>2446</v>
      </c>
      <c r="D8461" t="s">
        <v>7790</v>
      </c>
    </row>
    <row r="8462" spans="1:4" x14ac:dyDescent="0.4">
      <c r="A8462">
        <v>2310063</v>
      </c>
      <c r="B8462" t="s">
        <v>2200</v>
      </c>
      <c r="C8462" t="s">
        <v>2446</v>
      </c>
      <c r="D8462" t="s">
        <v>7791</v>
      </c>
    </row>
    <row r="8463" spans="1:4" x14ac:dyDescent="0.4">
      <c r="A8463">
        <v>2310052</v>
      </c>
      <c r="B8463" t="s">
        <v>2200</v>
      </c>
      <c r="C8463" t="s">
        <v>2446</v>
      </c>
      <c r="D8463" t="s">
        <v>7792</v>
      </c>
    </row>
    <row r="8464" spans="1:4" x14ac:dyDescent="0.4">
      <c r="A8464">
        <v>2310031</v>
      </c>
      <c r="B8464" t="s">
        <v>2200</v>
      </c>
      <c r="C8464" t="s">
        <v>2446</v>
      </c>
      <c r="D8464" t="s">
        <v>7793</v>
      </c>
    </row>
    <row r="8465" spans="1:4" x14ac:dyDescent="0.4">
      <c r="A8465">
        <v>2310066</v>
      </c>
      <c r="B8465" t="s">
        <v>2200</v>
      </c>
      <c r="C8465" t="s">
        <v>2446</v>
      </c>
      <c r="D8465" t="s">
        <v>1427</v>
      </c>
    </row>
    <row r="8466" spans="1:4" x14ac:dyDescent="0.4">
      <c r="A8466">
        <v>2310043</v>
      </c>
      <c r="B8466" t="s">
        <v>2200</v>
      </c>
      <c r="C8466" t="s">
        <v>2446</v>
      </c>
      <c r="D8466" t="s">
        <v>7794</v>
      </c>
    </row>
    <row r="8467" spans="1:4" x14ac:dyDescent="0.4">
      <c r="A8467">
        <v>2310044</v>
      </c>
      <c r="B8467" t="s">
        <v>2200</v>
      </c>
      <c r="C8467" t="s">
        <v>2446</v>
      </c>
      <c r="D8467" t="s">
        <v>7795</v>
      </c>
    </row>
    <row r="8468" spans="1:4" x14ac:dyDescent="0.4">
      <c r="A8468">
        <v>2310042</v>
      </c>
      <c r="B8468" t="s">
        <v>2200</v>
      </c>
      <c r="C8468" t="s">
        <v>2446</v>
      </c>
      <c r="D8468" t="s">
        <v>7796</v>
      </c>
    </row>
    <row r="8469" spans="1:4" x14ac:dyDescent="0.4">
      <c r="A8469">
        <v>2310037</v>
      </c>
      <c r="B8469" t="s">
        <v>2200</v>
      </c>
      <c r="C8469" t="s">
        <v>2446</v>
      </c>
      <c r="D8469" t="s">
        <v>1605</v>
      </c>
    </row>
    <row r="8470" spans="1:4" x14ac:dyDescent="0.4">
      <c r="A8470">
        <v>2310032</v>
      </c>
      <c r="B8470" t="s">
        <v>2200</v>
      </c>
      <c r="C8470" t="s">
        <v>2446</v>
      </c>
      <c r="D8470" t="s">
        <v>7797</v>
      </c>
    </row>
    <row r="8471" spans="1:4" x14ac:dyDescent="0.4">
      <c r="A8471">
        <v>2310007</v>
      </c>
      <c r="B8471" t="s">
        <v>2200</v>
      </c>
      <c r="C8471" t="s">
        <v>2446</v>
      </c>
      <c r="D8471" t="s">
        <v>7798</v>
      </c>
    </row>
    <row r="8472" spans="1:4" x14ac:dyDescent="0.4">
      <c r="A8472">
        <v>2310048</v>
      </c>
      <c r="B8472" t="s">
        <v>2200</v>
      </c>
      <c r="C8472" t="s">
        <v>2446</v>
      </c>
      <c r="D8472" t="s">
        <v>7799</v>
      </c>
    </row>
    <row r="8473" spans="1:4" x14ac:dyDescent="0.4">
      <c r="A8473">
        <v>2310843</v>
      </c>
      <c r="B8473" t="s">
        <v>2200</v>
      </c>
      <c r="C8473" t="s">
        <v>2446</v>
      </c>
      <c r="D8473" t="s">
        <v>1607</v>
      </c>
    </row>
    <row r="8474" spans="1:4" x14ac:dyDescent="0.4">
      <c r="A8474">
        <v>2310005</v>
      </c>
      <c r="B8474" t="s">
        <v>2200</v>
      </c>
      <c r="C8474" t="s">
        <v>2446</v>
      </c>
      <c r="D8474" t="s">
        <v>403</v>
      </c>
    </row>
    <row r="8475" spans="1:4" x14ac:dyDescent="0.4">
      <c r="A8475">
        <v>2310826</v>
      </c>
      <c r="B8475" t="s">
        <v>2200</v>
      </c>
      <c r="C8475" t="s">
        <v>2446</v>
      </c>
      <c r="D8475" t="s">
        <v>7800</v>
      </c>
    </row>
    <row r="8476" spans="1:4" x14ac:dyDescent="0.4">
      <c r="A8476">
        <v>2310823</v>
      </c>
      <c r="B8476" t="s">
        <v>2200</v>
      </c>
      <c r="C8476" t="s">
        <v>2446</v>
      </c>
      <c r="D8476" t="s">
        <v>7801</v>
      </c>
    </row>
    <row r="8477" spans="1:4" x14ac:dyDescent="0.4">
      <c r="A8477">
        <v>2310824</v>
      </c>
      <c r="B8477" t="s">
        <v>2200</v>
      </c>
      <c r="C8477" t="s">
        <v>2446</v>
      </c>
      <c r="D8477" t="s">
        <v>7802</v>
      </c>
    </row>
    <row r="8478" spans="1:4" x14ac:dyDescent="0.4">
      <c r="A8478">
        <v>2310803</v>
      </c>
      <c r="B8478" t="s">
        <v>2200</v>
      </c>
      <c r="C8478" t="s">
        <v>2446</v>
      </c>
      <c r="D8478" t="s">
        <v>7803</v>
      </c>
    </row>
    <row r="8479" spans="1:4" x14ac:dyDescent="0.4">
      <c r="A8479">
        <v>2310821</v>
      </c>
      <c r="B8479" t="s">
        <v>2200</v>
      </c>
      <c r="C8479" t="s">
        <v>2446</v>
      </c>
      <c r="D8479" t="s">
        <v>7804</v>
      </c>
    </row>
    <row r="8480" spans="1:4" x14ac:dyDescent="0.4">
      <c r="A8480">
        <v>2310811</v>
      </c>
      <c r="B8480" t="s">
        <v>2200</v>
      </c>
      <c r="C8480" t="s">
        <v>2446</v>
      </c>
      <c r="D8480" t="s">
        <v>7805</v>
      </c>
    </row>
    <row r="8481" spans="1:4" x14ac:dyDescent="0.4">
      <c r="A8481">
        <v>2310825</v>
      </c>
      <c r="B8481" t="s">
        <v>2200</v>
      </c>
      <c r="C8481" t="s">
        <v>2446</v>
      </c>
      <c r="D8481" t="s">
        <v>7806</v>
      </c>
    </row>
    <row r="8482" spans="1:4" x14ac:dyDescent="0.4">
      <c r="A8482">
        <v>2310833</v>
      </c>
      <c r="B8482" t="s">
        <v>2200</v>
      </c>
      <c r="C8482" t="s">
        <v>2446</v>
      </c>
      <c r="D8482" t="s">
        <v>7807</v>
      </c>
    </row>
    <row r="8483" spans="1:4" x14ac:dyDescent="0.4">
      <c r="A8483">
        <v>2310832</v>
      </c>
      <c r="B8483" t="s">
        <v>2200</v>
      </c>
      <c r="C8483" t="s">
        <v>2446</v>
      </c>
      <c r="D8483" t="s">
        <v>7808</v>
      </c>
    </row>
    <row r="8484" spans="1:4" x14ac:dyDescent="0.4">
      <c r="A8484">
        <v>2310804</v>
      </c>
      <c r="B8484" t="s">
        <v>2200</v>
      </c>
      <c r="C8484" t="s">
        <v>2446</v>
      </c>
      <c r="D8484" t="s">
        <v>7809</v>
      </c>
    </row>
    <row r="8485" spans="1:4" x14ac:dyDescent="0.4">
      <c r="A8485">
        <v>2310822</v>
      </c>
      <c r="B8485" t="s">
        <v>2200</v>
      </c>
      <c r="C8485" t="s">
        <v>2446</v>
      </c>
      <c r="D8485" t="s">
        <v>7810</v>
      </c>
    </row>
    <row r="8486" spans="1:4" x14ac:dyDescent="0.4">
      <c r="A8486">
        <v>2310827</v>
      </c>
      <c r="B8486" t="s">
        <v>2200</v>
      </c>
      <c r="C8486" t="s">
        <v>2446</v>
      </c>
      <c r="D8486" t="s">
        <v>7811</v>
      </c>
    </row>
    <row r="8487" spans="1:4" x14ac:dyDescent="0.4">
      <c r="A8487">
        <v>2310806</v>
      </c>
      <c r="B8487" t="s">
        <v>2200</v>
      </c>
      <c r="C8487" t="s">
        <v>2446</v>
      </c>
      <c r="D8487" t="s">
        <v>7812</v>
      </c>
    </row>
    <row r="8488" spans="1:4" x14ac:dyDescent="0.4">
      <c r="A8488">
        <v>2310016</v>
      </c>
      <c r="B8488" t="s">
        <v>2200</v>
      </c>
      <c r="C8488" t="s">
        <v>2446</v>
      </c>
      <c r="D8488" t="s">
        <v>7813</v>
      </c>
    </row>
    <row r="8489" spans="1:4" x14ac:dyDescent="0.4">
      <c r="A8489">
        <v>2310025</v>
      </c>
      <c r="B8489" t="s">
        <v>2200</v>
      </c>
      <c r="C8489" t="s">
        <v>2446</v>
      </c>
      <c r="D8489" t="s">
        <v>7814</v>
      </c>
    </row>
    <row r="8490" spans="1:4" x14ac:dyDescent="0.4">
      <c r="A8490">
        <v>2310838</v>
      </c>
      <c r="B8490" t="s">
        <v>2200</v>
      </c>
      <c r="C8490" t="s">
        <v>2446</v>
      </c>
      <c r="D8490" t="s">
        <v>7815</v>
      </c>
    </row>
    <row r="8491" spans="1:4" x14ac:dyDescent="0.4">
      <c r="A8491">
        <v>2310017</v>
      </c>
      <c r="B8491" t="s">
        <v>2200</v>
      </c>
      <c r="C8491" t="s">
        <v>2446</v>
      </c>
      <c r="D8491" t="s">
        <v>4708</v>
      </c>
    </row>
    <row r="8492" spans="1:4" x14ac:dyDescent="0.4">
      <c r="A8492">
        <v>2310006</v>
      </c>
      <c r="B8492" t="s">
        <v>2200</v>
      </c>
      <c r="C8492" t="s">
        <v>2446</v>
      </c>
      <c r="D8492" t="s">
        <v>7816</v>
      </c>
    </row>
    <row r="8493" spans="1:4" x14ac:dyDescent="0.4">
      <c r="A8493">
        <v>2310816</v>
      </c>
      <c r="B8493" t="s">
        <v>2200</v>
      </c>
      <c r="C8493" t="s">
        <v>2446</v>
      </c>
      <c r="D8493" t="s">
        <v>7817</v>
      </c>
    </row>
    <row r="8494" spans="1:4" x14ac:dyDescent="0.4">
      <c r="A8494">
        <v>2310856</v>
      </c>
      <c r="B8494" t="s">
        <v>2200</v>
      </c>
      <c r="C8494" t="s">
        <v>2446</v>
      </c>
      <c r="D8494" t="s">
        <v>7818</v>
      </c>
    </row>
    <row r="8495" spans="1:4" x14ac:dyDescent="0.4">
      <c r="A8495">
        <v>2310065</v>
      </c>
      <c r="B8495" t="s">
        <v>2200</v>
      </c>
      <c r="C8495" t="s">
        <v>2446</v>
      </c>
      <c r="D8495" t="s">
        <v>7819</v>
      </c>
    </row>
    <row r="8496" spans="1:4" x14ac:dyDescent="0.4">
      <c r="A8496">
        <v>2310841</v>
      </c>
      <c r="B8496" t="s">
        <v>2200</v>
      </c>
      <c r="C8496" t="s">
        <v>2446</v>
      </c>
      <c r="D8496" t="s">
        <v>7820</v>
      </c>
    </row>
    <row r="8497" spans="1:4" x14ac:dyDescent="0.4">
      <c r="A8497">
        <v>2310034</v>
      </c>
      <c r="B8497" t="s">
        <v>2200</v>
      </c>
      <c r="C8497" t="s">
        <v>2446</v>
      </c>
      <c r="D8497" t="s">
        <v>7821</v>
      </c>
    </row>
    <row r="8498" spans="1:4" x14ac:dyDescent="0.4">
      <c r="A8498">
        <v>2310849</v>
      </c>
      <c r="B8498" t="s">
        <v>2200</v>
      </c>
      <c r="C8498" t="s">
        <v>2446</v>
      </c>
      <c r="D8498" t="s">
        <v>7822</v>
      </c>
    </row>
    <row r="8499" spans="1:4" x14ac:dyDescent="0.4">
      <c r="A8499">
        <v>2310004</v>
      </c>
      <c r="B8499" t="s">
        <v>2200</v>
      </c>
      <c r="C8499" t="s">
        <v>2446</v>
      </c>
      <c r="D8499" t="s">
        <v>7823</v>
      </c>
    </row>
    <row r="8500" spans="1:4" x14ac:dyDescent="0.4">
      <c r="A8500">
        <v>2310861</v>
      </c>
      <c r="B8500" t="s">
        <v>2200</v>
      </c>
      <c r="C8500" t="s">
        <v>2446</v>
      </c>
      <c r="D8500" t="s">
        <v>1841</v>
      </c>
    </row>
    <row r="8501" spans="1:4" x14ac:dyDescent="0.4">
      <c r="A8501">
        <v>2310831</v>
      </c>
      <c r="B8501" t="s">
        <v>2200</v>
      </c>
      <c r="C8501" t="s">
        <v>2446</v>
      </c>
      <c r="D8501" t="s">
        <v>7824</v>
      </c>
    </row>
    <row r="8502" spans="1:4" x14ac:dyDescent="0.4">
      <c r="A8502">
        <v>2310023</v>
      </c>
      <c r="B8502" t="s">
        <v>2200</v>
      </c>
      <c r="C8502" t="s">
        <v>2446</v>
      </c>
      <c r="D8502" t="s">
        <v>5229</v>
      </c>
    </row>
    <row r="8503" spans="1:4" x14ac:dyDescent="0.4">
      <c r="A8503">
        <v>2310036</v>
      </c>
      <c r="B8503" t="s">
        <v>2200</v>
      </c>
      <c r="C8503" t="s">
        <v>2446</v>
      </c>
      <c r="D8503" t="s">
        <v>1626</v>
      </c>
    </row>
    <row r="8504" spans="1:4" x14ac:dyDescent="0.4">
      <c r="A8504">
        <v>2310862</v>
      </c>
      <c r="B8504" t="s">
        <v>2200</v>
      </c>
      <c r="C8504" t="s">
        <v>2446</v>
      </c>
      <c r="D8504" t="s">
        <v>5896</v>
      </c>
    </row>
    <row r="8505" spans="1:4" x14ac:dyDescent="0.4">
      <c r="A8505">
        <v>2310846</v>
      </c>
      <c r="B8505" t="s">
        <v>2200</v>
      </c>
      <c r="C8505" t="s">
        <v>2446</v>
      </c>
      <c r="D8505" t="s">
        <v>6393</v>
      </c>
    </row>
    <row r="8506" spans="1:4" x14ac:dyDescent="0.4">
      <c r="A8506">
        <v>2310038</v>
      </c>
      <c r="B8506" t="s">
        <v>2200</v>
      </c>
      <c r="C8506" t="s">
        <v>2446</v>
      </c>
      <c r="D8506" t="s">
        <v>7825</v>
      </c>
    </row>
    <row r="8507" spans="1:4" x14ac:dyDescent="0.4">
      <c r="A8507">
        <v>2310851</v>
      </c>
      <c r="B8507" t="s">
        <v>2200</v>
      </c>
      <c r="C8507" t="s">
        <v>2446</v>
      </c>
      <c r="D8507" t="s">
        <v>7826</v>
      </c>
    </row>
    <row r="8508" spans="1:4" x14ac:dyDescent="0.4">
      <c r="A8508">
        <v>2310058</v>
      </c>
      <c r="B8508" t="s">
        <v>2200</v>
      </c>
      <c r="C8508" t="s">
        <v>2446</v>
      </c>
      <c r="D8508" t="s">
        <v>518</v>
      </c>
    </row>
    <row r="8509" spans="1:4" x14ac:dyDescent="0.4">
      <c r="A8509">
        <v>2310022</v>
      </c>
      <c r="B8509" t="s">
        <v>2200</v>
      </c>
      <c r="C8509" t="s">
        <v>2446</v>
      </c>
      <c r="D8509" t="s">
        <v>7827</v>
      </c>
    </row>
    <row r="8510" spans="1:4" x14ac:dyDescent="0.4">
      <c r="A8510">
        <v>2310041</v>
      </c>
      <c r="B8510" t="s">
        <v>2200</v>
      </c>
      <c r="C8510" t="s">
        <v>2446</v>
      </c>
      <c r="D8510" t="s">
        <v>7828</v>
      </c>
    </row>
    <row r="8511" spans="1:4" x14ac:dyDescent="0.4">
      <c r="A8511">
        <v>2310024</v>
      </c>
      <c r="B8511" t="s">
        <v>2200</v>
      </c>
      <c r="C8511" t="s">
        <v>2446</v>
      </c>
      <c r="D8511" t="s">
        <v>7829</v>
      </c>
    </row>
    <row r="8512" spans="1:4" x14ac:dyDescent="0.4">
      <c r="A8512">
        <v>2310056</v>
      </c>
      <c r="B8512" t="s">
        <v>2200</v>
      </c>
      <c r="C8512" t="s">
        <v>2446</v>
      </c>
      <c r="D8512" t="s">
        <v>219</v>
      </c>
    </row>
    <row r="8513" spans="1:4" x14ac:dyDescent="0.4">
      <c r="A8513">
        <v>2310805</v>
      </c>
      <c r="B8513" t="s">
        <v>2200</v>
      </c>
      <c r="C8513" t="s">
        <v>2446</v>
      </c>
      <c r="D8513" t="s">
        <v>7830</v>
      </c>
    </row>
    <row r="8514" spans="1:4" x14ac:dyDescent="0.4">
      <c r="A8514">
        <v>2320000</v>
      </c>
      <c r="B8514" t="s">
        <v>2200</v>
      </c>
      <c r="C8514" t="s">
        <v>7831</v>
      </c>
    </row>
    <row r="8515" spans="1:4" x14ac:dyDescent="0.4">
      <c r="A8515">
        <v>2320051</v>
      </c>
      <c r="B8515" t="s">
        <v>2200</v>
      </c>
      <c r="C8515" t="s">
        <v>7831</v>
      </c>
      <c r="D8515" t="s">
        <v>7832</v>
      </c>
    </row>
    <row r="8516" spans="1:4" x14ac:dyDescent="0.4">
      <c r="A8516">
        <v>2320052</v>
      </c>
      <c r="B8516" t="s">
        <v>2200</v>
      </c>
      <c r="C8516" t="s">
        <v>7831</v>
      </c>
      <c r="D8516" t="s">
        <v>7833</v>
      </c>
    </row>
    <row r="8517" spans="1:4" x14ac:dyDescent="0.4">
      <c r="A8517">
        <v>2320053</v>
      </c>
      <c r="B8517" t="s">
        <v>2200</v>
      </c>
      <c r="C8517" t="s">
        <v>7831</v>
      </c>
      <c r="D8517" t="s">
        <v>7834</v>
      </c>
    </row>
    <row r="8518" spans="1:4" x14ac:dyDescent="0.4">
      <c r="A8518">
        <v>2320024</v>
      </c>
      <c r="B8518" t="s">
        <v>2200</v>
      </c>
      <c r="C8518" t="s">
        <v>7831</v>
      </c>
      <c r="D8518" t="s">
        <v>7835</v>
      </c>
    </row>
    <row r="8519" spans="1:4" x14ac:dyDescent="0.4">
      <c r="A8519">
        <v>2320031</v>
      </c>
      <c r="B8519" t="s">
        <v>2200</v>
      </c>
      <c r="C8519" t="s">
        <v>7831</v>
      </c>
      <c r="D8519" t="s">
        <v>7836</v>
      </c>
    </row>
    <row r="8520" spans="1:4" x14ac:dyDescent="0.4">
      <c r="A8520">
        <v>2320044</v>
      </c>
      <c r="B8520" t="s">
        <v>2200</v>
      </c>
      <c r="C8520" t="s">
        <v>7831</v>
      </c>
      <c r="D8520" t="s">
        <v>2696</v>
      </c>
    </row>
    <row r="8521" spans="1:4" x14ac:dyDescent="0.4">
      <c r="A8521">
        <v>2320061</v>
      </c>
      <c r="B8521" t="s">
        <v>2200</v>
      </c>
      <c r="C8521" t="s">
        <v>7831</v>
      </c>
      <c r="D8521" t="s">
        <v>7837</v>
      </c>
    </row>
    <row r="8522" spans="1:4" x14ac:dyDescent="0.4">
      <c r="A8522">
        <v>2320054</v>
      </c>
      <c r="B8522" t="s">
        <v>2200</v>
      </c>
      <c r="C8522" t="s">
        <v>7831</v>
      </c>
      <c r="D8522" t="s">
        <v>134</v>
      </c>
    </row>
    <row r="8523" spans="1:4" x14ac:dyDescent="0.4">
      <c r="A8523">
        <v>2320008</v>
      </c>
      <c r="B8523" t="s">
        <v>2200</v>
      </c>
      <c r="C8523" t="s">
        <v>7831</v>
      </c>
      <c r="D8523" t="s">
        <v>7838</v>
      </c>
    </row>
    <row r="8524" spans="1:4" x14ac:dyDescent="0.4">
      <c r="A8524">
        <v>2320034</v>
      </c>
      <c r="B8524" t="s">
        <v>2200</v>
      </c>
      <c r="C8524" t="s">
        <v>7831</v>
      </c>
      <c r="D8524" t="s">
        <v>7839</v>
      </c>
    </row>
    <row r="8525" spans="1:4" x14ac:dyDescent="0.4">
      <c r="A8525">
        <v>2320015</v>
      </c>
      <c r="B8525" t="s">
        <v>2200</v>
      </c>
      <c r="C8525" t="s">
        <v>7831</v>
      </c>
      <c r="D8525" t="s">
        <v>7840</v>
      </c>
    </row>
    <row r="8526" spans="1:4" x14ac:dyDescent="0.4">
      <c r="A8526">
        <v>2320067</v>
      </c>
      <c r="B8526" t="s">
        <v>2200</v>
      </c>
      <c r="C8526" t="s">
        <v>7831</v>
      </c>
      <c r="D8526" t="s">
        <v>7841</v>
      </c>
    </row>
    <row r="8527" spans="1:4" x14ac:dyDescent="0.4">
      <c r="A8527">
        <v>2320013</v>
      </c>
      <c r="B8527" t="s">
        <v>2200</v>
      </c>
      <c r="C8527" t="s">
        <v>7831</v>
      </c>
      <c r="D8527" t="s">
        <v>4928</v>
      </c>
    </row>
    <row r="8528" spans="1:4" x14ac:dyDescent="0.4">
      <c r="A8528">
        <v>2320036</v>
      </c>
      <c r="B8528" t="s">
        <v>2200</v>
      </c>
      <c r="C8528" t="s">
        <v>7831</v>
      </c>
      <c r="D8528" t="s">
        <v>7842</v>
      </c>
    </row>
    <row r="8529" spans="1:4" x14ac:dyDescent="0.4">
      <c r="A8529">
        <v>2320007</v>
      </c>
      <c r="B8529" t="s">
        <v>2200</v>
      </c>
      <c r="C8529" t="s">
        <v>7831</v>
      </c>
      <c r="D8529" t="s">
        <v>7843</v>
      </c>
    </row>
    <row r="8530" spans="1:4" x14ac:dyDescent="0.4">
      <c r="A8530">
        <v>2320017</v>
      </c>
      <c r="B8530" t="s">
        <v>2200</v>
      </c>
      <c r="C8530" t="s">
        <v>7831</v>
      </c>
      <c r="D8530" t="s">
        <v>7844</v>
      </c>
    </row>
    <row r="8531" spans="1:4" x14ac:dyDescent="0.4">
      <c r="A8531">
        <v>2320005</v>
      </c>
      <c r="B8531" t="s">
        <v>2200</v>
      </c>
      <c r="C8531" t="s">
        <v>7831</v>
      </c>
      <c r="D8531" t="s">
        <v>3905</v>
      </c>
    </row>
    <row r="8532" spans="1:4" x14ac:dyDescent="0.4">
      <c r="A8532">
        <v>2320023</v>
      </c>
      <c r="B8532" t="s">
        <v>2200</v>
      </c>
      <c r="C8532" t="s">
        <v>7831</v>
      </c>
      <c r="D8532" t="s">
        <v>7845</v>
      </c>
    </row>
    <row r="8533" spans="1:4" x14ac:dyDescent="0.4">
      <c r="A8533">
        <v>2320027</v>
      </c>
      <c r="B8533" t="s">
        <v>2200</v>
      </c>
      <c r="C8533" t="s">
        <v>7831</v>
      </c>
      <c r="D8533" t="s">
        <v>7516</v>
      </c>
    </row>
    <row r="8534" spans="1:4" x14ac:dyDescent="0.4">
      <c r="A8534">
        <v>2320025</v>
      </c>
      <c r="B8534" t="s">
        <v>2200</v>
      </c>
      <c r="C8534" t="s">
        <v>7831</v>
      </c>
      <c r="D8534" t="s">
        <v>7846</v>
      </c>
    </row>
    <row r="8535" spans="1:4" x14ac:dyDescent="0.4">
      <c r="A8535">
        <v>2320022</v>
      </c>
      <c r="B8535" t="s">
        <v>2200</v>
      </c>
      <c r="C8535" t="s">
        <v>7831</v>
      </c>
      <c r="D8535" t="s">
        <v>11</v>
      </c>
    </row>
    <row r="8536" spans="1:4" x14ac:dyDescent="0.4">
      <c r="A8536">
        <v>2320056</v>
      </c>
      <c r="B8536" t="s">
        <v>2200</v>
      </c>
      <c r="C8536" t="s">
        <v>7831</v>
      </c>
      <c r="D8536" t="s">
        <v>7547</v>
      </c>
    </row>
    <row r="8537" spans="1:4" x14ac:dyDescent="0.4">
      <c r="A8537">
        <v>2320063</v>
      </c>
      <c r="B8537" t="s">
        <v>2200</v>
      </c>
      <c r="C8537" t="s">
        <v>7831</v>
      </c>
      <c r="D8537" t="s">
        <v>191</v>
      </c>
    </row>
    <row r="8538" spans="1:4" x14ac:dyDescent="0.4">
      <c r="A8538">
        <v>2320062</v>
      </c>
      <c r="B8538" t="s">
        <v>2200</v>
      </c>
      <c r="C8538" t="s">
        <v>7831</v>
      </c>
      <c r="D8538" t="s">
        <v>7847</v>
      </c>
    </row>
    <row r="8539" spans="1:4" x14ac:dyDescent="0.4">
      <c r="A8539">
        <v>2320055</v>
      </c>
      <c r="B8539" t="s">
        <v>2200</v>
      </c>
      <c r="C8539" t="s">
        <v>7831</v>
      </c>
      <c r="D8539" t="s">
        <v>3506</v>
      </c>
    </row>
    <row r="8540" spans="1:4" x14ac:dyDescent="0.4">
      <c r="A8540">
        <v>2320033</v>
      </c>
      <c r="B8540" t="s">
        <v>2200</v>
      </c>
      <c r="C8540" t="s">
        <v>7831</v>
      </c>
      <c r="D8540" t="s">
        <v>4264</v>
      </c>
    </row>
    <row r="8541" spans="1:4" x14ac:dyDescent="0.4">
      <c r="A8541">
        <v>2320074</v>
      </c>
      <c r="B8541" t="s">
        <v>2200</v>
      </c>
      <c r="C8541" t="s">
        <v>7831</v>
      </c>
      <c r="D8541" t="s">
        <v>7848</v>
      </c>
    </row>
    <row r="8542" spans="1:4" x14ac:dyDescent="0.4">
      <c r="A8542">
        <v>2320076</v>
      </c>
      <c r="B8542" t="s">
        <v>2200</v>
      </c>
      <c r="C8542" t="s">
        <v>7831</v>
      </c>
      <c r="D8542" t="s">
        <v>5887</v>
      </c>
    </row>
    <row r="8543" spans="1:4" x14ac:dyDescent="0.4">
      <c r="A8543">
        <v>2320075</v>
      </c>
      <c r="B8543" t="s">
        <v>2200</v>
      </c>
      <c r="C8543" t="s">
        <v>7831</v>
      </c>
      <c r="D8543" t="s">
        <v>7849</v>
      </c>
    </row>
    <row r="8544" spans="1:4" x14ac:dyDescent="0.4">
      <c r="A8544">
        <v>2320072</v>
      </c>
      <c r="B8544" t="s">
        <v>2200</v>
      </c>
      <c r="C8544" t="s">
        <v>7831</v>
      </c>
      <c r="D8544" t="s">
        <v>7850</v>
      </c>
    </row>
    <row r="8545" spans="1:4" x14ac:dyDescent="0.4">
      <c r="A8545">
        <v>2320073</v>
      </c>
      <c r="B8545" t="s">
        <v>2200</v>
      </c>
      <c r="C8545" t="s">
        <v>7831</v>
      </c>
      <c r="D8545" t="s">
        <v>7851</v>
      </c>
    </row>
    <row r="8546" spans="1:4" x14ac:dyDescent="0.4">
      <c r="A8546">
        <v>2320071</v>
      </c>
      <c r="B8546" t="s">
        <v>2200</v>
      </c>
      <c r="C8546" t="s">
        <v>7831</v>
      </c>
      <c r="D8546" t="s">
        <v>7852</v>
      </c>
    </row>
    <row r="8547" spans="1:4" x14ac:dyDescent="0.4">
      <c r="A8547">
        <v>2320003</v>
      </c>
      <c r="B8547" t="s">
        <v>2200</v>
      </c>
      <c r="C8547" t="s">
        <v>7831</v>
      </c>
      <c r="D8547" t="s">
        <v>7853</v>
      </c>
    </row>
    <row r="8548" spans="1:4" x14ac:dyDescent="0.4">
      <c r="A8548">
        <v>2320037</v>
      </c>
      <c r="B8548" t="s">
        <v>2200</v>
      </c>
      <c r="C8548" t="s">
        <v>7831</v>
      </c>
      <c r="D8548" t="s">
        <v>479</v>
      </c>
    </row>
    <row r="8549" spans="1:4" x14ac:dyDescent="0.4">
      <c r="A8549">
        <v>2320018</v>
      </c>
      <c r="B8549" t="s">
        <v>2200</v>
      </c>
      <c r="C8549" t="s">
        <v>7831</v>
      </c>
      <c r="D8549" t="s">
        <v>7854</v>
      </c>
    </row>
    <row r="8550" spans="1:4" x14ac:dyDescent="0.4">
      <c r="A8550">
        <v>2320011</v>
      </c>
      <c r="B8550" t="s">
        <v>2200</v>
      </c>
      <c r="C8550" t="s">
        <v>7831</v>
      </c>
      <c r="D8550" t="s">
        <v>7855</v>
      </c>
    </row>
    <row r="8551" spans="1:4" x14ac:dyDescent="0.4">
      <c r="A8551">
        <v>2320045</v>
      </c>
      <c r="B8551" t="s">
        <v>2200</v>
      </c>
      <c r="C8551" t="s">
        <v>7831</v>
      </c>
      <c r="D8551" t="s">
        <v>7856</v>
      </c>
    </row>
    <row r="8552" spans="1:4" x14ac:dyDescent="0.4">
      <c r="A8552">
        <v>2320001</v>
      </c>
      <c r="B8552" t="s">
        <v>2200</v>
      </c>
      <c r="C8552" t="s">
        <v>7831</v>
      </c>
      <c r="D8552" t="s">
        <v>7857</v>
      </c>
    </row>
    <row r="8553" spans="1:4" x14ac:dyDescent="0.4">
      <c r="A8553">
        <v>2320026</v>
      </c>
      <c r="B8553" t="s">
        <v>2200</v>
      </c>
      <c r="C8553" t="s">
        <v>7831</v>
      </c>
      <c r="D8553" t="s">
        <v>7858</v>
      </c>
    </row>
    <row r="8554" spans="1:4" x14ac:dyDescent="0.4">
      <c r="A8554">
        <v>2320035</v>
      </c>
      <c r="B8554" t="s">
        <v>2200</v>
      </c>
      <c r="C8554" t="s">
        <v>7831</v>
      </c>
      <c r="D8554" t="s">
        <v>7859</v>
      </c>
    </row>
    <row r="8555" spans="1:4" x14ac:dyDescent="0.4">
      <c r="A8555">
        <v>2320064</v>
      </c>
      <c r="B8555" t="s">
        <v>2200</v>
      </c>
      <c r="C8555" t="s">
        <v>7831</v>
      </c>
      <c r="D8555" t="s">
        <v>1606</v>
      </c>
    </row>
    <row r="8556" spans="1:4" x14ac:dyDescent="0.4">
      <c r="A8556">
        <v>2320065</v>
      </c>
      <c r="B8556" t="s">
        <v>2200</v>
      </c>
      <c r="C8556" t="s">
        <v>7831</v>
      </c>
      <c r="D8556" t="s">
        <v>7860</v>
      </c>
    </row>
    <row r="8557" spans="1:4" x14ac:dyDescent="0.4">
      <c r="A8557">
        <v>2320042</v>
      </c>
      <c r="B8557" t="s">
        <v>2200</v>
      </c>
      <c r="C8557" t="s">
        <v>7831</v>
      </c>
      <c r="D8557" t="s">
        <v>7861</v>
      </c>
    </row>
    <row r="8558" spans="1:4" x14ac:dyDescent="0.4">
      <c r="A8558">
        <v>2320043</v>
      </c>
      <c r="B8558" t="s">
        <v>2200</v>
      </c>
      <c r="C8558" t="s">
        <v>7831</v>
      </c>
      <c r="D8558" t="s">
        <v>7862</v>
      </c>
    </row>
    <row r="8559" spans="1:4" x14ac:dyDescent="0.4">
      <c r="A8559">
        <v>2320004</v>
      </c>
      <c r="B8559" t="s">
        <v>2200</v>
      </c>
      <c r="C8559" t="s">
        <v>7831</v>
      </c>
      <c r="D8559" t="s">
        <v>7863</v>
      </c>
    </row>
    <row r="8560" spans="1:4" x14ac:dyDescent="0.4">
      <c r="A8560">
        <v>2320021</v>
      </c>
      <c r="B8560" t="s">
        <v>2200</v>
      </c>
      <c r="C8560" t="s">
        <v>7831</v>
      </c>
      <c r="D8560" t="s">
        <v>7864</v>
      </c>
    </row>
    <row r="8561" spans="1:4" x14ac:dyDescent="0.4">
      <c r="A8561">
        <v>2320032</v>
      </c>
      <c r="B8561" t="s">
        <v>2200</v>
      </c>
      <c r="C8561" t="s">
        <v>7831</v>
      </c>
      <c r="D8561" t="s">
        <v>7865</v>
      </c>
    </row>
    <row r="8562" spans="1:4" x14ac:dyDescent="0.4">
      <c r="A8562">
        <v>2320006</v>
      </c>
      <c r="B8562" t="s">
        <v>2200</v>
      </c>
      <c r="C8562" t="s">
        <v>7831</v>
      </c>
      <c r="D8562" t="s">
        <v>7866</v>
      </c>
    </row>
    <row r="8563" spans="1:4" x14ac:dyDescent="0.4">
      <c r="A8563">
        <v>2450067</v>
      </c>
      <c r="B8563" t="s">
        <v>2200</v>
      </c>
      <c r="C8563" t="s">
        <v>2563</v>
      </c>
      <c r="D8563" t="s">
        <v>1775</v>
      </c>
    </row>
    <row r="8564" spans="1:4" x14ac:dyDescent="0.4">
      <c r="A8564">
        <v>2440813</v>
      </c>
      <c r="B8564" t="s">
        <v>2200</v>
      </c>
      <c r="C8564" t="s">
        <v>2563</v>
      </c>
      <c r="D8564" t="s">
        <v>7867</v>
      </c>
    </row>
    <row r="8565" spans="1:4" x14ac:dyDescent="0.4">
      <c r="A8565">
        <v>2440804</v>
      </c>
      <c r="B8565" t="s">
        <v>2200</v>
      </c>
      <c r="C8565" t="s">
        <v>2563</v>
      </c>
      <c r="D8565" t="s">
        <v>7868</v>
      </c>
    </row>
    <row r="8566" spans="1:4" x14ac:dyDescent="0.4">
      <c r="A8566">
        <v>2450066</v>
      </c>
      <c r="B8566" t="s">
        <v>2200</v>
      </c>
      <c r="C8566" t="s">
        <v>2563</v>
      </c>
      <c r="D8566" t="s">
        <v>7869</v>
      </c>
    </row>
    <row r="8567" spans="1:4" x14ac:dyDescent="0.4">
      <c r="A8567">
        <v>2440814</v>
      </c>
      <c r="B8567" t="s">
        <v>2200</v>
      </c>
      <c r="C8567" t="s">
        <v>2563</v>
      </c>
      <c r="D8567" t="s">
        <v>7870</v>
      </c>
    </row>
    <row r="8568" spans="1:4" x14ac:dyDescent="0.4">
      <c r="A8568">
        <v>2440002</v>
      </c>
      <c r="B8568" t="s">
        <v>2200</v>
      </c>
      <c r="C8568" t="s">
        <v>2563</v>
      </c>
      <c r="D8568" t="s">
        <v>3485</v>
      </c>
    </row>
    <row r="8569" spans="1:4" x14ac:dyDescent="0.4">
      <c r="A8569">
        <v>2440817</v>
      </c>
      <c r="B8569" t="s">
        <v>2200</v>
      </c>
      <c r="C8569" t="s">
        <v>2563</v>
      </c>
      <c r="D8569" t="s">
        <v>7828</v>
      </c>
    </row>
    <row r="8570" spans="1:4" x14ac:dyDescent="0.4">
      <c r="A8570">
        <v>2330000</v>
      </c>
      <c r="B8570" t="s">
        <v>2200</v>
      </c>
      <c r="C8570" t="s">
        <v>7871</v>
      </c>
    </row>
    <row r="8571" spans="1:4" x14ac:dyDescent="0.4">
      <c r="A8571">
        <v>2330007</v>
      </c>
      <c r="B8571" t="s">
        <v>2200</v>
      </c>
      <c r="C8571" t="s">
        <v>7871</v>
      </c>
      <c r="D8571" t="s">
        <v>139</v>
      </c>
    </row>
    <row r="8572" spans="1:4" x14ac:dyDescent="0.4">
      <c r="A8572">
        <v>2330001</v>
      </c>
      <c r="B8572" t="s">
        <v>2200</v>
      </c>
      <c r="C8572" t="s">
        <v>7871</v>
      </c>
      <c r="D8572" t="s">
        <v>7872</v>
      </c>
    </row>
    <row r="8573" spans="1:4" x14ac:dyDescent="0.4">
      <c r="A8573">
        <v>2330002</v>
      </c>
      <c r="B8573" t="s">
        <v>2200</v>
      </c>
      <c r="C8573" t="s">
        <v>7871</v>
      </c>
      <c r="D8573" t="s">
        <v>7873</v>
      </c>
    </row>
    <row r="8574" spans="1:4" x14ac:dyDescent="0.4">
      <c r="A8574">
        <v>2330012</v>
      </c>
      <c r="B8574" t="s">
        <v>2200</v>
      </c>
      <c r="C8574" t="s">
        <v>7871</v>
      </c>
      <c r="D8574" t="s">
        <v>7874</v>
      </c>
    </row>
    <row r="8575" spans="1:4" x14ac:dyDescent="0.4">
      <c r="A8575">
        <v>2330014</v>
      </c>
      <c r="B8575" t="s">
        <v>2200</v>
      </c>
      <c r="C8575" t="s">
        <v>7871</v>
      </c>
      <c r="D8575" t="s">
        <v>7875</v>
      </c>
    </row>
    <row r="8576" spans="1:4" x14ac:dyDescent="0.4">
      <c r="A8576">
        <v>2330003</v>
      </c>
      <c r="B8576" t="s">
        <v>2200</v>
      </c>
      <c r="C8576" t="s">
        <v>7871</v>
      </c>
      <c r="D8576" t="s">
        <v>7876</v>
      </c>
    </row>
    <row r="8577" spans="1:4" x14ac:dyDescent="0.4">
      <c r="A8577">
        <v>2340054</v>
      </c>
      <c r="B8577" t="s">
        <v>2200</v>
      </c>
      <c r="C8577" t="s">
        <v>7871</v>
      </c>
      <c r="D8577" t="s">
        <v>160</v>
      </c>
    </row>
    <row r="8578" spans="1:4" x14ac:dyDescent="0.4">
      <c r="A8578">
        <v>2330004</v>
      </c>
      <c r="B8578" t="s">
        <v>2200</v>
      </c>
      <c r="C8578" t="s">
        <v>7871</v>
      </c>
      <c r="D8578" t="s">
        <v>7877</v>
      </c>
    </row>
    <row r="8579" spans="1:4" x14ac:dyDescent="0.4">
      <c r="A8579">
        <v>2330008</v>
      </c>
      <c r="B8579" t="s">
        <v>2200</v>
      </c>
      <c r="C8579" t="s">
        <v>7871</v>
      </c>
      <c r="D8579" t="s">
        <v>7878</v>
      </c>
    </row>
    <row r="8580" spans="1:4" x14ac:dyDescent="0.4">
      <c r="A8580">
        <v>2340052</v>
      </c>
      <c r="B8580" t="s">
        <v>2200</v>
      </c>
      <c r="C8580" t="s">
        <v>7871</v>
      </c>
      <c r="D8580" t="s">
        <v>7879</v>
      </c>
    </row>
    <row r="8581" spans="1:4" x14ac:dyDescent="0.4">
      <c r="A8581">
        <v>2330016</v>
      </c>
      <c r="B8581" t="s">
        <v>2200</v>
      </c>
      <c r="C8581" t="s">
        <v>7871</v>
      </c>
      <c r="D8581" t="s">
        <v>7880</v>
      </c>
    </row>
    <row r="8582" spans="1:4" x14ac:dyDescent="0.4">
      <c r="A8582">
        <v>2330006</v>
      </c>
      <c r="B8582" t="s">
        <v>2200</v>
      </c>
      <c r="C8582" t="s">
        <v>7871</v>
      </c>
      <c r="D8582" t="s">
        <v>7881</v>
      </c>
    </row>
    <row r="8583" spans="1:4" x14ac:dyDescent="0.4">
      <c r="A8583">
        <v>2340056</v>
      </c>
      <c r="B8583" t="s">
        <v>2200</v>
      </c>
      <c r="C8583" t="s">
        <v>7871</v>
      </c>
      <c r="D8583" t="s">
        <v>7882</v>
      </c>
    </row>
    <row r="8584" spans="1:4" x14ac:dyDescent="0.4">
      <c r="A8584">
        <v>2330005</v>
      </c>
      <c r="B8584" t="s">
        <v>2200</v>
      </c>
      <c r="C8584" t="s">
        <v>7871</v>
      </c>
      <c r="D8584" t="s">
        <v>7883</v>
      </c>
    </row>
    <row r="8585" spans="1:4" x14ac:dyDescent="0.4">
      <c r="A8585">
        <v>2330011</v>
      </c>
      <c r="B8585" t="s">
        <v>2200</v>
      </c>
      <c r="C8585" t="s">
        <v>7871</v>
      </c>
      <c r="D8585" t="s">
        <v>7884</v>
      </c>
    </row>
    <row r="8586" spans="1:4" x14ac:dyDescent="0.4">
      <c r="A8586">
        <v>2330015</v>
      </c>
      <c r="B8586" t="s">
        <v>2200</v>
      </c>
      <c r="C8586" t="s">
        <v>7871</v>
      </c>
      <c r="D8586" t="s">
        <v>7885</v>
      </c>
    </row>
    <row r="8587" spans="1:4" x14ac:dyDescent="0.4">
      <c r="A8587">
        <v>2340051</v>
      </c>
      <c r="B8587" t="s">
        <v>2200</v>
      </c>
      <c r="C8587" t="s">
        <v>7871</v>
      </c>
      <c r="D8587" t="s">
        <v>3527</v>
      </c>
    </row>
    <row r="8588" spans="1:4" x14ac:dyDescent="0.4">
      <c r="A8588">
        <v>2340053</v>
      </c>
      <c r="B8588" t="s">
        <v>2200</v>
      </c>
      <c r="C8588" t="s">
        <v>7871</v>
      </c>
      <c r="D8588" t="s">
        <v>7886</v>
      </c>
    </row>
    <row r="8589" spans="1:4" x14ac:dyDescent="0.4">
      <c r="A8589">
        <v>2340055</v>
      </c>
      <c r="B8589" t="s">
        <v>2200</v>
      </c>
      <c r="C8589" t="s">
        <v>7871</v>
      </c>
      <c r="D8589" t="s">
        <v>7887</v>
      </c>
    </row>
    <row r="8590" spans="1:4" x14ac:dyDescent="0.4">
      <c r="A8590">
        <v>2330013</v>
      </c>
      <c r="B8590" t="s">
        <v>2200</v>
      </c>
      <c r="C8590" t="s">
        <v>7871</v>
      </c>
      <c r="D8590" t="s">
        <v>7888</v>
      </c>
    </row>
    <row r="8591" spans="1:4" x14ac:dyDescent="0.4">
      <c r="A8591">
        <v>2410000</v>
      </c>
      <c r="B8591" t="s">
        <v>2200</v>
      </c>
      <c r="C8591" t="s">
        <v>7889</v>
      </c>
    </row>
    <row r="8592" spans="1:4" x14ac:dyDescent="0.4">
      <c r="A8592">
        <v>2410014</v>
      </c>
      <c r="B8592" t="s">
        <v>2200</v>
      </c>
      <c r="C8592" t="s">
        <v>7889</v>
      </c>
      <c r="D8592" t="s">
        <v>7890</v>
      </c>
    </row>
    <row r="8593" spans="1:4" x14ac:dyDescent="0.4">
      <c r="A8593">
        <v>2410033</v>
      </c>
      <c r="B8593" t="s">
        <v>2200</v>
      </c>
      <c r="C8593" t="s">
        <v>7889</v>
      </c>
      <c r="D8593" t="s">
        <v>7891</v>
      </c>
    </row>
    <row r="8594" spans="1:4" x14ac:dyDescent="0.4">
      <c r="A8594">
        <v>2410817</v>
      </c>
      <c r="B8594" t="s">
        <v>2200</v>
      </c>
      <c r="C8594" t="s">
        <v>7889</v>
      </c>
      <c r="D8594" t="s">
        <v>4363</v>
      </c>
    </row>
    <row r="8595" spans="1:4" x14ac:dyDescent="0.4">
      <c r="A8595">
        <v>2410032</v>
      </c>
      <c r="B8595" t="s">
        <v>2200</v>
      </c>
      <c r="C8595" t="s">
        <v>7889</v>
      </c>
      <c r="D8595" t="s">
        <v>7892</v>
      </c>
    </row>
    <row r="8596" spans="1:4" x14ac:dyDescent="0.4">
      <c r="A8596">
        <v>2410031</v>
      </c>
      <c r="B8596" t="s">
        <v>2200</v>
      </c>
      <c r="C8596" t="s">
        <v>7889</v>
      </c>
      <c r="D8596" t="s">
        <v>7893</v>
      </c>
    </row>
    <row r="8597" spans="1:4" x14ac:dyDescent="0.4">
      <c r="A8597">
        <v>2410034</v>
      </c>
      <c r="B8597" t="s">
        <v>2200</v>
      </c>
      <c r="C8597" t="s">
        <v>7889</v>
      </c>
      <c r="D8597" t="s">
        <v>7894</v>
      </c>
    </row>
    <row r="8598" spans="1:4" x14ac:dyDescent="0.4">
      <c r="A8598">
        <v>2410813</v>
      </c>
      <c r="B8598" t="s">
        <v>2200</v>
      </c>
      <c r="C8598" t="s">
        <v>7889</v>
      </c>
      <c r="D8598" t="s">
        <v>7895</v>
      </c>
    </row>
    <row r="8599" spans="1:4" x14ac:dyDescent="0.4">
      <c r="A8599">
        <v>2410834</v>
      </c>
      <c r="B8599" t="s">
        <v>2200</v>
      </c>
      <c r="C8599" t="s">
        <v>7889</v>
      </c>
      <c r="D8599" t="s">
        <v>7896</v>
      </c>
    </row>
    <row r="8600" spans="1:4" x14ac:dyDescent="0.4">
      <c r="A8600">
        <v>2410015</v>
      </c>
      <c r="B8600" t="s">
        <v>2200</v>
      </c>
      <c r="C8600" t="s">
        <v>7889</v>
      </c>
      <c r="D8600" t="s">
        <v>7897</v>
      </c>
    </row>
    <row r="8601" spans="1:4" x14ac:dyDescent="0.4">
      <c r="A8601">
        <v>2410835</v>
      </c>
      <c r="B8601" t="s">
        <v>2200</v>
      </c>
      <c r="C8601" t="s">
        <v>7889</v>
      </c>
      <c r="D8601" t="s">
        <v>3324</v>
      </c>
    </row>
    <row r="8602" spans="1:4" x14ac:dyDescent="0.4">
      <c r="A8602">
        <v>2410812</v>
      </c>
      <c r="B8602" t="s">
        <v>2200</v>
      </c>
      <c r="C8602" t="s">
        <v>7889</v>
      </c>
      <c r="D8602" t="s">
        <v>7898</v>
      </c>
    </row>
    <row r="8603" spans="1:4" x14ac:dyDescent="0.4">
      <c r="A8603">
        <v>2410802</v>
      </c>
      <c r="B8603" t="s">
        <v>2200</v>
      </c>
      <c r="C8603" t="s">
        <v>7889</v>
      </c>
      <c r="D8603" t="s">
        <v>7899</v>
      </c>
    </row>
    <row r="8604" spans="1:4" x14ac:dyDescent="0.4">
      <c r="A8604">
        <v>2410002</v>
      </c>
      <c r="B8604" t="s">
        <v>2200</v>
      </c>
      <c r="C8604" t="s">
        <v>7889</v>
      </c>
      <c r="D8604" t="s">
        <v>7900</v>
      </c>
    </row>
    <row r="8605" spans="1:4" x14ac:dyDescent="0.4">
      <c r="A8605">
        <v>2410001</v>
      </c>
      <c r="B8605" t="s">
        <v>2200</v>
      </c>
      <c r="C8605" t="s">
        <v>7889</v>
      </c>
      <c r="D8605" t="s">
        <v>7901</v>
      </c>
    </row>
    <row r="8606" spans="1:4" x14ac:dyDescent="0.4">
      <c r="A8606">
        <v>2410804</v>
      </c>
      <c r="B8606" t="s">
        <v>2200</v>
      </c>
      <c r="C8606" t="s">
        <v>7889</v>
      </c>
      <c r="D8606" t="s">
        <v>7902</v>
      </c>
    </row>
    <row r="8607" spans="1:4" x14ac:dyDescent="0.4">
      <c r="A8607">
        <v>2410803</v>
      </c>
      <c r="B8607" t="s">
        <v>2200</v>
      </c>
      <c r="C8607" t="s">
        <v>7889</v>
      </c>
      <c r="D8607" t="s">
        <v>7903</v>
      </c>
    </row>
    <row r="8608" spans="1:4" x14ac:dyDescent="0.4">
      <c r="A8608">
        <v>2410011</v>
      </c>
      <c r="B8608" t="s">
        <v>2200</v>
      </c>
      <c r="C8608" t="s">
        <v>7889</v>
      </c>
      <c r="D8608" t="s">
        <v>7904</v>
      </c>
    </row>
    <row r="8609" spans="1:4" x14ac:dyDescent="0.4">
      <c r="A8609">
        <v>2410832</v>
      </c>
      <c r="B8609" t="s">
        <v>2200</v>
      </c>
      <c r="C8609" t="s">
        <v>7889</v>
      </c>
      <c r="D8609" t="s">
        <v>7905</v>
      </c>
    </row>
    <row r="8610" spans="1:4" x14ac:dyDescent="0.4">
      <c r="A8610">
        <v>2410831</v>
      </c>
      <c r="B8610" t="s">
        <v>2200</v>
      </c>
      <c r="C8610" t="s">
        <v>7889</v>
      </c>
      <c r="D8610" t="s">
        <v>7906</v>
      </c>
    </row>
    <row r="8611" spans="1:4" x14ac:dyDescent="0.4">
      <c r="A8611">
        <v>2410816</v>
      </c>
      <c r="B8611" t="s">
        <v>2200</v>
      </c>
      <c r="C8611" t="s">
        <v>7889</v>
      </c>
      <c r="D8611" t="s">
        <v>7907</v>
      </c>
    </row>
    <row r="8612" spans="1:4" x14ac:dyDescent="0.4">
      <c r="A8612">
        <v>2410822</v>
      </c>
      <c r="B8612" t="s">
        <v>2200</v>
      </c>
      <c r="C8612" t="s">
        <v>7889</v>
      </c>
      <c r="D8612" t="s">
        <v>2155</v>
      </c>
    </row>
    <row r="8613" spans="1:4" x14ac:dyDescent="0.4">
      <c r="A8613">
        <v>2410013</v>
      </c>
      <c r="B8613" t="s">
        <v>2200</v>
      </c>
      <c r="C8613" t="s">
        <v>7889</v>
      </c>
      <c r="D8613" t="s">
        <v>7908</v>
      </c>
    </row>
    <row r="8614" spans="1:4" x14ac:dyDescent="0.4">
      <c r="A8614">
        <v>2410025</v>
      </c>
      <c r="B8614" t="s">
        <v>2200</v>
      </c>
      <c r="C8614" t="s">
        <v>7889</v>
      </c>
      <c r="D8614" t="s">
        <v>7909</v>
      </c>
    </row>
    <row r="8615" spans="1:4" x14ac:dyDescent="0.4">
      <c r="A8615">
        <v>2410806</v>
      </c>
      <c r="B8615" t="s">
        <v>2200</v>
      </c>
      <c r="C8615" t="s">
        <v>7889</v>
      </c>
      <c r="D8615" t="s">
        <v>7910</v>
      </c>
    </row>
    <row r="8616" spans="1:4" x14ac:dyDescent="0.4">
      <c r="A8616">
        <v>2410005</v>
      </c>
      <c r="B8616" t="s">
        <v>2200</v>
      </c>
      <c r="C8616" t="s">
        <v>7889</v>
      </c>
      <c r="D8616" t="s">
        <v>7911</v>
      </c>
    </row>
    <row r="8617" spans="1:4" x14ac:dyDescent="0.4">
      <c r="A8617">
        <v>2410003</v>
      </c>
      <c r="B8617" t="s">
        <v>2200</v>
      </c>
      <c r="C8617" t="s">
        <v>7889</v>
      </c>
      <c r="D8617" t="s">
        <v>7912</v>
      </c>
    </row>
    <row r="8618" spans="1:4" x14ac:dyDescent="0.4">
      <c r="A8618">
        <v>2410823</v>
      </c>
      <c r="B8618" t="s">
        <v>2200</v>
      </c>
      <c r="C8618" t="s">
        <v>7889</v>
      </c>
      <c r="D8618" t="s">
        <v>7913</v>
      </c>
    </row>
    <row r="8619" spans="1:4" x14ac:dyDescent="0.4">
      <c r="A8619">
        <v>2410805</v>
      </c>
      <c r="B8619" t="s">
        <v>2200</v>
      </c>
      <c r="C8619" t="s">
        <v>7889</v>
      </c>
      <c r="D8619" t="s">
        <v>7914</v>
      </c>
    </row>
    <row r="8620" spans="1:4" x14ac:dyDescent="0.4">
      <c r="A8620">
        <v>2410022</v>
      </c>
      <c r="B8620" t="s">
        <v>2200</v>
      </c>
      <c r="C8620" t="s">
        <v>7889</v>
      </c>
      <c r="D8620" t="s">
        <v>7915</v>
      </c>
    </row>
    <row r="8621" spans="1:4" x14ac:dyDescent="0.4">
      <c r="A8621">
        <v>2410021</v>
      </c>
      <c r="B8621" t="s">
        <v>2200</v>
      </c>
      <c r="C8621" t="s">
        <v>7889</v>
      </c>
      <c r="D8621" t="s">
        <v>7916</v>
      </c>
    </row>
    <row r="8622" spans="1:4" x14ac:dyDescent="0.4">
      <c r="A8622">
        <v>2410815</v>
      </c>
      <c r="B8622" t="s">
        <v>2200</v>
      </c>
      <c r="C8622" t="s">
        <v>7889</v>
      </c>
      <c r="D8622" t="s">
        <v>189</v>
      </c>
    </row>
    <row r="8623" spans="1:4" x14ac:dyDescent="0.4">
      <c r="A8623">
        <v>2410825</v>
      </c>
      <c r="B8623" t="s">
        <v>2200</v>
      </c>
      <c r="C8623" t="s">
        <v>7889</v>
      </c>
      <c r="D8623" t="s">
        <v>7917</v>
      </c>
    </row>
    <row r="8624" spans="1:4" x14ac:dyDescent="0.4">
      <c r="A8624">
        <v>2410814</v>
      </c>
      <c r="B8624" t="s">
        <v>2200</v>
      </c>
      <c r="C8624" t="s">
        <v>7889</v>
      </c>
      <c r="D8624" t="s">
        <v>2044</v>
      </c>
    </row>
    <row r="8625" spans="1:4" x14ac:dyDescent="0.4">
      <c r="A8625">
        <v>2410004</v>
      </c>
      <c r="B8625" t="s">
        <v>2200</v>
      </c>
      <c r="C8625" t="s">
        <v>7889</v>
      </c>
      <c r="D8625" t="s">
        <v>7918</v>
      </c>
    </row>
    <row r="8626" spans="1:4" x14ac:dyDescent="0.4">
      <c r="A8626">
        <v>2410012</v>
      </c>
      <c r="B8626" t="s">
        <v>2200</v>
      </c>
      <c r="C8626" t="s">
        <v>7889</v>
      </c>
      <c r="D8626" t="s">
        <v>7919</v>
      </c>
    </row>
    <row r="8627" spans="1:4" x14ac:dyDescent="0.4">
      <c r="A8627">
        <v>2410826</v>
      </c>
      <c r="B8627" t="s">
        <v>2200</v>
      </c>
      <c r="C8627" t="s">
        <v>7889</v>
      </c>
      <c r="D8627" t="s">
        <v>7920</v>
      </c>
    </row>
    <row r="8628" spans="1:4" x14ac:dyDescent="0.4">
      <c r="A8628">
        <v>2410821</v>
      </c>
      <c r="B8628" t="s">
        <v>2200</v>
      </c>
      <c r="C8628" t="s">
        <v>7889</v>
      </c>
      <c r="D8628" t="s">
        <v>7921</v>
      </c>
    </row>
    <row r="8629" spans="1:4" x14ac:dyDescent="0.4">
      <c r="A8629">
        <v>2410023</v>
      </c>
      <c r="B8629" t="s">
        <v>2200</v>
      </c>
      <c r="C8629" t="s">
        <v>7889</v>
      </c>
      <c r="D8629" t="s">
        <v>3405</v>
      </c>
    </row>
    <row r="8630" spans="1:4" x14ac:dyDescent="0.4">
      <c r="A8630">
        <v>2410024</v>
      </c>
      <c r="B8630" t="s">
        <v>2200</v>
      </c>
      <c r="C8630" t="s">
        <v>7889</v>
      </c>
      <c r="D8630" t="s">
        <v>7922</v>
      </c>
    </row>
    <row r="8631" spans="1:4" x14ac:dyDescent="0.4">
      <c r="A8631">
        <v>2410836</v>
      </c>
      <c r="B8631" t="s">
        <v>2200</v>
      </c>
      <c r="C8631" t="s">
        <v>7889</v>
      </c>
      <c r="D8631" t="s">
        <v>7923</v>
      </c>
    </row>
    <row r="8632" spans="1:4" x14ac:dyDescent="0.4">
      <c r="A8632">
        <v>2410824</v>
      </c>
      <c r="B8632" t="s">
        <v>2200</v>
      </c>
      <c r="C8632" t="s">
        <v>7889</v>
      </c>
      <c r="D8632" t="s">
        <v>7924</v>
      </c>
    </row>
    <row r="8633" spans="1:4" x14ac:dyDescent="0.4">
      <c r="A8633">
        <v>2410833</v>
      </c>
      <c r="B8633" t="s">
        <v>2200</v>
      </c>
      <c r="C8633" t="s">
        <v>7889</v>
      </c>
      <c r="D8633" t="s">
        <v>7925</v>
      </c>
    </row>
    <row r="8634" spans="1:4" x14ac:dyDescent="0.4">
      <c r="A8634">
        <v>2410811</v>
      </c>
      <c r="B8634" t="s">
        <v>2200</v>
      </c>
      <c r="C8634" t="s">
        <v>7889</v>
      </c>
      <c r="D8634" t="s">
        <v>7926</v>
      </c>
    </row>
    <row r="8635" spans="1:4" x14ac:dyDescent="0.4">
      <c r="A8635">
        <v>2410801</v>
      </c>
      <c r="B8635" t="s">
        <v>2200</v>
      </c>
      <c r="C8635" t="s">
        <v>7889</v>
      </c>
      <c r="D8635" t="s">
        <v>665</v>
      </c>
    </row>
    <row r="8636" spans="1:4" x14ac:dyDescent="0.4">
      <c r="A8636">
        <v>2260000</v>
      </c>
      <c r="B8636" t="s">
        <v>2200</v>
      </c>
      <c r="C8636" t="s">
        <v>7927</v>
      </c>
    </row>
    <row r="8637" spans="1:4" x14ac:dyDescent="0.4">
      <c r="A8637">
        <v>2260022</v>
      </c>
      <c r="B8637" t="s">
        <v>2200</v>
      </c>
      <c r="C8637" t="s">
        <v>7927</v>
      </c>
      <c r="D8637" t="s">
        <v>7928</v>
      </c>
    </row>
    <row r="8638" spans="1:4" x14ac:dyDescent="0.4">
      <c r="A8638">
        <v>2260028</v>
      </c>
      <c r="B8638" t="s">
        <v>2200</v>
      </c>
      <c r="C8638" t="s">
        <v>7927</v>
      </c>
      <c r="D8638" t="s">
        <v>7929</v>
      </c>
    </row>
    <row r="8639" spans="1:4" x14ac:dyDescent="0.4">
      <c r="A8639">
        <v>2260012</v>
      </c>
      <c r="B8639" t="s">
        <v>2200</v>
      </c>
      <c r="C8639" t="s">
        <v>7927</v>
      </c>
      <c r="D8639" t="s">
        <v>7930</v>
      </c>
    </row>
    <row r="8640" spans="1:4" x14ac:dyDescent="0.4">
      <c r="A8640">
        <v>2260003</v>
      </c>
      <c r="B8640" t="s">
        <v>2200</v>
      </c>
      <c r="C8640" t="s">
        <v>7927</v>
      </c>
      <c r="D8640" t="s">
        <v>2299</v>
      </c>
    </row>
    <row r="8641" spans="1:4" x14ac:dyDescent="0.4">
      <c r="A8641">
        <v>2260004</v>
      </c>
      <c r="B8641" t="s">
        <v>2200</v>
      </c>
      <c r="C8641" t="s">
        <v>7927</v>
      </c>
      <c r="D8641" t="s">
        <v>7931</v>
      </c>
    </row>
    <row r="8642" spans="1:4" x14ac:dyDescent="0.4">
      <c r="A8642">
        <v>2260021</v>
      </c>
      <c r="B8642" t="s">
        <v>2200</v>
      </c>
      <c r="C8642" t="s">
        <v>7927</v>
      </c>
      <c r="D8642" t="s">
        <v>7932</v>
      </c>
    </row>
    <row r="8643" spans="1:4" x14ac:dyDescent="0.4">
      <c r="A8643">
        <v>2260016</v>
      </c>
      <c r="B8643" t="s">
        <v>2200</v>
      </c>
      <c r="C8643" t="s">
        <v>7927</v>
      </c>
      <c r="D8643" t="s">
        <v>7933</v>
      </c>
    </row>
    <row r="8644" spans="1:4" x14ac:dyDescent="0.4">
      <c r="A8644">
        <v>2260023</v>
      </c>
      <c r="B8644" t="s">
        <v>2200</v>
      </c>
      <c r="C8644" t="s">
        <v>7927</v>
      </c>
      <c r="D8644" t="s">
        <v>43</v>
      </c>
    </row>
    <row r="8645" spans="1:4" x14ac:dyDescent="0.4">
      <c r="A8645">
        <v>2260014</v>
      </c>
      <c r="B8645" t="s">
        <v>2200</v>
      </c>
      <c r="C8645" t="s">
        <v>7927</v>
      </c>
      <c r="D8645" t="s">
        <v>7934</v>
      </c>
    </row>
    <row r="8646" spans="1:4" x14ac:dyDescent="0.4">
      <c r="A8646">
        <v>2260005</v>
      </c>
      <c r="B8646" t="s">
        <v>2200</v>
      </c>
      <c r="C8646" t="s">
        <v>7927</v>
      </c>
      <c r="D8646" t="s">
        <v>7935</v>
      </c>
    </row>
    <row r="8647" spans="1:4" x14ac:dyDescent="0.4">
      <c r="A8647">
        <v>2260013</v>
      </c>
      <c r="B8647" t="s">
        <v>2200</v>
      </c>
      <c r="C8647" t="s">
        <v>7927</v>
      </c>
      <c r="D8647" t="s">
        <v>7936</v>
      </c>
    </row>
    <row r="8648" spans="1:4" x14ac:dyDescent="0.4">
      <c r="A8648">
        <v>2260025</v>
      </c>
      <c r="B8648" t="s">
        <v>2200</v>
      </c>
      <c r="C8648" t="s">
        <v>7927</v>
      </c>
      <c r="D8648" t="s">
        <v>7937</v>
      </c>
    </row>
    <row r="8649" spans="1:4" x14ac:dyDescent="0.4">
      <c r="A8649">
        <v>2260011</v>
      </c>
      <c r="B8649" t="s">
        <v>2200</v>
      </c>
      <c r="C8649" t="s">
        <v>7927</v>
      </c>
      <c r="D8649" t="s">
        <v>7938</v>
      </c>
    </row>
    <row r="8650" spans="1:4" x14ac:dyDescent="0.4">
      <c r="A8650">
        <v>2260027</v>
      </c>
      <c r="B8650" t="s">
        <v>2200</v>
      </c>
      <c r="C8650" t="s">
        <v>7927</v>
      </c>
      <c r="D8650" t="s">
        <v>7939</v>
      </c>
    </row>
    <row r="8651" spans="1:4" x14ac:dyDescent="0.4">
      <c r="A8651">
        <v>2260026</v>
      </c>
      <c r="B8651" t="s">
        <v>2200</v>
      </c>
      <c r="C8651" t="s">
        <v>7927</v>
      </c>
      <c r="D8651" t="s">
        <v>7940</v>
      </c>
    </row>
    <row r="8652" spans="1:4" x14ac:dyDescent="0.4">
      <c r="A8652">
        <v>2260018</v>
      </c>
      <c r="B8652" t="s">
        <v>2200</v>
      </c>
      <c r="C8652" t="s">
        <v>7927</v>
      </c>
      <c r="D8652" t="s">
        <v>7941</v>
      </c>
    </row>
    <row r="8653" spans="1:4" x14ac:dyDescent="0.4">
      <c r="A8653">
        <v>2260017</v>
      </c>
      <c r="B8653" t="s">
        <v>2200</v>
      </c>
      <c r="C8653" t="s">
        <v>7927</v>
      </c>
      <c r="D8653" t="s">
        <v>7942</v>
      </c>
    </row>
    <row r="8654" spans="1:4" x14ac:dyDescent="0.4">
      <c r="A8654">
        <v>2260024</v>
      </c>
      <c r="B8654" t="s">
        <v>2200</v>
      </c>
      <c r="C8654" t="s">
        <v>7927</v>
      </c>
      <c r="D8654" t="s">
        <v>7943</v>
      </c>
    </row>
    <row r="8655" spans="1:4" x14ac:dyDescent="0.4">
      <c r="A8655">
        <v>2260006</v>
      </c>
      <c r="B8655" t="s">
        <v>2200</v>
      </c>
      <c r="C8655" t="s">
        <v>7927</v>
      </c>
      <c r="D8655" t="s">
        <v>746</v>
      </c>
    </row>
    <row r="8656" spans="1:4" x14ac:dyDescent="0.4">
      <c r="A8656">
        <v>2260002</v>
      </c>
      <c r="B8656" t="s">
        <v>2200</v>
      </c>
      <c r="C8656" t="s">
        <v>7927</v>
      </c>
      <c r="D8656" t="s">
        <v>7944</v>
      </c>
    </row>
    <row r="8657" spans="1:4" x14ac:dyDescent="0.4">
      <c r="A8657">
        <v>2260001</v>
      </c>
      <c r="B8657" t="s">
        <v>2200</v>
      </c>
      <c r="C8657" t="s">
        <v>7927</v>
      </c>
      <c r="D8657" t="s">
        <v>7945</v>
      </c>
    </row>
    <row r="8658" spans="1:4" x14ac:dyDescent="0.4">
      <c r="A8658">
        <v>2260015</v>
      </c>
      <c r="B8658" t="s">
        <v>2200</v>
      </c>
      <c r="C8658" t="s">
        <v>7927</v>
      </c>
      <c r="D8658" t="s">
        <v>7946</v>
      </c>
    </row>
    <row r="8659" spans="1:4" x14ac:dyDescent="0.4">
      <c r="A8659">
        <v>2260029</v>
      </c>
      <c r="B8659" t="s">
        <v>2200</v>
      </c>
      <c r="C8659" t="s">
        <v>7927</v>
      </c>
      <c r="D8659" t="s">
        <v>7947</v>
      </c>
    </row>
    <row r="8660" spans="1:4" x14ac:dyDescent="0.4">
      <c r="A8660">
        <v>2460000</v>
      </c>
      <c r="B8660" t="s">
        <v>2200</v>
      </c>
      <c r="C8660" t="s">
        <v>7948</v>
      </c>
    </row>
    <row r="8661" spans="1:4" x14ac:dyDescent="0.4">
      <c r="A8661">
        <v>2460013</v>
      </c>
      <c r="B8661" t="s">
        <v>2200</v>
      </c>
      <c r="C8661" t="s">
        <v>7948</v>
      </c>
      <c r="D8661" t="s">
        <v>7949</v>
      </c>
    </row>
    <row r="8662" spans="1:4" x14ac:dyDescent="0.4">
      <c r="A8662">
        <v>2460023</v>
      </c>
      <c r="B8662" t="s">
        <v>2200</v>
      </c>
      <c r="C8662" t="s">
        <v>7948</v>
      </c>
      <c r="D8662" t="s">
        <v>7950</v>
      </c>
    </row>
    <row r="8663" spans="1:4" x14ac:dyDescent="0.4">
      <c r="A8663">
        <v>2460025</v>
      </c>
      <c r="B8663" t="s">
        <v>2200</v>
      </c>
      <c r="C8663" t="s">
        <v>7948</v>
      </c>
      <c r="D8663" t="s">
        <v>7951</v>
      </c>
    </row>
    <row r="8664" spans="1:4" x14ac:dyDescent="0.4">
      <c r="A8664">
        <v>2460026</v>
      </c>
      <c r="B8664" t="s">
        <v>2200</v>
      </c>
      <c r="C8664" t="s">
        <v>7948</v>
      </c>
      <c r="D8664" t="s">
        <v>7952</v>
      </c>
    </row>
    <row r="8665" spans="1:4" x14ac:dyDescent="0.4">
      <c r="A8665">
        <v>2460012</v>
      </c>
      <c r="B8665" t="s">
        <v>2200</v>
      </c>
      <c r="C8665" t="s">
        <v>7948</v>
      </c>
      <c r="D8665" t="s">
        <v>2142</v>
      </c>
    </row>
    <row r="8666" spans="1:4" x14ac:dyDescent="0.4">
      <c r="A8666">
        <v>2460011</v>
      </c>
      <c r="B8666" t="s">
        <v>2200</v>
      </c>
      <c r="C8666" t="s">
        <v>7948</v>
      </c>
      <c r="D8666" t="s">
        <v>7953</v>
      </c>
    </row>
    <row r="8667" spans="1:4" x14ac:dyDescent="0.4">
      <c r="A8667">
        <v>2460001</v>
      </c>
      <c r="B8667" t="s">
        <v>2200</v>
      </c>
      <c r="C8667" t="s">
        <v>7948</v>
      </c>
      <c r="D8667" t="s">
        <v>7954</v>
      </c>
    </row>
    <row r="8668" spans="1:4" x14ac:dyDescent="0.4">
      <c r="A8668">
        <v>2460006</v>
      </c>
      <c r="B8668" t="s">
        <v>2200</v>
      </c>
      <c r="C8668" t="s">
        <v>7948</v>
      </c>
      <c r="D8668" t="s">
        <v>7955</v>
      </c>
    </row>
    <row r="8669" spans="1:4" x14ac:dyDescent="0.4">
      <c r="A8669">
        <v>2460036</v>
      </c>
      <c r="B8669" t="s">
        <v>2200</v>
      </c>
      <c r="C8669" t="s">
        <v>7948</v>
      </c>
      <c r="D8669" t="s">
        <v>7956</v>
      </c>
    </row>
    <row r="8670" spans="1:4" x14ac:dyDescent="0.4">
      <c r="A8670">
        <v>2460002</v>
      </c>
      <c r="B8670" t="s">
        <v>2200</v>
      </c>
      <c r="C8670" t="s">
        <v>7948</v>
      </c>
      <c r="D8670" t="s">
        <v>3548</v>
      </c>
    </row>
    <row r="8671" spans="1:4" x14ac:dyDescent="0.4">
      <c r="A8671">
        <v>2460008</v>
      </c>
      <c r="B8671" t="s">
        <v>2200</v>
      </c>
      <c r="C8671" t="s">
        <v>7948</v>
      </c>
      <c r="D8671" t="s">
        <v>7957</v>
      </c>
    </row>
    <row r="8672" spans="1:4" x14ac:dyDescent="0.4">
      <c r="A8672">
        <v>2460035</v>
      </c>
      <c r="B8672" t="s">
        <v>2200</v>
      </c>
      <c r="C8672" t="s">
        <v>7948</v>
      </c>
      <c r="D8672" t="s">
        <v>7958</v>
      </c>
    </row>
    <row r="8673" spans="1:4" x14ac:dyDescent="0.4">
      <c r="A8673">
        <v>2460031</v>
      </c>
      <c r="B8673" t="s">
        <v>2200</v>
      </c>
      <c r="C8673" t="s">
        <v>7948</v>
      </c>
      <c r="D8673" t="s">
        <v>7959</v>
      </c>
    </row>
    <row r="8674" spans="1:4" x14ac:dyDescent="0.4">
      <c r="A8674">
        <v>2460003</v>
      </c>
      <c r="B8674" t="s">
        <v>2200</v>
      </c>
      <c r="C8674" t="s">
        <v>7948</v>
      </c>
      <c r="D8674" t="s">
        <v>7960</v>
      </c>
    </row>
    <row r="8675" spans="1:4" x14ac:dyDescent="0.4">
      <c r="A8675">
        <v>2460005</v>
      </c>
      <c r="B8675" t="s">
        <v>2200</v>
      </c>
      <c r="C8675" t="s">
        <v>7948</v>
      </c>
      <c r="D8675" t="s">
        <v>7961</v>
      </c>
    </row>
    <row r="8676" spans="1:4" x14ac:dyDescent="0.4">
      <c r="A8676">
        <v>2460014</v>
      </c>
      <c r="B8676" t="s">
        <v>2200</v>
      </c>
      <c r="C8676" t="s">
        <v>7948</v>
      </c>
      <c r="D8676" t="s">
        <v>184</v>
      </c>
    </row>
    <row r="8677" spans="1:4" x14ac:dyDescent="0.4">
      <c r="A8677">
        <v>2460004</v>
      </c>
      <c r="B8677" t="s">
        <v>2200</v>
      </c>
      <c r="C8677" t="s">
        <v>7948</v>
      </c>
      <c r="D8677" t="s">
        <v>7962</v>
      </c>
    </row>
    <row r="8678" spans="1:4" x14ac:dyDescent="0.4">
      <c r="A8678">
        <v>2460037</v>
      </c>
      <c r="B8678" t="s">
        <v>2200</v>
      </c>
      <c r="C8678" t="s">
        <v>7948</v>
      </c>
      <c r="D8678" t="s">
        <v>7963</v>
      </c>
    </row>
    <row r="8679" spans="1:4" x14ac:dyDescent="0.4">
      <c r="A8679">
        <v>2460021</v>
      </c>
      <c r="B8679" t="s">
        <v>2200</v>
      </c>
      <c r="C8679" t="s">
        <v>7948</v>
      </c>
      <c r="D8679" t="s">
        <v>7964</v>
      </c>
    </row>
    <row r="8680" spans="1:4" x14ac:dyDescent="0.4">
      <c r="A8680">
        <v>2460015</v>
      </c>
      <c r="B8680" t="s">
        <v>2200</v>
      </c>
      <c r="C8680" t="s">
        <v>7948</v>
      </c>
      <c r="D8680" t="s">
        <v>210</v>
      </c>
    </row>
    <row r="8681" spans="1:4" x14ac:dyDescent="0.4">
      <c r="A8681">
        <v>2460022</v>
      </c>
      <c r="B8681" t="s">
        <v>2200</v>
      </c>
      <c r="C8681" t="s">
        <v>7948</v>
      </c>
      <c r="D8681" t="s">
        <v>7965</v>
      </c>
    </row>
    <row r="8682" spans="1:4" x14ac:dyDescent="0.4">
      <c r="A8682">
        <v>2460034</v>
      </c>
      <c r="B8682" t="s">
        <v>2200</v>
      </c>
      <c r="C8682" t="s">
        <v>7948</v>
      </c>
      <c r="D8682" t="s">
        <v>7966</v>
      </c>
    </row>
    <row r="8683" spans="1:4" x14ac:dyDescent="0.4">
      <c r="A8683">
        <v>2460032</v>
      </c>
      <c r="B8683" t="s">
        <v>2200</v>
      </c>
      <c r="C8683" t="s">
        <v>7948</v>
      </c>
      <c r="D8683" t="s">
        <v>6392</v>
      </c>
    </row>
    <row r="8684" spans="1:4" x14ac:dyDescent="0.4">
      <c r="A8684">
        <v>2460038</v>
      </c>
      <c r="B8684" t="s">
        <v>2200</v>
      </c>
      <c r="C8684" t="s">
        <v>7948</v>
      </c>
      <c r="D8684" t="s">
        <v>5894</v>
      </c>
    </row>
    <row r="8685" spans="1:4" x14ac:dyDescent="0.4">
      <c r="A8685">
        <v>2460007</v>
      </c>
      <c r="B8685" t="s">
        <v>2200</v>
      </c>
      <c r="C8685" t="s">
        <v>7948</v>
      </c>
      <c r="D8685" t="s">
        <v>7967</v>
      </c>
    </row>
    <row r="8686" spans="1:4" x14ac:dyDescent="0.4">
      <c r="A8686">
        <v>2470000</v>
      </c>
      <c r="B8686" t="s">
        <v>2200</v>
      </c>
      <c r="C8686" t="s">
        <v>2206</v>
      </c>
    </row>
    <row r="8687" spans="1:4" x14ac:dyDescent="0.4">
      <c r="A8687">
        <v>2440842</v>
      </c>
      <c r="B8687" t="s">
        <v>2200</v>
      </c>
      <c r="C8687" t="s">
        <v>2206</v>
      </c>
      <c r="D8687" t="s">
        <v>7968</v>
      </c>
    </row>
    <row r="8688" spans="1:4" x14ac:dyDescent="0.4">
      <c r="A8688">
        <v>2470026</v>
      </c>
      <c r="B8688" t="s">
        <v>2200</v>
      </c>
      <c r="C8688" t="s">
        <v>2206</v>
      </c>
      <c r="D8688" t="s">
        <v>7969</v>
      </c>
    </row>
    <row r="8689" spans="1:4" x14ac:dyDescent="0.4">
      <c r="A8689">
        <v>2470027</v>
      </c>
      <c r="B8689" t="s">
        <v>2200</v>
      </c>
      <c r="C8689" t="s">
        <v>2206</v>
      </c>
      <c r="D8689" t="s">
        <v>7970</v>
      </c>
    </row>
    <row r="8690" spans="1:4" x14ac:dyDescent="0.4">
      <c r="A8690">
        <v>2470006</v>
      </c>
      <c r="B8690" t="s">
        <v>2200</v>
      </c>
      <c r="C8690" t="s">
        <v>2206</v>
      </c>
      <c r="D8690" t="s">
        <v>7971</v>
      </c>
    </row>
    <row r="8691" spans="1:4" x14ac:dyDescent="0.4">
      <c r="A8691">
        <v>2470009</v>
      </c>
      <c r="B8691" t="s">
        <v>2200</v>
      </c>
      <c r="C8691" t="s">
        <v>2206</v>
      </c>
      <c r="D8691" t="s">
        <v>7972</v>
      </c>
    </row>
    <row r="8692" spans="1:4" x14ac:dyDescent="0.4">
      <c r="A8692">
        <v>2470003</v>
      </c>
      <c r="B8692" t="s">
        <v>2200</v>
      </c>
      <c r="C8692" t="s">
        <v>2206</v>
      </c>
      <c r="D8692" t="s">
        <v>7973</v>
      </c>
    </row>
    <row r="8693" spans="1:4" x14ac:dyDescent="0.4">
      <c r="A8693">
        <v>2470031</v>
      </c>
      <c r="B8693" t="s">
        <v>2200</v>
      </c>
      <c r="C8693" t="s">
        <v>2206</v>
      </c>
      <c r="D8693" t="s">
        <v>7974</v>
      </c>
    </row>
    <row r="8694" spans="1:4" x14ac:dyDescent="0.4">
      <c r="A8694">
        <v>2470034</v>
      </c>
      <c r="B8694" t="s">
        <v>2200</v>
      </c>
      <c r="C8694" t="s">
        <v>2206</v>
      </c>
      <c r="D8694" t="s">
        <v>7975</v>
      </c>
    </row>
    <row r="8695" spans="1:4" x14ac:dyDescent="0.4">
      <c r="A8695">
        <v>2470035</v>
      </c>
      <c r="B8695" t="s">
        <v>2200</v>
      </c>
      <c r="C8695" t="s">
        <v>2206</v>
      </c>
      <c r="D8695" t="s">
        <v>7976</v>
      </c>
    </row>
    <row r="8696" spans="1:4" x14ac:dyDescent="0.4">
      <c r="A8696">
        <v>2470032</v>
      </c>
      <c r="B8696" t="s">
        <v>2200</v>
      </c>
      <c r="C8696" t="s">
        <v>2206</v>
      </c>
      <c r="D8696" t="s">
        <v>7977</v>
      </c>
    </row>
    <row r="8697" spans="1:4" x14ac:dyDescent="0.4">
      <c r="A8697">
        <v>2470033</v>
      </c>
      <c r="B8697" t="s">
        <v>2200</v>
      </c>
      <c r="C8697" t="s">
        <v>2206</v>
      </c>
      <c r="D8697" t="s">
        <v>7978</v>
      </c>
    </row>
    <row r="8698" spans="1:4" x14ac:dyDescent="0.4">
      <c r="A8698">
        <v>2470005</v>
      </c>
      <c r="B8698" t="s">
        <v>2200</v>
      </c>
      <c r="C8698" t="s">
        <v>2206</v>
      </c>
      <c r="D8698" t="s">
        <v>7979</v>
      </c>
    </row>
    <row r="8699" spans="1:4" x14ac:dyDescent="0.4">
      <c r="A8699">
        <v>2440845</v>
      </c>
      <c r="B8699" t="s">
        <v>2200</v>
      </c>
      <c r="C8699" t="s">
        <v>2206</v>
      </c>
      <c r="D8699" t="s">
        <v>3453</v>
      </c>
    </row>
    <row r="8700" spans="1:4" x14ac:dyDescent="0.4">
      <c r="A8700">
        <v>2470013</v>
      </c>
      <c r="B8700" t="s">
        <v>2200</v>
      </c>
      <c r="C8700" t="s">
        <v>2206</v>
      </c>
      <c r="D8700" t="s">
        <v>7980</v>
      </c>
    </row>
    <row r="8701" spans="1:4" x14ac:dyDescent="0.4">
      <c r="A8701">
        <v>2470025</v>
      </c>
      <c r="B8701" t="s">
        <v>2200</v>
      </c>
      <c r="C8701" t="s">
        <v>2206</v>
      </c>
      <c r="D8701" t="s">
        <v>7981</v>
      </c>
    </row>
    <row r="8702" spans="1:4" x14ac:dyDescent="0.4">
      <c r="A8702">
        <v>2470028</v>
      </c>
      <c r="B8702" t="s">
        <v>2200</v>
      </c>
      <c r="C8702" t="s">
        <v>2206</v>
      </c>
      <c r="D8702" t="s">
        <v>7172</v>
      </c>
    </row>
    <row r="8703" spans="1:4" x14ac:dyDescent="0.4">
      <c r="A8703">
        <v>2470014</v>
      </c>
      <c r="B8703" t="s">
        <v>2200</v>
      </c>
      <c r="C8703" t="s">
        <v>2206</v>
      </c>
      <c r="D8703" t="s">
        <v>7982</v>
      </c>
    </row>
    <row r="8704" spans="1:4" x14ac:dyDescent="0.4">
      <c r="A8704">
        <v>2470007</v>
      </c>
      <c r="B8704" t="s">
        <v>2200</v>
      </c>
      <c r="C8704" t="s">
        <v>2206</v>
      </c>
      <c r="D8704" t="s">
        <v>7983</v>
      </c>
    </row>
    <row r="8705" spans="1:4" x14ac:dyDescent="0.4">
      <c r="A8705">
        <v>2470001</v>
      </c>
      <c r="B8705" t="s">
        <v>2200</v>
      </c>
      <c r="C8705" t="s">
        <v>2206</v>
      </c>
      <c r="D8705" t="s">
        <v>7984</v>
      </c>
    </row>
    <row r="8706" spans="1:4" x14ac:dyDescent="0.4">
      <c r="A8706">
        <v>2470002</v>
      </c>
      <c r="B8706" t="s">
        <v>2200</v>
      </c>
      <c r="C8706" t="s">
        <v>2206</v>
      </c>
      <c r="D8706" t="s">
        <v>2753</v>
      </c>
    </row>
    <row r="8707" spans="1:4" x14ac:dyDescent="0.4">
      <c r="A8707">
        <v>2470022</v>
      </c>
      <c r="B8707" t="s">
        <v>2200</v>
      </c>
      <c r="C8707" t="s">
        <v>2206</v>
      </c>
      <c r="D8707" t="s">
        <v>7985</v>
      </c>
    </row>
    <row r="8708" spans="1:4" x14ac:dyDescent="0.4">
      <c r="A8708">
        <v>2440844</v>
      </c>
      <c r="B8708" t="s">
        <v>2200</v>
      </c>
      <c r="C8708" t="s">
        <v>2206</v>
      </c>
      <c r="D8708" t="s">
        <v>7986</v>
      </c>
    </row>
    <row r="8709" spans="1:4" x14ac:dyDescent="0.4">
      <c r="A8709">
        <v>2470015</v>
      </c>
      <c r="B8709" t="s">
        <v>2200</v>
      </c>
      <c r="C8709" t="s">
        <v>2206</v>
      </c>
      <c r="D8709" t="s">
        <v>23</v>
      </c>
    </row>
    <row r="8710" spans="1:4" x14ac:dyDescent="0.4">
      <c r="A8710">
        <v>2440843</v>
      </c>
      <c r="B8710" t="s">
        <v>2200</v>
      </c>
      <c r="C8710" t="s">
        <v>2206</v>
      </c>
      <c r="D8710" t="s">
        <v>7987</v>
      </c>
    </row>
    <row r="8711" spans="1:4" x14ac:dyDescent="0.4">
      <c r="A8711">
        <v>2470023</v>
      </c>
      <c r="B8711" t="s">
        <v>2200</v>
      </c>
      <c r="C8711" t="s">
        <v>2206</v>
      </c>
      <c r="D8711" t="s">
        <v>7988</v>
      </c>
    </row>
    <row r="8712" spans="1:4" x14ac:dyDescent="0.4">
      <c r="A8712">
        <v>2440841</v>
      </c>
      <c r="B8712" t="s">
        <v>2200</v>
      </c>
      <c r="C8712" t="s">
        <v>2206</v>
      </c>
      <c r="D8712" t="s">
        <v>1589</v>
      </c>
    </row>
    <row r="8713" spans="1:4" x14ac:dyDescent="0.4">
      <c r="A8713">
        <v>2470024</v>
      </c>
      <c r="B8713" t="s">
        <v>2200</v>
      </c>
      <c r="C8713" t="s">
        <v>2206</v>
      </c>
      <c r="D8713" t="s">
        <v>7989</v>
      </c>
    </row>
    <row r="8714" spans="1:4" x14ac:dyDescent="0.4">
      <c r="A8714">
        <v>2470004</v>
      </c>
      <c r="B8714" t="s">
        <v>2200</v>
      </c>
      <c r="C8714" t="s">
        <v>2206</v>
      </c>
      <c r="D8714" t="s">
        <v>7990</v>
      </c>
    </row>
    <row r="8715" spans="1:4" x14ac:dyDescent="0.4">
      <c r="A8715">
        <v>2100814</v>
      </c>
      <c r="B8715" t="s">
        <v>2200</v>
      </c>
      <c r="C8715" t="s">
        <v>2687</v>
      </c>
      <c r="D8715" t="s">
        <v>1571</v>
      </c>
    </row>
    <row r="8716" spans="1:4" x14ac:dyDescent="0.4">
      <c r="A8716">
        <v>2100853</v>
      </c>
      <c r="B8716" t="s">
        <v>2200</v>
      </c>
      <c r="C8716" t="s">
        <v>2687</v>
      </c>
      <c r="D8716" t="s">
        <v>7991</v>
      </c>
    </row>
    <row r="8717" spans="1:4" x14ac:dyDescent="0.4">
      <c r="A8717">
        <v>2100856</v>
      </c>
      <c r="B8717" t="s">
        <v>2200</v>
      </c>
      <c r="C8717" t="s">
        <v>2687</v>
      </c>
      <c r="D8717" t="s">
        <v>7992</v>
      </c>
    </row>
    <row r="8718" spans="1:4" x14ac:dyDescent="0.4">
      <c r="A8718">
        <v>2100822</v>
      </c>
      <c r="B8718" t="s">
        <v>2200</v>
      </c>
      <c r="C8718" t="s">
        <v>2687</v>
      </c>
      <c r="D8718" t="s">
        <v>372</v>
      </c>
    </row>
    <row r="8719" spans="1:4" x14ac:dyDescent="0.4">
      <c r="A8719">
        <v>2100802</v>
      </c>
      <c r="B8719" t="s">
        <v>2200</v>
      </c>
      <c r="C8719" t="s">
        <v>2687</v>
      </c>
      <c r="D8719" t="s">
        <v>7993</v>
      </c>
    </row>
    <row r="8720" spans="1:4" x14ac:dyDescent="0.4">
      <c r="A8720">
        <v>2100811</v>
      </c>
      <c r="B8720" t="s">
        <v>2200</v>
      </c>
      <c r="C8720" t="s">
        <v>2687</v>
      </c>
      <c r="D8720" t="s">
        <v>7994</v>
      </c>
    </row>
    <row r="8721" spans="1:4" x14ac:dyDescent="0.4">
      <c r="A8721">
        <v>2100815</v>
      </c>
      <c r="B8721" t="s">
        <v>2200</v>
      </c>
      <c r="C8721" t="s">
        <v>2687</v>
      </c>
      <c r="D8721" t="s">
        <v>7995</v>
      </c>
    </row>
    <row r="8722" spans="1:4" x14ac:dyDescent="0.4">
      <c r="A8722">
        <v>2100817</v>
      </c>
      <c r="B8722" t="s">
        <v>2200</v>
      </c>
      <c r="C8722" t="s">
        <v>2687</v>
      </c>
      <c r="D8722" t="s">
        <v>7996</v>
      </c>
    </row>
    <row r="8723" spans="1:4" x14ac:dyDescent="0.4">
      <c r="A8723">
        <v>2100816</v>
      </c>
      <c r="B8723" t="s">
        <v>2200</v>
      </c>
      <c r="C8723" t="s">
        <v>2687</v>
      </c>
      <c r="D8723" t="s">
        <v>7997</v>
      </c>
    </row>
    <row r="8724" spans="1:4" x14ac:dyDescent="0.4">
      <c r="A8724">
        <v>2100865</v>
      </c>
      <c r="B8724" t="s">
        <v>2200</v>
      </c>
      <c r="C8724" t="s">
        <v>2687</v>
      </c>
      <c r="D8724" t="s">
        <v>7610</v>
      </c>
    </row>
    <row r="8725" spans="1:4" x14ac:dyDescent="0.4">
      <c r="A8725">
        <v>2100026</v>
      </c>
      <c r="B8725" t="s">
        <v>2200</v>
      </c>
      <c r="C8725" t="s">
        <v>2687</v>
      </c>
      <c r="D8725" t="s">
        <v>3629</v>
      </c>
    </row>
    <row r="8726" spans="1:4" x14ac:dyDescent="0.4">
      <c r="A8726">
        <v>2100825</v>
      </c>
      <c r="B8726" t="s">
        <v>2200</v>
      </c>
      <c r="C8726" t="s">
        <v>2687</v>
      </c>
      <c r="D8726" t="s">
        <v>7998</v>
      </c>
    </row>
    <row r="8727" spans="1:4" x14ac:dyDescent="0.4">
      <c r="A8727">
        <v>2100821</v>
      </c>
      <c r="B8727" t="s">
        <v>2200</v>
      </c>
      <c r="C8727" t="s">
        <v>2687</v>
      </c>
      <c r="D8727" t="s">
        <v>7999</v>
      </c>
    </row>
    <row r="8728" spans="1:4" x14ac:dyDescent="0.4">
      <c r="A8728">
        <v>2100806</v>
      </c>
      <c r="B8728" t="s">
        <v>2200</v>
      </c>
      <c r="C8728" t="s">
        <v>2687</v>
      </c>
      <c r="D8728" t="s">
        <v>192</v>
      </c>
    </row>
    <row r="8729" spans="1:4" x14ac:dyDescent="0.4">
      <c r="A8729">
        <v>2100818</v>
      </c>
      <c r="B8729" t="s">
        <v>2200</v>
      </c>
      <c r="C8729" t="s">
        <v>2687</v>
      </c>
      <c r="D8729" t="s">
        <v>1757</v>
      </c>
    </row>
    <row r="8730" spans="1:4" x14ac:dyDescent="0.4">
      <c r="A8730">
        <v>2100024</v>
      </c>
      <c r="B8730" t="s">
        <v>2200</v>
      </c>
      <c r="C8730" t="s">
        <v>2687</v>
      </c>
      <c r="D8730" t="s">
        <v>8000</v>
      </c>
    </row>
    <row r="8731" spans="1:4" x14ac:dyDescent="0.4">
      <c r="A8731">
        <v>2100851</v>
      </c>
      <c r="B8731" t="s">
        <v>2200</v>
      </c>
      <c r="C8731" t="s">
        <v>2687</v>
      </c>
      <c r="D8731" t="s">
        <v>5602</v>
      </c>
    </row>
    <row r="8732" spans="1:4" x14ac:dyDescent="0.4">
      <c r="A8732">
        <v>2100869</v>
      </c>
      <c r="B8732" t="s">
        <v>2200</v>
      </c>
      <c r="C8732" t="s">
        <v>2687</v>
      </c>
      <c r="D8732" t="s">
        <v>8001</v>
      </c>
    </row>
    <row r="8733" spans="1:4" x14ac:dyDescent="0.4">
      <c r="A8733">
        <v>2100005</v>
      </c>
      <c r="B8733" t="s">
        <v>2200</v>
      </c>
      <c r="C8733" t="s">
        <v>2687</v>
      </c>
      <c r="D8733" t="s">
        <v>8002</v>
      </c>
    </row>
    <row r="8734" spans="1:4" x14ac:dyDescent="0.4">
      <c r="A8734">
        <v>2100812</v>
      </c>
      <c r="B8734" t="s">
        <v>2200</v>
      </c>
      <c r="C8734" t="s">
        <v>2687</v>
      </c>
      <c r="D8734" t="s">
        <v>8003</v>
      </c>
    </row>
    <row r="8735" spans="1:4" x14ac:dyDescent="0.4">
      <c r="A8735">
        <v>2100824</v>
      </c>
      <c r="B8735" t="s">
        <v>2200</v>
      </c>
      <c r="C8735" t="s">
        <v>2687</v>
      </c>
      <c r="D8735" t="s">
        <v>8004</v>
      </c>
    </row>
    <row r="8736" spans="1:4" x14ac:dyDescent="0.4">
      <c r="A8736">
        <v>2100804</v>
      </c>
      <c r="B8736" t="s">
        <v>2200</v>
      </c>
      <c r="C8736" t="s">
        <v>2687</v>
      </c>
      <c r="D8736" t="s">
        <v>3802</v>
      </c>
    </row>
    <row r="8737" spans="1:4" x14ac:dyDescent="0.4">
      <c r="A8737">
        <v>2100011</v>
      </c>
      <c r="B8737" t="s">
        <v>2200</v>
      </c>
      <c r="C8737" t="s">
        <v>2687</v>
      </c>
      <c r="D8737" t="s">
        <v>207</v>
      </c>
    </row>
    <row r="8738" spans="1:4" x14ac:dyDescent="0.4">
      <c r="A8738">
        <v>2100003</v>
      </c>
      <c r="B8738" t="s">
        <v>2200</v>
      </c>
      <c r="C8738" t="s">
        <v>2687</v>
      </c>
      <c r="D8738" t="s">
        <v>8005</v>
      </c>
    </row>
    <row r="8739" spans="1:4" x14ac:dyDescent="0.4">
      <c r="A8739">
        <v>2100001</v>
      </c>
      <c r="B8739" t="s">
        <v>2200</v>
      </c>
      <c r="C8739" t="s">
        <v>2687</v>
      </c>
      <c r="D8739" t="s">
        <v>403</v>
      </c>
    </row>
    <row r="8740" spans="1:4" x14ac:dyDescent="0.4">
      <c r="A8740">
        <v>2100866</v>
      </c>
      <c r="B8740" t="s">
        <v>2200</v>
      </c>
      <c r="C8740" t="s">
        <v>2687</v>
      </c>
      <c r="D8740" t="s">
        <v>8006</v>
      </c>
    </row>
    <row r="8741" spans="1:4" x14ac:dyDescent="0.4">
      <c r="A8741">
        <v>2100807</v>
      </c>
      <c r="B8741" t="s">
        <v>2200</v>
      </c>
      <c r="C8741" t="s">
        <v>2687</v>
      </c>
      <c r="D8741" t="s">
        <v>4708</v>
      </c>
    </row>
    <row r="8742" spans="1:4" x14ac:dyDescent="0.4">
      <c r="A8742">
        <v>2100015</v>
      </c>
      <c r="B8742" t="s">
        <v>2200</v>
      </c>
      <c r="C8742" t="s">
        <v>2687</v>
      </c>
      <c r="D8742" t="s">
        <v>1615</v>
      </c>
    </row>
    <row r="8743" spans="1:4" x14ac:dyDescent="0.4">
      <c r="A8743">
        <v>2100855</v>
      </c>
      <c r="B8743" t="s">
        <v>2200</v>
      </c>
      <c r="C8743" t="s">
        <v>2687</v>
      </c>
      <c r="D8743" t="s">
        <v>8007</v>
      </c>
    </row>
    <row r="8744" spans="1:4" x14ac:dyDescent="0.4">
      <c r="A8744">
        <v>2100012</v>
      </c>
      <c r="B8744" t="s">
        <v>2200</v>
      </c>
      <c r="C8744" t="s">
        <v>2687</v>
      </c>
      <c r="D8744" t="s">
        <v>5799</v>
      </c>
    </row>
    <row r="8745" spans="1:4" x14ac:dyDescent="0.4">
      <c r="A8745">
        <v>2100004</v>
      </c>
      <c r="B8745" t="s">
        <v>2200</v>
      </c>
      <c r="C8745" t="s">
        <v>2687</v>
      </c>
      <c r="D8745" t="s">
        <v>5844</v>
      </c>
    </row>
    <row r="8746" spans="1:4" x14ac:dyDescent="0.4">
      <c r="A8746">
        <v>2100021</v>
      </c>
      <c r="B8746" t="s">
        <v>2200</v>
      </c>
      <c r="C8746" t="s">
        <v>2687</v>
      </c>
      <c r="D8746" t="s">
        <v>8008</v>
      </c>
    </row>
    <row r="8747" spans="1:4" x14ac:dyDescent="0.4">
      <c r="A8747">
        <v>2100863</v>
      </c>
      <c r="B8747" t="s">
        <v>2200</v>
      </c>
      <c r="C8747" t="s">
        <v>2687</v>
      </c>
      <c r="D8747" t="s">
        <v>8009</v>
      </c>
    </row>
    <row r="8748" spans="1:4" x14ac:dyDescent="0.4">
      <c r="A8748">
        <v>2100828</v>
      </c>
      <c r="B8748" t="s">
        <v>2200</v>
      </c>
      <c r="C8748" t="s">
        <v>2687</v>
      </c>
      <c r="D8748" t="s">
        <v>8010</v>
      </c>
    </row>
    <row r="8749" spans="1:4" x14ac:dyDescent="0.4">
      <c r="A8749">
        <v>2100827</v>
      </c>
      <c r="B8749" t="s">
        <v>2200</v>
      </c>
      <c r="C8749" t="s">
        <v>2687</v>
      </c>
      <c r="D8749" t="s">
        <v>8011</v>
      </c>
    </row>
    <row r="8750" spans="1:4" x14ac:dyDescent="0.4">
      <c r="A8750">
        <v>2100837</v>
      </c>
      <c r="B8750" t="s">
        <v>2200</v>
      </c>
      <c r="C8750" t="s">
        <v>2687</v>
      </c>
      <c r="D8750" t="s">
        <v>8012</v>
      </c>
    </row>
    <row r="8751" spans="1:4" x14ac:dyDescent="0.4">
      <c r="A8751">
        <v>2100845</v>
      </c>
      <c r="B8751" t="s">
        <v>2200</v>
      </c>
      <c r="C8751" t="s">
        <v>2687</v>
      </c>
      <c r="D8751" t="s">
        <v>8013</v>
      </c>
    </row>
    <row r="8752" spans="1:4" x14ac:dyDescent="0.4">
      <c r="A8752">
        <v>2100844</v>
      </c>
      <c r="B8752" t="s">
        <v>2200</v>
      </c>
      <c r="C8752" t="s">
        <v>2687</v>
      </c>
      <c r="D8752" t="s">
        <v>8014</v>
      </c>
    </row>
    <row r="8753" spans="1:4" x14ac:dyDescent="0.4">
      <c r="A8753">
        <v>2100842</v>
      </c>
      <c r="B8753" t="s">
        <v>2200</v>
      </c>
      <c r="C8753" t="s">
        <v>2687</v>
      </c>
      <c r="D8753" t="s">
        <v>8015</v>
      </c>
    </row>
    <row r="8754" spans="1:4" x14ac:dyDescent="0.4">
      <c r="A8754">
        <v>2100841</v>
      </c>
      <c r="B8754" t="s">
        <v>2200</v>
      </c>
      <c r="C8754" t="s">
        <v>2687</v>
      </c>
      <c r="D8754" t="s">
        <v>8016</v>
      </c>
    </row>
    <row r="8755" spans="1:4" x14ac:dyDescent="0.4">
      <c r="A8755">
        <v>2120000</v>
      </c>
      <c r="B8755" t="s">
        <v>2200</v>
      </c>
      <c r="C8755" t="s">
        <v>8017</v>
      </c>
    </row>
    <row r="8756" spans="1:4" x14ac:dyDescent="0.4">
      <c r="A8756">
        <v>2120006</v>
      </c>
      <c r="B8756" t="s">
        <v>2200</v>
      </c>
      <c r="C8756" t="s">
        <v>8017</v>
      </c>
      <c r="D8756" t="s">
        <v>8018</v>
      </c>
    </row>
    <row r="8757" spans="1:4" x14ac:dyDescent="0.4">
      <c r="A8757">
        <v>2120014</v>
      </c>
      <c r="B8757" t="s">
        <v>2200</v>
      </c>
      <c r="C8757" t="s">
        <v>8017</v>
      </c>
      <c r="D8757" t="s">
        <v>7272</v>
      </c>
    </row>
    <row r="8758" spans="1:4" x14ac:dyDescent="0.4">
      <c r="A8758">
        <v>2120054</v>
      </c>
      <c r="B8758" t="s">
        <v>2200</v>
      </c>
      <c r="C8758" t="s">
        <v>8017</v>
      </c>
      <c r="D8758" t="s">
        <v>1972</v>
      </c>
    </row>
    <row r="8759" spans="1:4" x14ac:dyDescent="0.4">
      <c r="A8759">
        <v>2120058</v>
      </c>
      <c r="B8759" t="s">
        <v>2200</v>
      </c>
      <c r="C8759" t="s">
        <v>8017</v>
      </c>
      <c r="D8759" t="s">
        <v>8019</v>
      </c>
    </row>
    <row r="8760" spans="1:4" x14ac:dyDescent="0.4">
      <c r="A8760">
        <v>2120007</v>
      </c>
      <c r="B8760" t="s">
        <v>2200</v>
      </c>
      <c r="C8760" t="s">
        <v>8017</v>
      </c>
      <c r="D8760" t="s">
        <v>4844</v>
      </c>
    </row>
    <row r="8761" spans="1:4" x14ac:dyDescent="0.4">
      <c r="A8761">
        <v>2120057</v>
      </c>
      <c r="B8761" t="s">
        <v>2200</v>
      </c>
      <c r="C8761" t="s">
        <v>8017</v>
      </c>
      <c r="D8761" t="s">
        <v>8020</v>
      </c>
    </row>
    <row r="8762" spans="1:4" x14ac:dyDescent="0.4">
      <c r="A8762">
        <v>2120001</v>
      </c>
      <c r="B8762" t="s">
        <v>2200</v>
      </c>
      <c r="C8762" t="s">
        <v>8017</v>
      </c>
      <c r="D8762" t="s">
        <v>8021</v>
      </c>
    </row>
    <row r="8763" spans="1:4" x14ac:dyDescent="0.4">
      <c r="A8763">
        <v>2120002</v>
      </c>
      <c r="B8763" t="s">
        <v>2200</v>
      </c>
      <c r="C8763" t="s">
        <v>8017</v>
      </c>
      <c r="D8763" t="s">
        <v>8022</v>
      </c>
    </row>
    <row r="8764" spans="1:4" x14ac:dyDescent="0.4">
      <c r="A8764">
        <v>2120004</v>
      </c>
      <c r="B8764" t="s">
        <v>2200</v>
      </c>
      <c r="C8764" t="s">
        <v>8017</v>
      </c>
      <c r="D8764" t="s">
        <v>8023</v>
      </c>
    </row>
    <row r="8765" spans="1:4" x14ac:dyDescent="0.4">
      <c r="A8765">
        <v>2120003</v>
      </c>
      <c r="B8765" t="s">
        <v>2200</v>
      </c>
      <c r="C8765" t="s">
        <v>8017</v>
      </c>
      <c r="D8765" t="s">
        <v>8024</v>
      </c>
    </row>
    <row r="8766" spans="1:4" x14ac:dyDescent="0.4">
      <c r="A8766">
        <v>2120026</v>
      </c>
      <c r="B8766" t="s">
        <v>2200</v>
      </c>
      <c r="C8766" t="s">
        <v>8017</v>
      </c>
      <c r="D8766" t="s">
        <v>4901</v>
      </c>
    </row>
    <row r="8767" spans="1:4" x14ac:dyDescent="0.4">
      <c r="A8767">
        <v>2120011</v>
      </c>
      <c r="B8767" t="s">
        <v>2200</v>
      </c>
      <c r="C8767" t="s">
        <v>8017</v>
      </c>
      <c r="D8767" t="s">
        <v>72</v>
      </c>
    </row>
    <row r="8768" spans="1:4" x14ac:dyDescent="0.4">
      <c r="A8768">
        <v>2120053</v>
      </c>
      <c r="B8768" t="s">
        <v>2200</v>
      </c>
      <c r="C8768" t="s">
        <v>8017</v>
      </c>
      <c r="D8768" t="s">
        <v>8025</v>
      </c>
    </row>
    <row r="8769" spans="1:4" x14ac:dyDescent="0.4">
      <c r="A8769">
        <v>2120031</v>
      </c>
      <c r="B8769" t="s">
        <v>2200</v>
      </c>
      <c r="C8769" t="s">
        <v>8017</v>
      </c>
      <c r="D8769" t="s">
        <v>8026</v>
      </c>
    </row>
    <row r="8770" spans="1:4" x14ac:dyDescent="0.4">
      <c r="A8770">
        <v>2120032</v>
      </c>
      <c r="B8770" t="s">
        <v>2200</v>
      </c>
      <c r="C8770" t="s">
        <v>8017</v>
      </c>
      <c r="D8770" t="s">
        <v>8027</v>
      </c>
    </row>
    <row r="8771" spans="1:4" x14ac:dyDescent="0.4">
      <c r="A8771">
        <v>2120027</v>
      </c>
      <c r="B8771" t="s">
        <v>2200</v>
      </c>
      <c r="C8771" t="s">
        <v>8017</v>
      </c>
      <c r="D8771" t="s">
        <v>8028</v>
      </c>
    </row>
    <row r="8772" spans="1:4" x14ac:dyDescent="0.4">
      <c r="A8772">
        <v>2120022</v>
      </c>
      <c r="B8772" t="s">
        <v>2200</v>
      </c>
      <c r="C8772" t="s">
        <v>8017</v>
      </c>
      <c r="D8772" t="s">
        <v>2324</v>
      </c>
    </row>
    <row r="8773" spans="1:4" x14ac:dyDescent="0.4">
      <c r="A8773">
        <v>2120024</v>
      </c>
      <c r="B8773" t="s">
        <v>2200</v>
      </c>
      <c r="C8773" t="s">
        <v>8017</v>
      </c>
      <c r="D8773" t="s">
        <v>6036</v>
      </c>
    </row>
    <row r="8774" spans="1:4" x14ac:dyDescent="0.4">
      <c r="A8774">
        <v>2120005</v>
      </c>
      <c r="B8774" t="s">
        <v>2200</v>
      </c>
      <c r="C8774" t="s">
        <v>8017</v>
      </c>
      <c r="D8774" t="s">
        <v>8029</v>
      </c>
    </row>
    <row r="8775" spans="1:4" x14ac:dyDescent="0.4">
      <c r="A8775">
        <v>2120023</v>
      </c>
      <c r="B8775" t="s">
        <v>2200</v>
      </c>
      <c r="C8775" t="s">
        <v>8017</v>
      </c>
      <c r="D8775" t="s">
        <v>8030</v>
      </c>
    </row>
    <row r="8776" spans="1:4" x14ac:dyDescent="0.4">
      <c r="A8776">
        <v>2120012</v>
      </c>
      <c r="B8776" t="s">
        <v>2200</v>
      </c>
      <c r="C8776" t="s">
        <v>8017</v>
      </c>
      <c r="D8776" t="s">
        <v>8031</v>
      </c>
    </row>
    <row r="8777" spans="1:4" x14ac:dyDescent="0.4">
      <c r="A8777">
        <v>2120033</v>
      </c>
      <c r="B8777" t="s">
        <v>2200</v>
      </c>
      <c r="C8777" t="s">
        <v>8017</v>
      </c>
      <c r="D8777" t="s">
        <v>8032</v>
      </c>
    </row>
    <row r="8778" spans="1:4" x14ac:dyDescent="0.4">
      <c r="A8778">
        <v>2120051</v>
      </c>
      <c r="B8778" t="s">
        <v>2200</v>
      </c>
      <c r="C8778" t="s">
        <v>8017</v>
      </c>
      <c r="D8778" t="s">
        <v>8033</v>
      </c>
    </row>
    <row r="8779" spans="1:4" x14ac:dyDescent="0.4">
      <c r="A8779">
        <v>2120052</v>
      </c>
      <c r="B8779" t="s">
        <v>2200</v>
      </c>
      <c r="C8779" t="s">
        <v>8017</v>
      </c>
      <c r="D8779" t="s">
        <v>3960</v>
      </c>
    </row>
    <row r="8780" spans="1:4" x14ac:dyDescent="0.4">
      <c r="A8780">
        <v>2120025</v>
      </c>
      <c r="B8780" t="s">
        <v>2200</v>
      </c>
      <c r="C8780" t="s">
        <v>8017</v>
      </c>
      <c r="D8780" t="s">
        <v>8034</v>
      </c>
    </row>
    <row r="8781" spans="1:4" x14ac:dyDescent="0.4">
      <c r="A8781">
        <v>2120013</v>
      </c>
      <c r="B8781" t="s">
        <v>2200</v>
      </c>
      <c r="C8781" t="s">
        <v>8017</v>
      </c>
      <c r="D8781" t="s">
        <v>8035</v>
      </c>
    </row>
    <row r="8782" spans="1:4" x14ac:dyDescent="0.4">
      <c r="A8782">
        <v>2120055</v>
      </c>
      <c r="B8782" t="s">
        <v>2200</v>
      </c>
      <c r="C8782" t="s">
        <v>8017</v>
      </c>
      <c r="D8782" t="s">
        <v>8036</v>
      </c>
    </row>
    <row r="8783" spans="1:4" x14ac:dyDescent="0.4">
      <c r="A8783">
        <v>2120016</v>
      </c>
      <c r="B8783" t="s">
        <v>2200</v>
      </c>
      <c r="C8783" t="s">
        <v>8017</v>
      </c>
      <c r="D8783" t="s">
        <v>8037</v>
      </c>
    </row>
    <row r="8784" spans="1:4" x14ac:dyDescent="0.4">
      <c r="A8784">
        <v>2120021</v>
      </c>
      <c r="B8784" t="s">
        <v>2200</v>
      </c>
      <c r="C8784" t="s">
        <v>8017</v>
      </c>
      <c r="D8784" t="s">
        <v>7205</v>
      </c>
    </row>
    <row r="8785" spans="1:4" x14ac:dyDescent="0.4">
      <c r="A8785">
        <v>2120056</v>
      </c>
      <c r="B8785" t="s">
        <v>2200</v>
      </c>
      <c r="C8785" t="s">
        <v>8017</v>
      </c>
      <c r="D8785" t="s">
        <v>8038</v>
      </c>
    </row>
    <row r="8786" spans="1:4" x14ac:dyDescent="0.4">
      <c r="A8786">
        <v>2120015</v>
      </c>
      <c r="B8786" t="s">
        <v>2200</v>
      </c>
      <c r="C8786" t="s">
        <v>8017</v>
      </c>
      <c r="D8786" t="s">
        <v>2529</v>
      </c>
    </row>
    <row r="8787" spans="1:4" x14ac:dyDescent="0.4">
      <c r="A8787">
        <v>2110000</v>
      </c>
      <c r="B8787" t="s">
        <v>2200</v>
      </c>
      <c r="C8787" t="s">
        <v>8039</v>
      </c>
    </row>
    <row r="8788" spans="1:4" x14ac:dyDescent="0.4">
      <c r="A8788">
        <v>2110035</v>
      </c>
      <c r="B8788" t="s">
        <v>2200</v>
      </c>
      <c r="C8788" t="s">
        <v>8039</v>
      </c>
      <c r="D8788" t="s">
        <v>8040</v>
      </c>
    </row>
    <row r="8789" spans="1:4" x14ac:dyDescent="0.4">
      <c r="A8789">
        <v>2110037</v>
      </c>
      <c r="B8789" t="s">
        <v>2200</v>
      </c>
      <c r="C8789" t="s">
        <v>8039</v>
      </c>
      <c r="D8789" t="s">
        <v>8041</v>
      </c>
    </row>
    <row r="8790" spans="1:4" x14ac:dyDescent="0.4">
      <c r="A8790">
        <v>2110036</v>
      </c>
      <c r="B8790" t="s">
        <v>2200</v>
      </c>
      <c r="C8790" t="s">
        <v>8039</v>
      </c>
      <c r="D8790" t="s">
        <v>8042</v>
      </c>
    </row>
    <row r="8791" spans="1:4" x14ac:dyDescent="0.4">
      <c r="A8791">
        <v>2110034</v>
      </c>
      <c r="B8791" t="s">
        <v>2200</v>
      </c>
      <c r="C8791" t="s">
        <v>8039</v>
      </c>
      <c r="D8791" t="s">
        <v>8043</v>
      </c>
    </row>
    <row r="8792" spans="1:4" x14ac:dyDescent="0.4">
      <c r="A8792">
        <v>2110016</v>
      </c>
      <c r="B8792" t="s">
        <v>2200</v>
      </c>
      <c r="C8792" t="s">
        <v>8039</v>
      </c>
      <c r="D8792" t="s">
        <v>8044</v>
      </c>
    </row>
    <row r="8793" spans="1:4" x14ac:dyDescent="0.4">
      <c r="A8793">
        <v>2110067</v>
      </c>
      <c r="B8793" t="s">
        <v>2200</v>
      </c>
      <c r="C8793" t="s">
        <v>8039</v>
      </c>
      <c r="D8793" t="s">
        <v>8045</v>
      </c>
    </row>
    <row r="8794" spans="1:4" x14ac:dyDescent="0.4">
      <c r="A8794">
        <v>2110065</v>
      </c>
      <c r="B8794" t="s">
        <v>2200</v>
      </c>
      <c r="C8794" t="s">
        <v>8039</v>
      </c>
      <c r="D8794" t="s">
        <v>8046</v>
      </c>
    </row>
    <row r="8795" spans="1:4" x14ac:dyDescent="0.4">
      <c r="A8795">
        <v>2110066</v>
      </c>
      <c r="B8795" t="s">
        <v>2200</v>
      </c>
      <c r="C8795" t="s">
        <v>8039</v>
      </c>
      <c r="D8795" t="s">
        <v>8047</v>
      </c>
    </row>
    <row r="8796" spans="1:4" x14ac:dyDescent="0.4">
      <c r="A8796">
        <v>2110064</v>
      </c>
      <c r="B8796" t="s">
        <v>2200</v>
      </c>
      <c r="C8796" t="s">
        <v>8039</v>
      </c>
      <c r="D8796" t="s">
        <v>8048</v>
      </c>
    </row>
    <row r="8797" spans="1:4" x14ac:dyDescent="0.4">
      <c r="A8797">
        <v>2110023</v>
      </c>
      <c r="B8797" t="s">
        <v>2200</v>
      </c>
      <c r="C8797" t="s">
        <v>8039</v>
      </c>
      <c r="D8797" t="s">
        <v>8049</v>
      </c>
    </row>
    <row r="8798" spans="1:4" x14ac:dyDescent="0.4">
      <c r="A8798">
        <v>2110053</v>
      </c>
      <c r="B8798" t="s">
        <v>2200</v>
      </c>
      <c r="C8798" t="s">
        <v>8039</v>
      </c>
      <c r="D8798" t="s">
        <v>8050</v>
      </c>
    </row>
    <row r="8799" spans="1:4" x14ac:dyDescent="0.4">
      <c r="A8799">
        <v>2110045</v>
      </c>
      <c r="B8799" t="s">
        <v>2200</v>
      </c>
      <c r="C8799" t="s">
        <v>8039</v>
      </c>
      <c r="D8799" t="s">
        <v>8051</v>
      </c>
    </row>
    <row r="8800" spans="1:4" x14ac:dyDescent="0.4">
      <c r="A8800">
        <v>2110013</v>
      </c>
      <c r="B8800" t="s">
        <v>2200</v>
      </c>
      <c r="C8800" t="s">
        <v>8039</v>
      </c>
      <c r="D8800" t="s">
        <v>8052</v>
      </c>
    </row>
    <row r="8801" spans="1:4" x14ac:dyDescent="0.4">
      <c r="A8801">
        <v>2110003</v>
      </c>
      <c r="B8801" t="s">
        <v>2200</v>
      </c>
      <c r="C8801" t="s">
        <v>8039</v>
      </c>
      <c r="D8801" t="s">
        <v>8053</v>
      </c>
    </row>
    <row r="8802" spans="1:4" x14ac:dyDescent="0.4">
      <c r="A8802">
        <v>2110002</v>
      </c>
      <c r="B8802" t="s">
        <v>2200</v>
      </c>
      <c r="C8802" t="s">
        <v>8039</v>
      </c>
      <c r="D8802" t="s">
        <v>8054</v>
      </c>
    </row>
    <row r="8803" spans="1:4" x14ac:dyDescent="0.4">
      <c r="A8803">
        <v>2110007</v>
      </c>
      <c r="B8803" t="s">
        <v>2200</v>
      </c>
      <c r="C8803" t="s">
        <v>8039</v>
      </c>
      <c r="D8803" t="s">
        <v>8055</v>
      </c>
    </row>
    <row r="8804" spans="1:4" x14ac:dyDescent="0.4">
      <c r="A8804">
        <v>2110001</v>
      </c>
      <c r="B8804" t="s">
        <v>2200</v>
      </c>
      <c r="C8804" t="s">
        <v>8039</v>
      </c>
      <c r="D8804" t="s">
        <v>8056</v>
      </c>
    </row>
    <row r="8805" spans="1:4" x14ac:dyDescent="0.4">
      <c r="A8805">
        <v>2110022</v>
      </c>
      <c r="B8805" t="s">
        <v>2200</v>
      </c>
      <c r="C8805" t="s">
        <v>8039</v>
      </c>
      <c r="D8805" t="s">
        <v>8057</v>
      </c>
    </row>
    <row r="8806" spans="1:4" x14ac:dyDescent="0.4">
      <c r="A8806">
        <v>2110015</v>
      </c>
      <c r="B8806" t="s">
        <v>2200</v>
      </c>
      <c r="C8806" t="s">
        <v>8039</v>
      </c>
      <c r="D8806" t="s">
        <v>7464</v>
      </c>
    </row>
    <row r="8807" spans="1:4" x14ac:dyDescent="0.4">
      <c r="A8807">
        <v>2110025</v>
      </c>
      <c r="B8807" t="s">
        <v>2200</v>
      </c>
      <c r="C8807" t="s">
        <v>8039</v>
      </c>
      <c r="D8807" t="s">
        <v>8058</v>
      </c>
    </row>
    <row r="8808" spans="1:4" x14ac:dyDescent="0.4">
      <c r="A8808">
        <v>2110032</v>
      </c>
      <c r="B8808" t="s">
        <v>2200</v>
      </c>
      <c r="C8808" t="s">
        <v>8039</v>
      </c>
      <c r="D8808" t="s">
        <v>8059</v>
      </c>
    </row>
    <row r="8809" spans="1:4" x14ac:dyDescent="0.4">
      <c r="A8809">
        <v>2110033</v>
      </c>
      <c r="B8809" t="s">
        <v>2200</v>
      </c>
      <c r="C8809" t="s">
        <v>8039</v>
      </c>
      <c r="D8809" t="s">
        <v>8060</v>
      </c>
    </row>
    <row r="8810" spans="1:4" x14ac:dyDescent="0.4">
      <c r="A8810">
        <v>2110021</v>
      </c>
      <c r="B8810" t="s">
        <v>2200</v>
      </c>
      <c r="C8810" t="s">
        <v>8039</v>
      </c>
      <c r="D8810" t="s">
        <v>8061</v>
      </c>
    </row>
    <row r="8811" spans="1:4" x14ac:dyDescent="0.4">
      <c r="A8811">
        <v>2110031</v>
      </c>
      <c r="B8811" t="s">
        <v>2200</v>
      </c>
      <c r="C8811" t="s">
        <v>8039</v>
      </c>
      <c r="D8811" t="s">
        <v>8062</v>
      </c>
    </row>
    <row r="8812" spans="1:4" x14ac:dyDescent="0.4">
      <c r="A8812">
        <v>2110061</v>
      </c>
      <c r="B8812" t="s">
        <v>2200</v>
      </c>
      <c r="C8812" t="s">
        <v>8039</v>
      </c>
      <c r="D8812" t="s">
        <v>6456</v>
      </c>
    </row>
    <row r="8813" spans="1:4" x14ac:dyDescent="0.4">
      <c r="A8813">
        <v>2110068</v>
      </c>
      <c r="B8813" t="s">
        <v>2200</v>
      </c>
      <c r="C8813" t="s">
        <v>8039</v>
      </c>
      <c r="D8813" t="s">
        <v>8063</v>
      </c>
    </row>
    <row r="8814" spans="1:4" x14ac:dyDescent="0.4">
      <c r="A8814">
        <v>2110062</v>
      </c>
      <c r="B8814" t="s">
        <v>2200</v>
      </c>
      <c r="C8814" t="s">
        <v>8039</v>
      </c>
      <c r="D8814" t="s">
        <v>8064</v>
      </c>
    </row>
    <row r="8815" spans="1:4" x14ac:dyDescent="0.4">
      <c r="A8815">
        <v>2110063</v>
      </c>
      <c r="B8815" t="s">
        <v>2200</v>
      </c>
      <c r="C8815" t="s">
        <v>8039</v>
      </c>
      <c r="D8815" t="s">
        <v>8065</v>
      </c>
    </row>
    <row r="8816" spans="1:4" x14ac:dyDescent="0.4">
      <c r="A8816">
        <v>2110041</v>
      </c>
      <c r="B8816" t="s">
        <v>2200</v>
      </c>
      <c r="C8816" t="s">
        <v>8039</v>
      </c>
      <c r="D8816" t="s">
        <v>8066</v>
      </c>
    </row>
    <row r="8817" spans="1:4" x14ac:dyDescent="0.4">
      <c r="A8817">
        <v>2110042</v>
      </c>
      <c r="B8817" t="s">
        <v>2200</v>
      </c>
      <c r="C8817" t="s">
        <v>8039</v>
      </c>
      <c r="D8817" t="s">
        <v>8067</v>
      </c>
    </row>
    <row r="8818" spans="1:4" x14ac:dyDescent="0.4">
      <c r="A8818">
        <v>2110011</v>
      </c>
      <c r="B8818" t="s">
        <v>2200</v>
      </c>
      <c r="C8818" t="s">
        <v>8039</v>
      </c>
      <c r="D8818" t="s">
        <v>8068</v>
      </c>
    </row>
    <row r="8819" spans="1:4" x14ac:dyDescent="0.4">
      <c r="A8819">
        <v>2110044</v>
      </c>
      <c r="B8819" t="s">
        <v>2200</v>
      </c>
      <c r="C8819" t="s">
        <v>8039</v>
      </c>
      <c r="D8819" t="s">
        <v>4553</v>
      </c>
    </row>
    <row r="8820" spans="1:4" x14ac:dyDescent="0.4">
      <c r="A8820">
        <v>2110043</v>
      </c>
      <c r="B8820" t="s">
        <v>2200</v>
      </c>
      <c r="C8820" t="s">
        <v>8039</v>
      </c>
      <c r="D8820" t="s">
        <v>8069</v>
      </c>
    </row>
    <row r="8821" spans="1:4" x14ac:dyDescent="0.4">
      <c r="A8821">
        <v>2110005</v>
      </c>
      <c r="B8821" t="s">
        <v>2200</v>
      </c>
      <c r="C8821" t="s">
        <v>8039</v>
      </c>
      <c r="D8821" t="s">
        <v>8070</v>
      </c>
    </row>
    <row r="8822" spans="1:4" x14ac:dyDescent="0.4">
      <c r="A8822">
        <v>2110004</v>
      </c>
      <c r="B8822" t="s">
        <v>2200</v>
      </c>
      <c r="C8822" t="s">
        <v>8039</v>
      </c>
      <c r="D8822" t="s">
        <v>8071</v>
      </c>
    </row>
    <row r="8823" spans="1:4" x14ac:dyDescent="0.4">
      <c r="A8823">
        <v>2110014</v>
      </c>
      <c r="B8823" t="s">
        <v>2200</v>
      </c>
      <c r="C8823" t="s">
        <v>8039</v>
      </c>
      <c r="D8823" t="s">
        <v>8072</v>
      </c>
    </row>
    <row r="8824" spans="1:4" x14ac:dyDescent="0.4">
      <c r="A8824">
        <v>2110052</v>
      </c>
      <c r="B8824" t="s">
        <v>2200</v>
      </c>
      <c r="C8824" t="s">
        <v>8039</v>
      </c>
      <c r="D8824" t="s">
        <v>8073</v>
      </c>
    </row>
    <row r="8825" spans="1:4" x14ac:dyDescent="0.4">
      <c r="A8825">
        <v>2110012</v>
      </c>
      <c r="B8825" t="s">
        <v>2200</v>
      </c>
      <c r="C8825" t="s">
        <v>8039</v>
      </c>
      <c r="D8825" t="s">
        <v>8074</v>
      </c>
    </row>
    <row r="8826" spans="1:4" x14ac:dyDescent="0.4">
      <c r="A8826">
        <v>2110024</v>
      </c>
      <c r="B8826" t="s">
        <v>2200</v>
      </c>
      <c r="C8826" t="s">
        <v>8039</v>
      </c>
      <c r="D8826" t="s">
        <v>8075</v>
      </c>
    </row>
    <row r="8827" spans="1:4" x14ac:dyDescent="0.4">
      <c r="A8827">
        <v>2110006</v>
      </c>
      <c r="B8827" t="s">
        <v>2200</v>
      </c>
      <c r="C8827" t="s">
        <v>8039</v>
      </c>
      <c r="D8827" t="s">
        <v>8076</v>
      </c>
    </row>
    <row r="8828" spans="1:4" x14ac:dyDescent="0.4">
      <c r="A8828">
        <v>2110051</v>
      </c>
      <c r="B8828" t="s">
        <v>2200</v>
      </c>
      <c r="C8828" t="s">
        <v>8039</v>
      </c>
      <c r="D8828" t="s">
        <v>395</v>
      </c>
    </row>
    <row r="8829" spans="1:4" x14ac:dyDescent="0.4">
      <c r="A8829">
        <v>2130000</v>
      </c>
      <c r="B8829" t="s">
        <v>2200</v>
      </c>
      <c r="C8829" t="s">
        <v>8077</v>
      </c>
    </row>
    <row r="8830" spans="1:4" x14ac:dyDescent="0.4">
      <c r="A8830">
        <v>2130024</v>
      </c>
      <c r="B8830" t="s">
        <v>2200</v>
      </c>
      <c r="C8830" t="s">
        <v>8077</v>
      </c>
      <c r="D8830" t="s">
        <v>8078</v>
      </c>
    </row>
    <row r="8831" spans="1:4" x14ac:dyDescent="0.4">
      <c r="A8831">
        <v>2130031</v>
      </c>
      <c r="B8831" t="s">
        <v>2200</v>
      </c>
      <c r="C8831" t="s">
        <v>8077</v>
      </c>
      <c r="D8831" t="s">
        <v>8079</v>
      </c>
    </row>
    <row r="8832" spans="1:4" x14ac:dyDescent="0.4">
      <c r="A8832">
        <v>2130015</v>
      </c>
      <c r="B8832" t="s">
        <v>2200</v>
      </c>
      <c r="C8832" t="s">
        <v>8077</v>
      </c>
      <c r="D8832" t="s">
        <v>2224</v>
      </c>
    </row>
    <row r="8833" spans="1:4" x14ac:dyDescent="0.4">
      <c r="A8833">
        <v>2130025</v>
      </c>
      <c r="B8833" t="s">
        <v>2200</v>
      </c>
      <c r="C8833" t="s">
        <v>8077</v>
      </c>
      <c r="D8833" t="s">
        <v>8080</v>
      </c>
    </row>
    <row r="8834" spans="1:4" x14ac:dyDescent="0.4">
      <c r="A8834">
        <v>2130034</v>
      </c>
      <c r="B8834" t="s">
        <v>2200</v>
      </c>
      <c r="C8834" t="s">
        <v>8077</v>
      </c>
      <c r="D8834" t="s">
        <v>8081</v>
      </c>
    </row>
    <row r="8835" spans="1:4" x14ac:dyDescent="0.4">
      <c r="A8835">
        <v>2130005</v>
      </c>
      <c r="B8835" t="s">
        <v>2200</v>
      </c>
      <c r="C8835" t="s">
        <v>8077</v>
      </c>
      <c r="D8835" t="s">
        <v>8082</v>
      </c>
    </row>
    <row r="8836" spans="1:4" x14ac:dyDescent="0.4">
      <c r="A8836">
        <v>2130032</v>
      </c>
      <c r="B8836" t="s">
        <v>2200</v>
      </c>
      <c r="C8836" t="s">
        <v>8077</v>
      </c>
      <c r="D8836" t="s">
        <v>8083</v>
      </c>
    </row>
    <row r="8837" spans="1:4" x14ac:dyDescent="0.4">
      <c r="A8837">
        <v>2130012</v>
      </c>
      <c r="B8837" t="s">
        <v>2200</v>
      </c>
      <c r="C8837" t="s">
        <v>8077</v>
      </c>
      <c r="D8837" t="s">
        <v>353</v>
      </c>
    </row>
    <row r="8838" spans="1:4" x14ac:dyDescent="0.4">
      <c r="A8838">
        <v>2130023</v>
      </c>
      <c r="B8838" t="s">
        <v>2200</v>
      </c>
      <c r="C8838" t="s">
        <v>8077</v>
      </c>
      <c r="D8838" t="s">
        <v>8084</v>
      </c>
    </row>
    <row r="8839" spans="1:4" x14ac:dyDescent="0.4">
      <c r="A8839">
        <v>2130033</v>
      </c>
      <c r="B8839" t="s">
        <v>2200</v>
      </c>
      <c r="C8839" t="s">
        <v>8077</v>
      </c>
      <c r="D8839" t="s">
        <v>8085</v>
      </c>
    </row>
    <row r="8840" spans="1:4" x14ac:dyDescent="0.4">
      <c r="A8840">
        <v>2130006</v>
      </c>
      <c r="B8840" t="s">
        <v>2200</v>
      </c>
      <c r="C8840" t="s">
        <v>8077</v>
      </c>
      <c r="D8840" t="s">
        <v>8086</v>
      </c>
    </row>
    <row r="8841" spans="1:4" x14ac:dyDescent="0.4">
      <c r="A8841">
        <v>2130014</v>
      </c>
      <c r="B8841" t="s">
        <v>2200</v>
      </c>
      <c r="C8841" t="s">
        <v>8077</v>
      </c>
      <c r="D8841" t="s">
        <v>259</v>
      </c>
    </row>
    <row r="8842" spans="1:4" x14ac:dyDescent="0.4">
      <c r="A8842">
        <v>2130013</v>
      </c>
      <c r="B8842" t="s">
        <v>2200</v>
      </c>
      <c r="C8842" t="s">
        <v>8077</v>
      </c>
      <c r="D8842" t="s">
        <v>8087</v>
      </c>
    </row>
    <row r="8843" spans="1:4" x14ac:dyDescent="0.4">
      <c r="A8843">
        <v>2130004</v>
      </c>
      <c r="B8843" t="s">
        <v>2200</v>
      </c>
      <c r="C8843" t="s">
        <v>8077</v>
      </c>
      <c r="D8843" t="s">
        <v>3908</v>
      </c>
    </row>
    <row r="8844" spans="1:4" x14ac:dyDescent="0.4">
      <c r="A8844">
        <v>2130003</v>
      </c>
      <c r="B8844" t="s">
        <v>2200</v>
      </c>
      <c r="C8844" t="s">
        <v>8077</v>
      </c>
      <c r="D8844" t="s">
        <v>8088</v>
      </c>
    </row>
    <row r="8845" spans="1:4" x14ac:dyDescent="0.4">
      <c r="A8845">
        <v>2130022</v>
      </c>
      <c r="B8845" t="s">
        <v>2200</v>
      </c>
      <c r="C8845" t="s">
        <v>8077</v>
      </c>
      <c r="D8845" t="s">
        <v>5002</v>
      </c>
    </row>
    <row r="8846" spans="1:4" x14ac:dyDescent="0.4">
      <c r="A8846">
        <v>2130021</v>
      </c>
      <c r="B8846" t="s">
        <v>2200</v>
      </c>
      <c r="C8846" t="s">
        <v>8077</v>
      </c>
      <c r="D8846" t="s">
        <v>8089</v>
      </c>
    </row>
    <row r="8847" spans="1:4" x14ac:dyDescent="0.4">
      <c r="A8847">
        <v>2130027</v>
      </c>
      <c r="B8847" t="s">
        <v>2200</v>
      </c>
      <c r="C8847" t="s">
        <v>8077</v>
      </c>
      <c r="D8847" t="s">
        <v>2236</v>
      </c>
    </row>
    <row r="8848" spans="1:4" x14ac:dyDescent="0.4">
      <c r="A8848">
        <v>2130026</v>
      </c>
      <c r="B8848" t="s">
        <v>2200</v>
      </c>
      <c r="C8848" t="s">
        <v>8077</v>
      </c>
      <c r="D8848" t="s">
        <v>8090</v>
      </c>
    </row>
    <row r="8849" spans="1:4" x14ac:dyDescent="0.4">
      <c r="A8849">
        <v>2130011</v>
      </c>
      <c r="B8849" t="s">
        <v>2200</v>
      </c>
      <c r="C8849" t="s">
        <v>8077</v>
      </c>
      <c r="D8849" t="s">
        <v>8091</v>
      </c>
    </row>
    <row r="8850" spans="1:4" x14ac:dyDescent="0.4">
      <c r="A8850">
        <v>2130002</v>
      </c>
      <c r="B8850" t="s">
        <v>2200</v>
      </c>
      <c r="C8850" t="s">
        <v>8077</v>
      </c>
      <c r="D8850" t="s">
        <v>4031</v>
      </c>
    </row>
    <row r="8851" spans="1:4" x14ac:dyDescent="0.4">
      <c r="A8851">
        <v>2130001</v>
      </c>
      <c r="B8851" t="s">
        <v>2200</v>
      </c>
      <c r="C8851" t="s">
        <v>8077</v>
      </c>
      <c r="D8851" t="s">
        <v>8092</v>
      </c>
    </row>
    <row r="8852" spans="1:4" x14ac:dyDescent="0.4">
      <c r="A8852">
        <v>2130035</v>
      </c>
      <c r="B8852" t="s">
        <v>2200</v>
      </c>
      <c r="C8852" t="s">
        <v>8077</v>
      </c>
      <c r="D8852" t="s">
        <v>8093</v>
      </c>
    </row>
    <row r="8853" spans="1:4" x14ac:dyDescent="0.4">
      <c r="A8853">
        <v>2140000</v>
      </c>
      <c r="B8853" t="s">
        <v>2200</v>
      </c>
      <c r="C8853" t="s">
        <v>2208</v>
      </c>
    </row>
    <row r="8854" spans="1:4" x14ac:dyDescent="0.4">
      <c r="A8854">
        <v>2140038</v>
      </c>
      <c r="B8854" t="s">
        <v>2200</v>
      </c>
      <c r="C8854" t="s">
        <v>2208</v>
      </c>
      <c r="D8854" t="s">
        <v>8094</v>
      </c>
    </row>
    <row r="8855" spans="1:4" x14ac:dyDescent="0.4">
      <c r="A8855">
        <v>2140039</v>
      </c>
      <c r="B8855" t="s">
        <v>2200</v>
      </c>
      <c r="C8855" t="s">
        <v>2208</v>
      </c>
      <c r="D8855" t="s">
        <v>8095</v>
      </c>
    </row>
    <row r="8856" spans="1:4" x14ac:dyDescent="0.4">
      <c r="A8856">
        <v>2140021</v>
      </c>
      <c r="B8856" t="s">
        <v>2200</v>
      </c>
      <c r="C8856" t="s">
        <v>2208</v>
      </c>
      <c r="D8856" t="s">
        <v>8096</v>
      </c>
    </row>
    <row r="8857" spans="1:4" x14ac:dyDescent="0.4">
      <c r="A8857">
        <v>2140001</v>
      </c>
      <c r="B8857" t="s">
        <v>2200</v>
      </c>
      <c r="C8857" t="s">
        <v>2208</v>
      </c>
      <c r="D8857" t="s">
        <v>8097</v>
      </c>
    </row>
    <row r="8858" spans="1:4" x14ac:dyDescent="0.4">
      <c r="A8858">
        <v>2140003</v>
      </c>
      <c r="B8858" t="s">
        <v>2200</v>
      </c>
      <c r="C8858" t="s">
        <v>2208</v>
      </c>
      <c r="D8858" t="s">
        <v>8098</v>
      </c>
    </row>
    <row r="8859" spans="1:4" x14ac:dyDescent="0.4">
      <c r="A8859">
        <v>2140008</v>
      </c>
      <c r="B8859" t="s">
        <v>2200</v>
      </c>
      <c r="C8859" t="s">
        <v>2208</v>
      </c>
      <c r="D8859" t="s">
        <v>8099</v>
      </c>
    </row>
    <row r="8860" spans="1:4" x14ac:dyDescent="0.4">
      <c r="A8860">
        <v>2140007</v>
      </c>
      <c r="B8860" t="s">
        <v>2200</v>
      </c>
      <c r="C8860" t="s">
        <v>2208</v>
      </c>
      <c r="D8860" t="s">
        <v>8100</v>
      </c>
    </row>
    <row r="8861" spans="1:4" x14ac:dyDescent="0.4">
      <c r="A8861">
        <v>2140006</v>
      </c>
      <c r="B8861" t="s">
        <v>2200</v>
      </c>
      <c r="C8861" t="s">
        <v>2208</v>
      </c>
      <c r="D8861" t="s">
        <v>8101</v>
      </c>
    </row>
    <row r="8862" spans="1:4" x14ac:dyDescent="0.4">
      <c r="A8862">
        <v>2140002</v>
      </c>
      <c r="B8862" t="s">
        <v>2200</v>
      </c>
      <c r="C8862" t="s">
        <v>2208</v>
      </c>
      <c r="D8862" t="s">
        <v>8102</v>
      </c>
    </row>
    <row r="8863" spans="1:4" x14ac:dyDescent="0.4">
      <c r="A8863">
        <v>2140004</v>
      </c>
      <c r="B8863" t="s">
        <v>2200</v>
      </c>
      <c r="C8863" t="s">
        <v>2208</v>
      </c>
      <c r="D8863" t="s">
        <v>8103</v>
      </c>
    </row>
    <row r="8864" spans="1:4" x14ac:dyDescent="0.4">
      <c r="A8864">
        <v>2140022</v>
      </c>
      <c r="B8864" t="s">
        <v>2200</v>
      </c>
      <c r="C8864" t="s">
        <v>2208</v>
      </c>
      <c r="D8864" t="s">
        <v>8104</v>
      </c>
    </row>
    <row r="8865" spans="1:4" x14ac:dyDescent="0.4">
      <c r="A8865">
        <v>2480027</v>
      </c>
      <c r="B8865" t="s">
        <v>2200</v>
      </c>
      <c r="C8865" t="s">
        <v>3177</v>
      </c>
      <c r="D8865" t="s">
        <v>8105</v>
      </c>
    </row>
    <row r="8866" spans="1:4" x14ac:dyDescent="0.4">
      <c r="A8866">
        <v>2470066</v>
      </c>
      <c r="B8866" t="s">
        <v>2200</v>
      </c>
      <c r="C8866" t="s">
        <v>3177</v>
      </c>
      <c r="D8866" t="s">
        <v>406</v>
      </c>
    </row>
    <row r="8867" spans="1:4" x14ac:dyDescent="0.4">
      <c r="A8867">
        <v>2470062</v>
      </c>
      <c r="B8867" t="s">
        <v>2200</v>
      </c>
      <c r="C8867" t="s">
        <v>3177</v>
      </c>
      <c r="D8867" t="s">
        <v>8106</v>
      </c>
    </row>
    <row r="8868" spans="1:4" x14ac:dyDescent="0.4">
      <c r="A8868">
        <v>2480014</v>
      </c>
      <c r="B8868" t="s">
        <v>2200</v>
      </c>
      <c r="C8868" t="s">
        <v>3177</v>
      </c>
      <c r="D8868" t="s">
        <v>8107</v>
      </c>
    </row>
    <row r="8869" spans="1:4" x14ac:dyDescent="0.4">
      <c r="A8869">
        <v>2480005</v>
      </c>
      <c r="B8869" t="s">
        <v>2200</v>
      </c>
      <c r="C8869" t="s">
        <v>3177</v>
      </c>
      <c r="D8869" t="s">
        <v>8108</v>
      </c>
    </row>
    <row r="8870" spans="1:4" x14ac:dyDescent="0.4">
      <c r="A8870">
        <v>2510000</v>
      </c>
      <c r="B8870" t="s">
        <v>2200</v>
      </c>
      <c r="C8870" t="s">
        <v>8109</v>
      </c>
    </row>
    <row r="8871" spans="1:4" x14ac:dyDescent="0.4">
      <c r="A8871">
        <v>2510054</v>
      </c>
      <c r="B8871" t="s">
        <v>2200</v>
      </c>
      <c r="C8871" t="s">
        <v>8109</v>
      </c>
      <c r="D8871" t="s">
        <v>3387</v>
      </c>
    </row>
    <row r="8872" spans="1:4" x14ac:dyDescent="0.4">
      <c r="A8872">
        <v>2520815</v>
      </c>
      <c r="B8872" t="s">
        <v>2200</v>
      </c>
      <c r="C8872" t="s">
        <v>8109</v>
      </c>
      <c r="D8872" t="s">
        <v>313</v>
      </c>
    </row>
    <row r="8873" spans="1:4" x14ac:dyDescent="0.4">
      <c r="A8873">
        <v>2510862</v>
      </c>
      <c r="B8873" t="s">
        <v>2200</v>
      </c>
      <c r="C8873" t="s">
        <v>8109</v>
      </c>
      <c r="D8873" t="s">
        <v>7461</v>
      </c>
    </row>
    <row r="8874" spans="1:4" x14ac:dyDescent="0.4">
      <c r="A8874">
        <v>2520803</v>
      </c>
      <c r="B8874" t="s">
        <v>2200</v>
      </c>
      <c r="C8874" t="s">
        <v>8109</v>
      </c>
      <c r="D8874" t="s">
        <v>8110</v>
      </c>
    </row>
    <row r="8875" spans="1:4" x14ac:dyDescent="0.4">
      <c r="A8875">
        <v>2520824</v>
      </c>
      <c r="B8875" t="s">
        <v>2200</v>
      </c>
      <c r="C8875" t="s">
        <v>8109</v>
      </c>
      <c r="D8875" t="s">
        <v>8111</v>
      </c>
    </row>
    <row r="8876" spans="1:4" x14ac:dyDescent="0.4">
      <c r="A8876">
        <v>2510036</v>
      </c>
      <c r="B8876" t="s">
        <v>2200</v>
      </c>
      <c r="C8876" t="s">
        <v>8109</v>
      </c>
      <c r="D8876" t="s">
        <v>8112</v>
      </c>
    </row>
    <row r="8877" spans="1:4" x14ac:dyDescent="0.4">
      <c r="A8877">
        <v>2520805</v>
      </c>
      <c r="B8877" t="s">
        <v>2200</v>
      </c>
      <c r="C8877" t="s">
        <v>8109</v>
      </c>
      <c r="D8877" t="s">
        <v>8113</v>
      </c>
    </row>
    <row r="8878" spans="1:4" x14ac:dyDescent="0.4">
      <c r="A8878">
        <v>2520816</v>
      </c>
      <c r="B8878" t="s">
        <v>2200</v>
      </c>
      <c r="C8878" t="s">
        <v>8109</v>
      </c>
      <c r="D8878" t="s">
        <v>8114</v>
      </c>
    </row>
    <row r="8879" spans="1:4" x14ac:dyDescent="0.4">
      <c r="A8879">
        <v>2510861</v>
      </c>
      <c r="B8879" t="s">
        <v>2200</v>
      </c>
      <c r="C8879" t="s">
        <v>8109</v>
      </c>
      <c r="D8879" t="s">
        <v>7310</v>
      </c>
    </row>
    <row r="8880" spans="1:4" x14ac:dyDescent="0.4">
      <c r="A8880">
        <v>2520825</v>
      </c>
      <c r="B8880" t="s">
        <v>2200</v>
      </c>
      <c r="C8880" t="s">
        <v>8109</v>
      </c>
      <c r="D8880" t="s">
        <v>8115</v>
      </c>
    </row>
    <row r="8881" spans="1:4" x14ac:dyDescent="0.4">
      <c r="A8881">
        <v>2510032</v>
      </c>
      <c r="B8881" t="s">
        <v>2200</v>
      </c>
      <c r="C8881" t="s">
        <v>8109</v>
      </c>
      <c r="D8881" t="s">
        <v>8116</v>
      </c>
    </row>
    <row r="8882" spans="1:4" x14ac:dyDescent="0.4">
      <c r="A8882">
        <v>2510035</v>
      </c>
      <c r="B8882" t="s">
        <v>2200</v>
      </c>
      <c r="C8882" t="s">
        <v>8109</v>
      </c>
      <c r="D8882" t="s">
        <v>8117</v>
      </c>
    </row>
    <row r="8883" spans="1:4" x14ac:dyDescent="0.4">
      <c r="A8883">
        <v>2510034</v>
      </c>
      <c r="B8883" t="s">
        <v>2200</v>
      </c>
      <c r="C8883" t="s">
        <v>8109</v>
      </c>
      <c r="D8883" t="s">
        <v>8118</v>
      </c>
    </row>
    <row r="8884" spans="1:4" x14ac:dyDescent="0.4">
      <c r="A8884">
        <v>2510033</v>
      </c>
      <c r="B8884" t="s">
        <v>2200</v>
      </c>
      <c r="C8884" t="s">
        <v>8109</v>
      </c>
      <c r="D8884" t="s">
        <v>8119</v>
      </c>
    </row>
    <row r="8885" spans="1:4" x14ac:dyDescent="0.4">
      <c r="A8885">
        <v>2520813</v>
      </c>
      <c r="B8885" t="s">
        <v>2200</v>
      </c>
      <c r="C8885" t="s">
        <v>8109</v>
      </c>
      <c r="D8885" t="s">
        <v>8120</v>
      </c>
    </row>
    <row r="8886" spans="1:4" x14ac:dyDescent="0.4">
      <c r="A8886">
        <v>2510003</v>
      </c>
      <c r="B8886" t="s">
        <v>2200</v>
      </c>
      <c r="C8886" t="s">
        <v>8109</v>
      </c>
      <c r="D8886" t="s">
        <v>8121</v>
      </c>
    </row>
    <row r="8887" spans="1:4" x14ac:dyDescent="0.4">
      <c r="A8887">
        <v>2510015</v>
      </c>
      <c r="B8887" t="s">
        <v>2200</v>
      </c>
      <c r="C8887" t="s">
        <v>8109</v>
      </c>
      <c r="D8887" t="s">
        <v>2089</v>
      </c>
    </row>
    <row r="8888" spans="1:4" x14ac:dyDescent="0.4">
      <c r="A8888">
        <v>2520811</v>
      </c>
      <c r="B8888" t="s">
        <v>2200</v>
      </c>
      <c r="C8888" t="s">
        <v>8109</v>
      </c>
      <c r="D8888" t="s">
        <v>8122</v>
      </c>
    </row>
    <row r="8889" spans="1:4" x14ac:dyDescent="0.4">
      <c r="A8889">
        <v>2510022</v>
      </c>
      <c r="B8889" t="s">
        <v>2200</v>
      </c>
      <c r="C8889" t="s">
        <v>8109</v>
      </c>
      <c r="D8889" t="s">
        <v>8123</v>
      </c>
    </row>
    <row r="8890" spans="1:4" x14ac:dyDescent="0.4">
      <c r="A8890">
        <v>2510025</v>
      </c>
      <c r="B8890" t="s">
        <v>2200</v>
      </c>
      <c r="C8890" t="s">
        <v>8109</v>
      </c>
      <c r="D8890" t="s">
        <v>8124</v>
      </c>
    </row>
    <row r="8891" spans="1:4" x14ac:dyDescent="0.4">
      <c r="A8891">
        <v>2510037</v>
      </c>
      <c r="B8891" t="s">
        <v>2200</v>
      </c>
      <c r="C8891" t="s">
        <v>8109</v>
      </c>
      <c r="D8891" t="s">
        <v>8125</v>
      </c>
    </row>
    <row r="8892" spans="1:4" x14ac:dyDescent="0.4">
      <c r="A8892">
        <v>2510027</v>
      </c>
      <c r="B8892" t="s">
        <v>2200</v>
      </c>
      <c r="C8892" t="s">
        <v>8109</v>
      </c>
      <c r="D8892" t="s">
        <v>8126</v>
      </c>
    </row>
    <row r="8893" spans="1:4" x14ac:dyDescent="0.4">
      <c r="A8893">
        <v>2510021</v>
      </c>
      <c r="B8893" t="s">
        <v>2200</v>
      </c>
      <c r="C8893" t="s">
        <v>8109</v>
      </c>
      <c r="D8893" t="s">
        <v>8127</v>
      </c>
    </row>
    <row r="8894" spans="1:4" x14ac:dyDescent="0.4">
      <c r="A8894">
        <v>2510024</v>
      </c>
      <c r="B8894" t="s">
        <v>2200</v>
      </c>
      <c r="C8894" t="s">
        <v>8109</v>
      </c>
      <c r="D8894" t="s">
        <v>8128</v>
      </c>
    </row>
    <row r="8895" spans="1:4" x14ac:dyDescent="0.4">
      <c r="A8895">
        <v>2510023</v>
      </c>
      <c r="B8895" t="s">
        <v>2200</v>
      </c>
      <c r="C8895" t="s">
        <v>8109</v>
      </c>
      <c r="D8895" t="s">
        <v>8129</v>
      </c>
    </row>
    <row r="8896" spans="1:4" x14ac:dyDescent="0.4">
      <c r="A8896">
        <v>2510031</v>
      </c>
      <c r="B8896" t="s">
        <v>2200</v>
      </c>
      <c r="C8896" t="s">
        <v>8109</v>
      </c>
      <c r="D8896" t="s">
        <v>8130</v>
      </c>
    </row>
    <row r="8897" spans="1:4" x14ac:dyDescent="0.4">
      <c r="A8897">
        <v>2510038</v>
      </c>
      <c r="B8897" t="s">
        <v>2200</v>
      </c>
      <c r="C8897" t="s">
        <v>8109</v>
      </c>
      <c r="D8897" t="s">
        <v>8131</v>
      </c>
    </row>
    <row r="8898" spans="1:4" x14ac:dyDescent="0.4">
      <c r="A8898">
        <v>2510026</v>
      </c>
      <c r="B8898" t="s">
        <v>2200</v>
      </c>
      <c r="C8898" t="s">
        <v>8109</v>
      </c>
      <c r="D8898" t="s">
        <v>8132</v>
      </c>
    </row>
    <row r="8899" spans="1:4" x14ac:dyDescent="0.4">
      <c r="A8899">
        <v>2520822</v>
      </c>
      <c r="B8899" t="s">
        <v>2200</v>
      </c>
      <c r="C8899" t="s">
        <v>8109</v>
      </c>
      <c r="D8899" t="s">
        <v>4869</v>
      </c>
    </row>
    <row r="8900" spans="1:4" x14ac:dyDescent="0.4">
      <c r="A8900">
        <v>2510013</v>
      </c>
      <c r="B8900" t="s">
        <v>2200</v>
      </c>
      <c r="C8900" t="s">
        <v>8109</v>
      </c>
      <c r="D8900" t="s">
        <v>8133</v>
      </c>
    </row>
    <row r="8901" spans="1:4" x14ac:dyDescent="0.4">
      <c r="A8901">
        <v>2520807</v>
      </c>
      <c r="B8901" t="s">
        <v>2200</v>
      </c>
      <c r="C8901" t="s">
        <v>8109</v>
      </c>
      <c r="D8901" t="s">
        <v>8134</v>
      </c>
    </row>
    <row r="8902" spans="1:4" x14ac:dyDescent="0.4">
      <c r="A8902">
        <v>2510057</v>
      </c>
      <c r="B8902" t="s">
        <v>2200</v>
      </c>
      <c r="C8902" t="s">
        <v>8109</v>
      </c>
      <c r="D8902" t="s">
        <v>4204</v>
      </c>
    </row>
    <row r="8903" spans="1:4" x14ac:dyDescent="0.4">
      <c r="A8903">
        <v>2520804</v>
      </c>
      <c r="B8903" t="s">
        <v>2200</v>
      </c>
      <c r="C8903" t="s">
        <v>8109</v>
      </c>
      <c r="D8903" t="s">
        <v>8135</v>
      </c>
    </row>
    <row r="8904" spans="1:4" x14ac:dyDescent="0.4">
      <c r="A8904">
        <v>2520823</v>
      </c>
      <c r="B8904" t="s">
        <v>2200</v>
      </c>
      <c r="C8904" t="s">
        <v>8109</v>
      </c>
      <c r="D8904" t="s">
        <v>8136</v>
      </c>
    </row>
    <row r="8905" spans="1:4" x14ac:dyDescent="0.4">
      <c r="A8905">
        <v>2510051</v>
      </c>
      <c r="B8905" t="s">
        <v>2200</v>
      </c>
      <c r="C8905" t="s">
        <v>8109</v>
      </c>
      <c r="D8905" t="s">
        <v>7179</v>
      </c>
    </row>
    <row r="8906" spans="1:4" x14ac:dyDescent="0.4">
      <c r="A8906">
        <v>2510871</v>
      </c>
      <c r="B8906" t="s">
        <v>2200</v>
      </c>
      <c r="C8906" t="s">
        <v>8109</v>
      </c>
      <c r="D8906" t="s">
        <v>8137</v>
      </c>
    </row>
    <row r="8907" spans="1:4" x14ac:dyDescent="0.4">
      <c r="A8907">
        <v>2510876</v>
      </c>
      <c r="B8907" t="s">
        <v>2200</v>
      </c>
      <c r="C8907" t="s">
        <v>8109</v>
      </c>
      <c r="D8907" t="s">
        <v>8138</v>
      </c>
    </row>
    <row r="8908" spans="1:4" x14ac:dyDescent="0.4">
      <c r="A8908">
        <v>2510877</v>
      </c>
      <c r="B8908" t="s">
        <v>2200</v>
      </c>
      <c r="C8908" t="s">
        <v>8109</v>
      </c>
      <c r="D8908" t="s">
        <v>8139</v>
      </c>
    </row>
    <row r="8909" spans="1:4" x14ac:dyDescent="0.4">
      <c r="A8909">
        <v>2510002</v>
      </c>
      <c r="B8909" t="s">
        <v>2200</v>
      </c>
      <c r="C8909" t="s">
        <v>8109</v>
      </c>
      <c r="D8909" t="s">
        <v>8140</v>
      </c>
    </row>
    <row r="8910" spans="1:4" x14ac:dyDescent="0.4">
      <c r="A8910">
        <v>2520802</v>
      </c>
      <c r="B8910" t="s">
        <v>2200</v>
      </c>
      <c r="C8910" t="s">
        <v>8109</v>
      </c>
      <c r="D8910" t="s">
        <v>440</v>
      </c>
    </row>
    <row r="8911" spans="1:4" x14ac:dyDescent="0.4">
      <c r="A8911">
        <v>2510017</v>
      </c>
      <c r="B8911" t="s">
        <v>2200</v>
      </c>
      <c r="C8911" t="s">
        <v>8109</v>
      </c>
      <c r="D8911" t="s">
        <v>1916</v>
      </c>
    </row>
    <row r="8912" spans="1:4" x14ac:dyDescent="0.4">
      <c r="A8912">
        <v>2510872</v>
      </c>
      <c r="B8912" t="s">
        <v>2200</v>
      </c>
      <c r="C8912" t="s">
        <v>8109</v>
      </c>
      <c r="D8912" t="s">
        <v>1455</v>
      </c>
    </row>
    <row r="8913" spans="1:4" x14ac:dyDescent="0.4">
      <c r="A8913">
        <v>2520801</v>
      </c>
      <c r="B8913" t="s">
        <v>2200</v>
      </c>
      <c r="C8913" t="s">
        <v>8109</v>
      </c>
      <c r="D8913" t="s">
        <v>8141</v>
      </c>
    </row>
    <row r="8914" spans="1:4" x14ac:dyDescent="0.4">
      <c r="A8914">
        <v>2510047</v>
      </c>
      <c r="B8914" t="s">
        <v>2200</v>
      </c>
      <c r="C8914" t="s">
        <v>8109</v>
      </c>
      <c r="D8914" t="s">
        <v>8142</v>
      </c>
    </row>
    <row r="8915" spans="1:4" x14ac:dyDescent="0.4">
      <c r="A8915">
        <v>2510041</v>
      </c>
      <c r="B8915" t="s">
        <v>2200</v>
      </c>
      <c r="C8915" t="s">
        <v>8109</v>
      </c>
      <c r="D8915" t="s">
        <v>8143</v>
      </c>
    </row>
    <row r="8916" spans="1:4" x14ac:dyDescent="0.4">
      <c r="A8916">
        <v>2510042</v>
      </c>
      <c r="B8916" t="s">
        <v>2200</v>
      </c>
      <c r="C8916" t="s">
        <v>8109</v>
      </c>
      <c r="D8916" t="s">
        <v>8144</v>
      </c>
    </row>
    <row r="8917" spans="1:4" x14ac:dyDescent="0.4">
      <c r="A8917">
        <v>2510044</v>
      </c>
      <c r="B8917" t="s">
        <v>2200</v>
      </c>
      <c r="C8917" t="s">
        <v>8109</v>
      </c>
      <c r="D8917" t="s">
        <v>8145</v>
      </c>
    </row>
    <row r="8918" spans="1:4" x14ac:dyDescent="0.4">
      <c r="A8918">
        <v>2510045</v>
      </c>
      <c r="B8918" t="s">
        <v>2200</v>
      </c>
      <c r="C8918" t="s">
        <v>8109</v>
      </c>
      <c r="D8918" t="s">
        <v>8146</v>
      </c>
    </row>
    <row r="8919" spans="1:4" x14ac:dyDescent="0.4">
      <c r="A8919">
        <v>2510046</v>
      </c>
      <c r="B8919" t="s">
        <v>2200</v>
      </c>
      <c r="C8919" t="s">
        <v>8109</v>
      </c>
      <c r="D8919" t="s">
        <v>8147</v>
      </c>
    </row>
    <row r="8920" spans="1:4" x14ac:dyDescent="0.4">
      <c r="A8920">
        <v>2510043</v>
      </c>
      <c r="B8920" t="s">
        <v>2200</v>
      </c>
      <c r="C8920" t="s">
        <v>8109</v>
      </c>
      <c r="D8920" t="s">
        <v>8148</v>
      </c>
    </row>
    <row r="8921" spans="1:4" x14ac:dyDescent="0.4">
      <c r="A8921">
        <v>2520806</v>
      </c>
      <c r="B8921" t="s">
        <v>2200</v>
      </c>
      <c r="C8921" t="s">
        <v>8109</v>
      </c>
      <c r="D8921" t="s">
        <v>8149</v>
      </c>
    </row>
    <row r="8922" spans="1:4" x14ac:dyDescent="0.4">
      <c r="A8922">
        <v>2520814</v>
      </c>
      <c r="B8922" t="s">
        <v>2200</v>
      </c>
      <c r="C8922" t="s">
        <v>8109</v>
      </c>
      <c r="D8922" t="s">
        <v>1582</v>
      </c>
    </row>
    <row r="8923" spans="1:4" x14ac:dyDescent="0.4">
      <c r="A8923">
        <v>2510001</v>
      </c>
      <c r="B8923" t="s">
        <v>2200</v>
      </c>
      <c r="C8923" t="s">
        <v>8109</v>
      </c>
      <c r="D8923" t="s">
        <v>8150</v>
      </c>
    </row>
    <row r="8924" spans="1:4" x14ac:dyDescent="0.4">
      <c r="A8924">
        <v>2520812</v>
      </c>
      <c r="B8924" t="s">
        <v>2200</v>
      </c>
      <c r="C8924" t="s">
        <v>8109</v>
      </c>
      <c r="D8924" t="s">
        <v>8151</v>
      </c>
    </row>
    <row r="8925" spans="1:4" x14ac:dyDescent="0.4">
      <c r="A8925">
        <v>2510056</v>
      </c>
      <c r="B8925" t="s">
        <v>2200</v>
      </c>
      <c r="C8925" t="s">
        <v>8109</v>
      </c>
      <c r="D8925" t="s">
        <v>387</v>
      </c>
    </row>
    <row r="8926" spans="1:4" x14ac:dyDescent="0.4">
      <c r="A8926">
        <v>2510874</v>
      </c>
      <c r="B8926" t="s">
        <v>2200</v>
      </c>
      <c r="C8926" t="s">
        <v>8109</v>
      </c>
      <c r="D8926" t="s">
        <v>8152</v>
      </c>
    </row>
    <row r="8927" spans="1:4" x14ac:dyDescent="0.4">
      <c r="A8927">
        <v>2510004</v>
      </c>
      <c r="B8927" t="s">
        <v>2200</v>
      </c>
      <c r="C8927" t="s">
        <v>8109</v>
      </c>
      <c r="D8927" t="s">
        <v>8153</v>
      </c>
    </row>
    <row r="8928" spans="1:4" x14ac:dyDescent="0.4">
      <c r="A8928">
        <v>2510052</v>
      </c>
      <c r="B8928" t="s">
        <v>2200</v>
      </c>
      <c r="C8928" t="s">
        <v>8109</v>
      </c>
      <c r="D8928" t="s">
        <v>5137</v>
      </c>
    </row>
    <row r="8929" spans="1:4" x14ac:dyDescent="0.4">
      <c r="A8929">
        <v>2510028</v>
      </c>
      <c r="B8929" t="s">
        <v>2200</v>
      </c>
      <c r="C8929" t="s">
        <v>8109</v>
      </c>
      <c r="D8929" t="s">
        <v>8154</v>
      </c>
    </row>
    <row r="8930" spans="1:4" x14ac:dyDescent="0.4">
      <c r="A8930">
        <v>2510053</v>
      </c>
      <c r="B8930" t="s">
        <v>2200</v>
      </c>
      <c r="C8930" t="s">
        <v>8109</v>
      </c>
      <c r="D8930" t="s">
        <v>403</v>
      </c>
    </row>
    <row r="8931" spans="1:4" x14ac:dyDescent="0.4">
      <c r="A8931">
        <v>2510875</v>
      </c>
      <c r="B8931" t="s">
        <v>2200</v>
      </c>
      <c r="C8931" t="s">
        <v>8109</v>
      </c>
      <c r="D8931" t="s">
        <v>8155</v>
      </c>
    </row>
    <row r="8932" spans="1:4" x14ac:dyDescent="0.4">
      <c r="A8932">
        <v>2510873</v>
      </c>
      <c r="B8932" t="s">
        <v>2200</v>
      </c>
      <c r="C8932" t="s">
        <v>8109</v>
      </c>
      <c r="D8932" t="s">
        <v>8156</v>
      </c>
    </row>
    <row r="8933" spans="1:4" x14ac:dyDescent="0.4">
      <c r="A8933">
        <v>2510055</v>
      </c>
      <c r="B8933" t="s">
        <v>2200</v>
      </c>
      <c r="C8933" t="s">
        <v>8109</v>
      </c>
      <c r="D8933" t="s">
        <v>8157</v>
      </c>
    </row>
    <row r="8934" spans="1:4" x14ac:dyDescent="0.4">
      <c r="A8934">
        <v>2520826</v>
      </c>
      <c r="B8934" t="s">
        <v>2200</v>
      </c>
      <c r="C8934" t="s">
        <v>8109</v>
      </c>
      <c r="D8934" t="s">
        <v>3970</v>
      </c>
    </row>
    <row r="8935" spans="1:4" x14ac:dyDescent="0.4">
      <c r="A8935">
        <v>2510014</v>
      </c>
      <c r="B8935" t="s">
        <v>2200</v>
      </c>
      <c r="C8935" t="s">
        <v>8109</v>
      </c>
      <c r="D8935" t="s">
        <v>398</v>
      </c>
    </row>
    <row r="8936" spans="1:4" x14ac:dyDescent="0.4">
      <c r="A8936">
        <v>2510016</v>
      </c>
      <c r="B8936" t="s">
        <v>2200</v>
      </c>
      <c r="C8936" t="s">
        <v>8109</v>
      </c>
      <c r="D8936" t="s">
        <v>8158</v>
      </c>
    </row>
    <row r="8937" spans="1:4" x14ac:dyDescent="0.4">
      <c r="A8937">
        <v>2510012</v>
      </c>
      <c r="B8937" t="s">
        <v>2200</v>
      </c>
      <c r="C8937" t="s">
        <v>8109</v>
      </c>
      <c r="D8937" t="s">
        <v>8159</v>
      </c>
    </row>
    <row r="8938" spans="1:4" x14ac:dyDescent="0.4">
      <c r="A8938">
        <v>2520821</v>
      </c>
      <c r="B8938" t="s">
        <v>2200</v>
      </c>
      <c r="C8938" t="s">
        <v>8109</v>
      </c>
      <c r="D8938" t="s">
        <v>8160</v>
      </c>
    </row>
    <row r="8939" spans="1:4" x14ac:dyDescent="0.4">
      <c r="A8939">
        <v>2510011</v>
      </c>
      <c r="B8939" t="s">
        <v>2200</v>
      </c>
      <c r="C8939" t="s">
        <v>8109</v>
      </c>
      <c r="D8939" t="s">
        <v>8161</v>
      </c>
    </row>
    <row r="8940" spans="1:4" x14ac:dyDescent="0.4">
      <c r="A8940">
        <v>2500000</v>
      </c>
      <c r="B8940" t="s">
        <v>2200</v>
      </c>
      <c r="C8940" t="s">
        <v>8162</v>
      </c>
    </row>
    <row r="8941" spans="1:4" x14ac:dyDescent="0.4">
      <c r="A8941">
        <v>2500053</v>
      </c>
      <c r="B8941" t="s">
        <v>2200</v>
      </c>
      <c r="C8941" t="s">
        <v>8162</v>
      </c>
      <c r="D8941" t="s">
        <v>8163</v>
      </c>
    </row>
    <row r="8942" spans="1:4" x14ac:dyDescent="0.4">
      <c r="A8942">
        <v>2500864</v>
      </c>
      <c r="B8942" t="s">
        <v>2200</v>
      </c>
      <c r="C8942" t="s">
        <v>8162</v>
      </c>
      <c r="D8942" t="s">
        <v>8164</v>
      </c>
    </row>
    <row r="8943" spans="1:4" x14ac:dyDescent="0.4">
      <c r="A8943">
        <v>2500856</v>
      </c>
      <c r="B8943" t="s">
        <v>2200</v>
      </c>
      <c r="C8943" t="s">
        <v>8162</v>
      </c>
      <c r="D8943" t="s">
        <v>8165</v>
      </c>
    </row>
    <row r="8944" spans="1:4" x14ac:dyDescent="0.4">
      <c r="A8944">
        <v>2500863</v>
      </c>
      <c r="B8944" t="s">
        <v>2200</v>
      </c>
      <c r="C8944" t="s">
        <v>8162</v>
      </c>
      <c r="D8944" t="s">
        <v>8166</v>
      </c>
    </row>
    <row r="8945" spans="1:4" x14ac:dyDescent="0.4">
      <c r="A8945">
        <v>2500854</v>
      </c>
      <c r="B8945" t="s">
        <v>2200</v>
      </c>
      <c r="C8945" t="s">
        <v>8162</v>
      </c>
      <c r="D8945" t="s">
        <v>8167</v>
      </c>
    </row>
    <row r="8946" spans="1:4" x14ac:dyDescent="0.4">
      <c r="A8946">
        <v>2500041</v>
      </c>
      <c r="B8946" t="s">
        <v>2200</v>
      </c>
      <c r="C8946" t="s">
        <v>8162</v>
      </c>
      <c r="D8946" t="s">
        <v>2276</v>
      </c>
    </row>
    <row r="8947" spans="1:4" x14ac:dyDescent="0.4">
      <c r="A8947">
        <v>2500056</v>
      </c>
      <c r="B8947" t="s">
        <v>2200</v>
      </c>
      <c r="C8947" t="s">
        <v>8162</v>
      </c>
      <c r="D8947" t="s">
        <v>8168</v>
      </c>
    </row>
    <row r="8948" spans="1:4" x14ac:dyDescent="0.4">
      <c r="A8948">
        <v>2500022</v>
      </c>
      <c r="B8948" t="s">
        <v>2200</v>
      </c>
      <c r="C8948" t="s">
        <v>8162</v>
      </c>
      <c r="D8948" t="s">
        <v>6119</v>
      </c>
    </row>
    <row r="8949" spans="1:4" x14ac:dyDescent="0.4">
      <c r="A8949">
        <v>2500034</v>
      </c>
      <c r="B8949" t="s">
        <v>2200</v>
      </c>
      <c r="C8949" t="s">
        <v>8162</v>
      </c>
      <c r="D8949" t="s">
        <v>8169</v>
      </c>
    </row>
    <row r="8950" spans="1:4" x14ac:dyDescent="0.4">
      <c r="A8950">
        <v>2500031</v>
      </c>
      <c r="B8950" t="s">
        <v>2200</v>
      </c>
      <c r="C8950" t="s">
        <v>8162</v>
      </c>
      <c r="D8950" t="s">
        <v>8170</v>
      </c>
    </row>
    <row r="8951" spans="1:4" x14ac:dyDescent="0.4">
      <c r="A8951">
        <v>2500025</v>
      </c>
      <c r="B8951" t="s">
        <v>2200</v>
      </c>
      <c r="C8951" t="s">
        <v>8162</v>
      </c>
      <c r="D8951" t="s">
        <v>8171</v>
      </c>
    </row>
    <row r="8952" spans="1:4" x14ac:dyDescent="0.4">
      <c r="A8952">
        <v>2500001</v>
      </c>
      <c r="B8952" t="s">
        <v>2200</v>
      </c>
      <c r="C8952" t="s">
        <v>8162</v>
      </c>
      <c r="D8952" t="s">
        <v>2697</v>
      </c>
    </row>
    <row r="8953" spans="1:4" x14ac:dyDescent="0.4">
      <c r="A8953">
        <v>2500042</v>
      </c>
      <c r="B8953" t="s">
        <v>2200</v>
      </c>
      <c r="C8953" t="s">
        <v>8162</v>
      </c>
      <c r="D8953" t="s">
        <v>6400</v>
      </c>
    </row>
    <row r="8954" spans="1:4" x14ac:dyDescent="0.4">
      <c r="A8954">
        <v>2560802</v>
      </c>
      <c r="B8954" t="s">
        <v>2200</v>
      </c>
      <c r="C8954" t="s">
        <v>8162</v>
      </c>
      <c r="D8954" t="s">
        <v>336</v>
      </c>
    </row>
    <row r="8955" spans="1:4" x14ac:dyDescent="0.4">
      <c r="A8955">
        <v>2500211</v>
      </c>
      <c r="B8955" t="s">
        <v>2200</v>
      </c>
      <c r="C8955" t="s">
        <v>8162</v>
      </c>
      <c r="D8955" t="s">
        <v>8172</v>
      </c>
    </row>
    <row r="8956" spans="1:4" x14ac:dyDescent="0.4">
      <c r="A8956">
        <v>2560806</v>
      </c>
      <c r="B8956" t="s">
        <v>2200</v>
      </c>
      <c r="C8956" t="s">
        <v>8162</v>
      </c>
      <c r="D8956" t="s">
        <v>8173</v>
      </c>
    </row>
    <row r="8957" spans="1:4" x14ac:dyDescent="0.4">
      <c r="A8957">
        <v>2500032</v>
      </c>
      <c r="B8957" t="s">
        <v>2200</v>
      </c>
      <c r="C8957" t="s">
        <v>8162</v>
      </c>
      <c r="D8957" t="s">
        <v>8174</v>
      </c>
    </row>
    <row r="8958" spans="1:4" x14ac:dyDescent="0.4">
      <c r="A8958">
        <v>2560805</v>
      </c>
      <c r="B8958" t="s">
        <v>2200</v>
      </c>
      <c r="C8958" t="s">
        <v>8162</v>
      </c>
      <c r="D8958" t="s">
        <v>2287</v>
      </c>
    </row>
    <row r="8959" spans="1:4" x14ac:dyDescent="0.4">
      <c r="A8959">
        <v>2500877</v>
      </c>
      <c r="B8959" t="s">
        <v>2200</v>
      </c>
      <c r="C8959" t="s">
        <v>8162</v>
      </c>
      <c r="D8959" t="s">
        <v>4101</v>
      </c>
    </row>
    <row r="8960" spans="1:4" x14ac:dyDescent="0.4">
      <c r="A8960">
        <v>2500202</v>
      </c>
      <c r="B8960" t="s">
        <v>2200</v>
      </c>
      <c r="C8960" t="s">
        <v>8162</v>
      </c>
      <c r="D8960" t="s">
        <v>8175</v>
      </c>
    </row>
    <row r="8961" spans="1:4" x14ac:dyDescent="0.4">
      <c r="A8961">
        <v>2500874</v>
      </c>
      <c r="B8961" t="s">
        <v>2200</v>
      </c>
      <c r="C8961" t="s">
        <v>8162</v>
      </c>
      <c r="D8961" t="s">
        <v>8176</v>
      </c>
    </row>
    <row r="8962" spans="1:4" x14ac:dyDescent="0.4">
      <c r="A8962">
        <v>2500852</v>
      </c>
      <c r="B8962" t="s">
        <v>2200</v>
      </c>
      <c r="C8962" t="s">
        <v>8162</v>
      </c>
      <c r="D8962" t="s">
        <v>8177</v>
      </c>
    </row>
    <row r="8963" spans="1:4" x14ac:dyDescent="0.4">
      <c r="A8963">
        <v>2560814</v>
      </c>
      <c r="B8963" t="s">
        <v>2200</v>
      </c>
      <c r="C8963" t="s">
        <v>8162</v>
      </c>
      <c r="D8963" t="s">
        <v>8178</v>
      </c>
    </row>
    <row r="8964" spans="1:4" x14ac:dyDescent="0.4">
      <c r="A8964">
        <v>2500051</v>
      </c>
      <c r="B8964" t="s">
        <v>2200</v>
      </c>
      <c r="C8964" t="s">
        <v>8162</v>
      </c>
      <c r="D8964" t="s">
        <v>8179</v>
      </c>
    </row>
    <row r="8965" spans="1:4" x14ac:dyDescent="0.4">
      <c r="A8965">
        <v>2500055</v>
      </c>
      <c r="B8965" t="s">
        <v>2200</v>
      </c>
      <c r="C8965" t="s">
        <v>8162</v>
      </c>
      <c r="D8965" t="s">
        <v>8180</v>
      </c>
    </row>
    <row r="8966" spans="1:4" x14ac:dyDescent="0.4">
      <c r="A8966">
        <v>2500861</v>
      </c>
      <c r="B8966" t="s">
        <v>2200</v>
      </c>
      <c r="C8966" t="s">
        <v>8162</v>
      </c>
      <c r="D8966" t="s">
        <v>4515</v>
      </c>
    </row>
    <row r="8967" spans="1:4" x14ac:dyDescent="0.4">
      <c r="A8967">
        <v>2560812</v>
      </c>
      <c r="B8967" t="s">
        <v>2200</v>
      </c>
      <c r="C8967" t="s">
        <v>8162</v>
      </c>
      <c r="D8967" t="s">
        <v>8181</v>
      </c>
    </row>
    <row r="8968" spans="1:4" x14ac:dyDescent="0.4">
      <c r="A8968">
        <v>2500858</v>
      </c>
      <c r="B8968" t="s">
        <v>2200</v>
      </c>
      <c r="C8968" t="s">
        <v>8162</v>
      </c>
      <c r="D8968" t="s">
        <v>1371</v>
      </c>
    </row>
    <row r="8969" spans="1:4" x14ac:dyDescent="0.4">
      <c r="A8969">
        <v>2500002</v>
      </c>
      <c r="B8969" t="s">
        <v>2200</v>
      </c>
      <c r="C8969" t="s">
        <v>8162</v>
      </c>
      <c r="D8969" t="s">
        <v>1740</v>
      </c>
    </row>
    <row r="8970" spans="1:4" x14ac:dyDescent="0.4">
      <c r="A8970">
        <v>2500023</v>
      </c>
      <c r="B8970" t="s">
        <v>2200</v>
      </c>
      <c r="C8970" t="s">
        <v>8162</v>
      </c>
      <c r="D8970" t="s">
        <v>8182</v>
      </c>
    </row>
    <row r="8971" spans="1:4" x14ac:dyDescent="0.4">
      <c r="A8971">
        <v>2560815</v>
      </c>
      <c r="B8971" t="s">
        <v>2200</v>
      </c>
      <c r="C8971" t="s">
        <v>8162</v>
      </c>
      <c r="D8971" t="s">
        <v>8183</v>
      </c>
    </row>
    <row r="8972" spans="1:4" x14ac:dyDescent="0.4">
      <c r="A8972">
        <v>2500011</v>
      </c>
      <c r="B8972" t="s">
        <v>2200</v>
      </c>
      <c r="C8972" t="s">
        <v>8162</v>
      </c>
      <c r="D8972" t="s">
        <v>255</v>
      </c>
    </row>
    <row r="8973" spans="1:4" x14ac:dyDescent="0.4">
      <c r="A8973">
        <v>2560816</v>
      </c>
      <c r="B8973" t="s">
        <v>2200</v>
      </c>
      <c r="C8973" t="s">
        <v>8162</v>
      </c>
      <c r="D8973" t="s">
        <v>8184</v>
      </c>
    </row>
    <row r="8974" spans="1:4" x14ac:dyDescent="0.4">
      <c r="A8974">
        <v>2500855</v>
      </c>
      <c r="B8974" t="s">
        <v>2200</v>
      </c>
      <c r="C8974" t="s">
        <v>8162</v>
      </c>
      <c r="D8974" t="s">
        <v>8185</v>
      </c>
    </row>
    <row r="8975" spans="1:4" x14ac:dyDescent="0.4">
      <c r="A8975">
        <v>2500208</v>
      </c>
      <c r="B8975" t="s">
        <v>2200</v>
      </c>
      <c r="C8975" t="s">
        <v>8162</v>
      </c>
      <c r="D8975" t="s">
        <v>8186</v>
      </c>
    </row>
    <row r="8976" spans="1:4" x14ac:dyDescent="0.4">
      <c r="A8976">
        <v>2500878</v>
      </c>
      <c r="B8976" t="s">
        <v>2200</v>
      </c>
      <c r="C8976" t="s">
        <v>8162</v>
      </c>
      <c r="D8976" t="s">
        <v>2198</v>
      </c>
    </row>
    <row r="8977" spans="1:4" x14ac:dyDescent="0.4">
      <c r="A8977">
        <v>2500871</v>
      </c>
      <c r="B8977" t="s">
        <v>2200</v>
      </c>
      <c r="C8977" t="s">
        <v>8162</v>
      </c>
      <c r="D8977" t="s">
        <v>6567</v>
      </c>
    </row>
    <row r="8978" spans="1:4" x14ac:dyDescent="0.4">
      <c r="A8978">
        <v>2500046</v>
      </c>
      <c r="B8978" t="s">
        <v>2200</v>
      </c>
      <c r="C8978" t="s">
        <v>8162</v>
      </c>
      <c r="D8978" t="s">
        <v>8187</v>
      </c>
    </row>
    <row r="8979" spans="1:4" x14ac:dyDescent="0.4">
      <c r="A8979">
        <v>2500014</v>
      </c>
      <c r="B8979" t="s">
        <v>2200</v>
      </c>
      <c r="C8979" t="s">
        <v>8162</v>
      </c>
      <c r="D8979" t="s">
        <v>8188</v>
      </c>
    </row>
    <row r="8980" spans="1:4" x14ac:dyDescent="0.4">
      <c r="A8980">
        <v>2500045</v>
      </c>
      <c r="B8980" t="s">
        <v>2200</v>
      </c>
      <c r="C8980" t="s">
        <v>8162</v>
      </c>
      <c r="D8980" t="s">
        <v>8189</v>
      </c>
    </row>
    <row r="8981" spans="1:4" x14ac:dyDescent="0.4">
      <c r="A8981">
        <v>2500201</v>
      </c>
      <c r="B8981" t="s">
        <v>2200</v>
      </c>
      <c r="C8981" t="s">
        <v>8162</v>
      </c>
      <c r="D8981" t="s">
        <v>8190</v>
      </c>
    </row>
    <row r="8982" spans="1:4" x14ac:dyDescent="0.4">
      <c r="A8982">
        <v>2500203</v>
      </c>
      <c r="B8982" t="s">
        <v>2200</v>
      </c>
      <c r="C8982" t="s">
        <v>8162</v>
      </c>
      <c r="D8982" t="s">
        <v>8191</v>
      </c>
    </row>
    <row r="8983" spans="1:4" x14ac:dyDescent="0.4">
      <c r="A8983">
        <v>2500207</v>
      </c>
      <c r="B8983" t="s">
        <v>2200</v>
      </c>
      <c r="C8983" t="s">
        <v>8162</v>
      </c>
      <c r="D8983" t="s">
        <v>8192</v>
      </c>
    </row>
    <row r="8984" spans="1:4" x14ac:dyDescent="0.4">
      <c r="A8984">
        <v>2500205</v>
      </c>
      <c r="B8984" t="s">
        <v>2200</v>
      </c>
      <c r="C8984" t="s">
        <v>8162</v>
      </c>
      <c r="D8984" t="s">
        <v>8193</v>
      </c>
    </row>
    <row r="8985" spans="1:4" x14ac:dyDescent="0.4">
      <c r="A8985">
        <v>2500204</v>
      </c>
      <c r="B8985" t="s">
        <v>2200</v>
      </c>
      <c r="C8985" t="s">
        <v>8162</v>
      </c>
      <c r="D8985" t="s">
        <v>8194</v>
      </c>
    </row>
    <row r="8986" spans="1:4" x14ac:dyDescent="0.4">
      <c r="A8986">
        <v>2500206</v>
      </c>
      <c r="B8986" t="s">
        <v>2200</v>
      </c>
      <c r="C8986" t="s">
        <v>8162</v>
      </c>
      <c r="D8986" t="s">
        <v>8195</v>
      </c>
    </row>
    <row r="8987" spans="1:4" x14ac:dyDescent="0.4">
      <c r="A8987">
        <v>2500851</v>
      </c>
      <c r="B8987" t="s">
        <v>2200</v>
      </c>
      <c r="C8987" t="s">
        <v>8162</v>
      </c>
      <c r="D8987" t="s">
        <v>8196</v>
      </c>
    </row>
    <row r="8988" spans="1:4" x14ac:dyDescent="0.4">
      <c r="A8988">
        <v>2500216</v>
      </c>
      <c r="B8988" t="s">
        <v>2200</v>
      </c>
      <c r="C8988" t="s">
        <v>8162</v>
      </c>
      <c r="D8988" t="s">
        <v>3693</v>
      </c>
    </row>
    <row r="8989" spans="1:4" x14ac:dyDescent="0.4">
      <c r="A8989">
        <v>2500054</v>
      </c>
      <c r="B8989" t="s">
        <v>2200</v>
      </c>
      <c r="C8989" t="s">
        <v>8162</v>
      </c>
      <c r="D8989" t="s">
        <v>6999</v>
      </c>
    </row>
    <row r="8990" spans="1:4" x14ac:dyDescent="0.4">
      <c r="A8990">
        <v>2560811</v>
      </c>
      <c r="B8990" t="s">
        <v>2200</v>
      </c>
      <c r="C8990" t="s">
        <v>8162</v>
      </c>
      <c r="D8990" t="s">
        <v>1819</v>
      </c>
    </row>
    <row r="8991" spans="1:4" x14ac:dyDescent="0.4">
      <c r="A8991">
        <v>2500215</v>
      </c>
      <c r="B8991" t="s">
        <v>2200</v>
      </c>
      <c r="C8991" t="s">
        <v>8162</v>
      </c>
      <c r="D8991" t="s">
        <v>6573</v>
      </c>
    </row>
    <row r="8992" spans="1:4" x14ac:dyDescent="0.4">
      <c r="A8992">
        <v>2500872</v>
      </c>
      <c r="B8992" t="s">
        <v>2200</v>
      </c>
      <c r="C8992" t="s">
        <v>8162</v>
      </c>
      <c r="D8992" t="s">
        <v>191</v>
      </c>
    </row>
    <row r="8993" spans="1:4" x14ac:dyDescent="0.4">
      <c r="A8993">
        <v>2500876</v>
      </c>
      <c r="B8993" t="s">
        <v>2200</v>
      </c>
      <c r="C8993" t="s">
        <v>8162</v>
      </c>
      <c r="D8993" t="s">
        <v>8197</v>
      </c>
    </row>
    <row r="8994" spans="1:4" x14ac:dyDescent="0.4">
      <c r="A8994">
        <v>2500866</v>
      </c>
      <c r="B8994" t="s">
        <v>2200</v>
      </c>
      <c r="C8994" t="s">
        <v>8162</v>
      </c>
      <c r="D8994" t="s">
        <v>4346</v>
      </c>
    </row>
    <row r="8995" spans="1:4" x14ac:dyDescent="0.4">
      <c r="A8995">
        <v>2500005</v>
      </c>
      <c r="B8995" t="s">
        <v>2200</v>
      </c>
      <c r="C8995" t="s">
        <v>8162</v>
      </c>
      <c r="D8995" t="s">
        <v>1585</v>
      </c>
    </row>
    <row r="8996" spans="1:4" x14ac:dyDescent="0.4">
      <c r="A8996">
        <v>2560803</v>
      </c>
      <c r="B8996" t="s">
        <v>2200</v>
      </c>
      <c r="C8996" t="s">
        <v>8162</v>
      </c>
      <c r="D8996" t="s">
        <v>8198</v>
      </c>
    </row>
    <row r="8997" spans="1:4" x14ac:dyDescent="0.4">
      <c r="A8997">
        <v>2500214</v>
      </c>
      <c r="B8997" t="s">
        <v>2200</v>
      </c>
      <c r="C8997" t="s">
        <v>8162</v>
      </c>
      <c r="D8997" t="s">
        <v>8199</v>
      </c>
    </row>
    <row r="8998" spans="1:4" x14ac:dyDescent="0.4">
      <c r="A8998">
        <v>2500862</v>
      </c>
      <c r="B8998" t="s">
        <v>2200</v>
      </c>
      <c r="C8998" t="s">
        <v>8162</v>
      </c>
      <c r="D8998" t="s">
        <v>7716</v>
      </c>
    </row>
    <row r="8999" spans="1:4" x14ac:dyDescent="0.4">
      <c r="A8999">
        <v>2500212</v>
      </c>
      <c r="B8999" t="s">
        <v>2200</v>
      </c>
      <c r="C8999" t="s">
        <v>8162</v>
      </c>
      <c r="D8999" t="s">
        <v>8200</v>
      </c>
    </row>
    <row r="9000" spans="1:4" x14ac:dyDescent="0.4">
      <c r="A9000">
        <v>2560817</v>
      </c>
      <c r="B9000" t="s">
        <v>2200</v>
      </c>
      <c r="C9000" t="s">
        <v>8162</v>
      </c>
      <c r="D9000" t="s">
        <v>8201</v>
      </c>
    </row>
    <row r="9001" spans="1:4" x14ac:dyDescent="0.4">
      <c r="A9001">
        <v>2560801</v>
      </c>
      <c r="B9001" t="s">
        <v>2200</v>
      </c>
      <c r="C9001" t="s">
        <v>8162</v>
      </c>
      <c r="D9001" t="s">
        <v>8202</v>
      </c>
    </row>
    <row r="9002" spans="1:4" x14ac:dyDescent="0.4">
      <c r="A9002">
        <v>2500024</v>
      </c>
      <c r="B9002" t="s">
        <v>2200</v>
      </c>
      <c r="C9002" t="s">
        <v>8162</v>
      </c>
      <c r="D9002" t="s">
        <v>8203</v>
      </c>
    </row>
    <row r="9003" spans="1:4" x14ac:dyDescent="0.4">
      <c r="A9003">
        <v>2500218</v>
      </c>
      <c r="B9003" t="s">
        <v>2200</v>
      </c>
      <c r="C9003" t="s">
        <v>8162</v>
      </c>
      <c r="D9003" t="s">
        <v>8204</v>
      </c>
    </row>
    <row r="9004" spans="1:4" x14ac:dyDescent="0.4">
      <c r="A9004">
        <v>2560804</v>
      </c>
      <c r="B9004" t="s">
        <v>2200</v>
      </c>
      <c r="C9004" t="s">
        <v>8162</v>
      </c>
      <c r="D9004" t="s">
        <v>8205</v>
      </c>
    </row>
    <row r="9005" spans="1:4" x14ac:dyDescent="0.4">
      <c r="A9005">
        <v>2500004</v>
      </c>
      <c r="B9005" t="s">
        <v>2200</v>
      </c>
      <c r="C9005" t="s">
        <v>8162</v>
      </c>
      <c r="D9005" t="s">
        <v>5602</v>
      </c>
    </row>
    <row r="9006" spans="1:4" x14ac:dyDescent="0.4">
      <c r="A9006">
        <v>2500021</v>
      </c>
      <c r="B9006" t="s">
        <v>2200</v>
      </c>
      <c r="C9006" t="s">
        <v>8162</v>
      </c>
      <c r="D9006" t="s">
        <v>8206</v>
      </c>
    </row>
    <row r="9007" spans="1:4" x14ac:dyDescent="0.4">
      <c r="A9007">
        <v>2500213</v>
      </c>
      <c r="B9007" t="s">
        <v>2200</v>
      </c>
      <c r="C9007" t="s">
        <v>8162</v>
      </c>
      <c r="D9007" t="s">
        <v>8207</v>
      </c>
    </row>
    <row r="9008" spans="1:4" x14ac:dyDescent="0.4">
      <c r="A9008">
        <v>2560808</v>
      </c>
      <c r="B9008" t="s">
        <v>2200</v>
      </c>
      <c r="C9008" t="s">
        <v>8162</v>
      </c>
      <c r="D9008" t="s">
        <v>8208</v>
      </c>
    </row>
    <row r="9009" spans="1:4" x14ac:dyDescent="0.4">
      <c r="A9009">
        <v>2500003</v>
      </c>
      <c r="B9009" t="s">
        <v>2200</v>
      </c>
      <c r="C9009" t="s">
        <v>8162</v>
      </c>
      <c r="D9009" t="s">
        <v>1526</v>
      </c>
    </row>
    <row r="9010" spans="1:4" x14ac:dyDescent="0.4">
      <c r="A9010">
        <v>2500052</v>
      </c>
      <c r="B9010" t="s">
        <v>2200</v>
      </c>
      <c r="C9010" t="s">
        <v>8162</v>
      </c>
      <c r="D9010" t="s">
        <v>8209</v>
      </c>
    </row>
    <row r="9011" spans="1:4" x14ac:dyDescent="0.4">
      <c r="A9011">
        <v>2500217</v>
      </c>
      <c r="B9011" t="s">
        <v>2200</v>
      </c>
      <c r="C9011" t="s">
        <v>8162</v>
      </c>
      <c r="D9011" t="s">
        <v>8210</v>
      </c>
    </row>
    <row r="9012" spans="1:4" x14ac:dyDescent="0.4">
      <c r="A9012">
        <v>2500853</v>
      </c>
      <c r="B9012" t="s">
        <v>2200</v>
      </c>
      <c r="C9012" t="s">
        <v>8162</v>
      </c>
      <c r="D9012" t="s">
        <v>467</v>
      </c>
    </row>
    <row r="9013" spans="1:4" x14ac:dyDescent="0.4">
      <c r="A9013">
        <v>2500012</v>
      </c>
      <c r="B9013" t="s">
        <v>2200</v>
      </c>
      <c r="C9013" t="s">
        <v>8162</v>
      </c>
      <c r="D9013" t="s">
        <v>403</v>
      </c>
    </row>
    <row r="9014" spans="1:4" x14ac:dyDescent="0.4">
      <c r="A9014">
        <v>2560813</v>
      </c>
      <c r="B9014" t="s">
        <v>2200</v>
      </c>
      <c r="C9014" t="s">
        <v>8162</v>
      </c>
      <c r="D9014" t="s">
        <v>8211</v>
      </c>
    </row>
    <row r="9015" spans="1:4" x14ac:dyDescent="0.4">
      <c r="A9015">
        <v>2500033</v>
      </c>
      <c r="B9015" t="s">
        <v>2200</v>
      </c>
      <c r="C9015" t="s">
        <v>8162</v>
      </c>
      <c r="D9015" t="s">
        <v>8212</v>
      </c>
    </row>
    <row r="9016" spans="1:4" x14ac:dyDescent="0.4">
      <c r="A9016">
        <v>2500044</v>
      </c>
      <c r="B9016" t="s">
        <v>2200</v>
      </c>
      <c r="C9016" t="s">
        <v>8162</v>
      </c>
      <c r="D9016" t="s">
        <v>757</v>
      </c>
    </row>
    <row r="9017" spans="1:4" x14ac:dyDescent="0.4">
      <c r="A9017">
        <v>2500035</v>
      </c>
      <c r="B9017" t="s">
        <v>2200</v>
      </c>
      <c r="C9017" t="s">
        <v>8162</v>
      </c>
      <c r="D9017" t="s">
        <v>8213</v>
      </c>
    </row>
    <row r="9018" spans="1:4" x14ac:dyDescent="0.4">
      <c r="A9018">
        <v>2500875</v>
      </c>
      <c r="B9018" t="s">
        <v>2200</v>
      </c>
      <c r="C9018" t="s">
        <v>8162</v>
      </c>
      <c r="D9018" t="s">
        <v>8214</v>
      </c>
    </row>
    <row r="9019" spans="1:4" x14ac:dyDescent="0.4">
      <c r="A9019">
        <v>2500013</v>
      </c>
      <c r="B9019" t="s">
        <v>2200</v>
      </c>
      <c r="C9019" t="s">
        <v>8162</v>
      </c>
      <c r="D9019" t="s">
        <v>1615</v>
      </c>
    </row>
    <row r="9020" spans="1:4" x14ac:dyDescent="0.4">
      <c r="A9020">
        <v>2500043</v>
      </c>
      <c r="B9020" t="s">
        <v>2200</v>
      </c>
      <c r="C9020" t="s">
        <v>8162</v>
      </c>
      <c r="D9020" t="s">
        <v>3652</v>
      </c>
    </row>
    <row r="9021" spans="1:4" x14ac:dyDescent="0.4">
      <c r="A9021">
        <v>2500857</v>
      </c>
      <c r="B9021" t="s">
        <v>2200</v>
      </c>
      <c r="C9021" t="s">
        <v>8162</v>
      </c>
      <c r="D9021" t="s">
        <v>8215</v>
      </c>
    </row>
    <row r="9022" spans="1:4" x14ac:dyDescent="0.4">
      <c r="A9022">
        <v>2500873</v>
      </c>
      <c r="B9022" t="s">
        <v>2200</v>
      </c>
      <c r="C9022" t="s">
        <v>8162</v>
      </c>
      <c r="D9022" t="s">
        <v>4723</v>
      </c>
    </row>
    <row r="9023" spans="1:4" x14ac:dyDescent="0.4">
      <c r="A9023">
        <v>2560807</v>
      </c>
      <c r="B9023" t="s">
        <v>2200</v>
      </c>
      <c r="C9023" t="s">
        <v>8162</v>
      </c>
      <c r="D9023" t="s">
        <v>8216</v>
      </c>
    </row>
    <row r="9024" spans="1:4" x14ac:dyDescent="0.4">
      <c r="A9024">
        <v>2500865</v>
      </c>
      <c r="B9024" t="s">
        <v>2200</v>
      </c>
      <c r="C9024" t="s">
        <v>8162</v>
      </c>
      <c r="D9024" t="s">
        <v>8217</v>
      </c>
    </row>
    <row r="9025" spans="1:4" x14ac:dyDescent="0.4">
      <c r="A9025">
        <v>2530000</v>
      </c>
      <c r="B9025" t="s">
        <v>2200</v>
      </c>
      <c r="C9025" t="s">
        <v>8218</v>
      </c>
    </row>
    <row r="9026" spans="1:4" x14ac:dyDescent="0.4">
      <c r="A9026">
        <v>2530001</v>
      </c>
      <c r="B9026" t="s">
        <v>2200</v>
      </c>
      <c r="C9026" t="s">
        <v>8218</v>
      </c>
      <c r="D9026" t="s">
        <v>528</v>
      </c>
    </row>
    <row r="9027" spans="1:4" x14ac:dyDescent="0.4">
      <c r="A9027">
        <v>2530013</v>
      </c>
      <c r="B9027" t="s">
        <v>2200</v>
      </c>
      <c r="C9027" t="s">
        <v>8218</v>
      </c>
      <c r="D9027" t="s">
        <v>8219</v>
      </c>
    </row>
    <row r="9028" spans="1:4" x14ac:dyDescent="0.4">
      <c r="A9028">
        <v>2530026</v>
      </c>
      <c r="B9028" t="s">
        <v>2200</v>
      </c>
      <c r="C9028" t="s">
        <v>8218</v>
      </c>
      <c r="D9028" t="s">
        <v>3513</v>
      </c>
    </row>
    <row r="9029" spans="1:4" x14ac:dyDescent="0.4">
      <c r="A9029">
        <v>2530004</v>
      </c>
      <c r="B9029" t="s">
        <v>2200</v>
      </c>
      <c r="C9029" t="s">
        <v>8218</v>
      </c>
      <c r="D9029" t="s">
        <v>8220</v>
      </c>
    </row>
    <row r="9030" spans="1:4" x14ac:dyDescent="0.4">
      <c r="A9030">
        <v>2530072</v>
      </c>
      <c r="B9030" t="s">
        <v>2200</v>
      </c>
      <c r="C9030" t="s">
        <v>8218</v>
      </c>
      <c r="D9030" t="s">
        <v>4363</v>
      </c>
    </row>
    <row r="9031" spans="1:4" x14ac:dyDescent="0.4">
      <c r="A9031">
        <v>2530084</v>
      </c>
      <c r="B9031" t="s">
        <v>2200</v>
      </c>
      <c r="C9031" t="s">
        <v>8218</v>
      </c>
      <c r="D9031" t="s">
        <v>8221</v>
      </c>
    </row>
    <row r="9032" spans="1:4" x14ac:dyDescent="0.4">
      <c r="A9032">
        <v>2530082</v>
      </c>
      <c r="B9032" t="s">
        <v>2200</v>
      </c>
      <c r="C9032" t="s">
        <v>8218</v>
      </c>
      <c r="D9032" t="s">
        <v>8222</v>
      </c>
    </row>
    <row r="9033" spans="1:4" x14ac:dyDescent="0.4">
      <c r="A9033">
        <v>2530016</v>
      </c>
      <c r="B9033" t="s">
        <v>2200</v>
      </c>
      <c r="C9033" t="s">
        <v>8218</v>
      </c>
      <c r="D9033" t="s">
        <v>8223</v>
      </c>
    </row>
    <row r="9034" spans="1:4" x14ac:dyDescent="0.4">
      <c r="A9034">
        <v>2530012</v>
      </c>
      <c r="B9034" t="s">
        <v>2200</v>
      </c>
      <c r="C9034" t="s">
        <v>8218</v>
      </c>
      <c r="D9034" t="s">
        <v>8224</v>
      </c>
    </row>
    <row r="9035" spans="1:4" x14ac:dyDescent="0.4">
      <c r="A9035">
        <v>2530052</v>
      </c>
      <c r="B9035" t="s">
        <v>2200</v>
      </c>
      <c r="C9035" t="s">
        <v>8218</v>
      </c>
      <c r="D9035" t="s">
        <v>72</v>
      </c>
    </row>
    <row r="9036" spans="1:4" x14ac:dyDescent="0.4">
      <c r="A9036">
        <v>2530033</v>
      </c>
      <c r="B9036" t="s">
        <v>2200</v>
      </c>
      <c r="C9036" t="s">
        <v>8218</v>
      </c>
      <c r="D9036" t="s">
        <v>2320</v>
      </c>
    </row>
    <row r="9037" spans="1:4" x14ac:dyDescent="0.4">
      <c r="A9037">
        <v>2530081</v>
      </c>
      <c r="B9037" t="s">
        <v>2200</v>
      </c>
      <c r="C9037" t="s">
        <v>8218</v>
      </c>
      <c r="D9037" t="s">
        <v>8225</v>
      </c>
    </row>
    <row r="9038" spans="1:4" x14ac:dyDescent="0.4">
      <c r="A9038">
        <v>2530087</v>
      </c>
      <c r="B9038" t="s">
        <v>2200</v>
      </c>
      <c r="C9038" t="s">
        <v>8218</v>
      </c>
      <c r="D9038" t="s">
        <v>8226</v>
      </c>
    </row>
    <row r="9039" spans="1:4" x14ac:dyDescent="0.4">
      <c r="A9039">
        <v>2530045</v>
      </c>
      <c r="B9039" t="s">
        <v>2200</v>
      </c>
      <c r="C9039" t="s">
        <v>8218</v>
      </c>
      <c r="D9039" t="s">
        <v>8227</v>
      </c>
    </row>
    <row r="9040" spans="1:4" x14ac:dyDescent="0.4">
      <c r="A9040">
        <v>2530017</v>
      </c>
      <c r="B9040" t="s">
        <v>2200</v>
      </c>
      <c r="C9040" t="s">
        <v>8218</v>
      </c>
      <c r="D9040" t="s">
        <v>8228</v>
      </c>
    </row>
    <row r="9041" spans="1:4" x14ac:dyDescent="0.4">
      <c r="A9041">
        <v>2530036</v>
      </c>
      <c r="B9041" t="s">
        <v>2200</v>
      </c>
      <c r="C9041" t="s">
        <v>8218</v>
      </c>
      <c r="D9041" t="s">
        <v>8229</v>
      </c>
    </row>
    <row r="9042" spans="1:4" x14ac:dyDescent="0.4">
      <c r="A9042">
        <v>2530044</v>
      </c>
      <c r="B9042" t="s">
        <v>2200</v>
      </c>
      <c r="C9042" t="s">
        <v>8218</v>
      </c>
      <c r="D9042" t="s">
        <v>2670</v>
      </c>
    </row>
    <row r="9043" spans="1:4" x14ac:dyDescent="0.4">
      <c r="A9043">
        <v>2530008</v>
      </c>
      <c r="B9043" t="s">
        <v>2200</v>
      </c>
      <c r="C9043" t="s">
        <v>8218</v>
      </c>
      <c r="D9043" t="s">
        <v>8230</v>
      </c>
    </row>
    <row r="9044" spans="1:4" x14ac:dyDescent="0.4">
      <c r="A9044">
        <v>2530015</v>
      </c>
      <c r="B9044" t="s">
        <v>2200</v>
      </c>
      <c r="C9044" t="s">
        <v>8218</v>
      </c>
      <c r="D9044" t="s">
        <v>3120</v>
      </c>
    </row>
    <row r="9045" spans="1:4" x14ac:dyDescent="0.4">
      <c r="A9045">
        <v>2530002</v>
      </c>
      <c r="B9045" t="s">
        <v>2200</v>
      </c>
      <c r="C9045" t="s">
        <v>8218</v>
      </c>
      <c r="D9045" t="s">
        <v>3693</v>
      </c>
    </row>
    <row r="9046" spans="1:4" x14ac:dyDescent="0.4">
      <c r="A9046">
        <v>2530041</v>
      </c>
      <c r="B9046" t="s">
        <v>2200</v>
      </c>
      <c r="C9046" t="s">
        <v>8218</v>
      </c>
      <c r="D9046" t="s">
        <v>8231</v>
      </c>
    </row>
    <row r="9047" spans="1:4" x14ac:dyDescent="0.4">
      <c r="A9047">
        <v>2530006</v>
      </c>
      <c r="B9047" t="s">
        <v>2200</v>
      </c>
      <c r="C9047" t="s">
        <v>8218</v>
      </c>
      <c r="D9047" t="s">
        <v>6218</v>
      </c>
    </row>
    <row r="9048" spans="1:4" x14ac:dyDescent="0.4">
      <c r="A9048">
        <v>2530003</v>
      </c>
      <c r="B9048" t="s">
        <v>2200</v>
      </c>
      <c r="C9048" t="s">
        <v>8218</v>
      </c>
      <c r="D9048" t="s">
        <v>8232</v>
      </c>
    </row>
    <row r="9049" spans="1:4" x14ac:dyDescent="0.4">
      <c r="A9049">
        <v>2530028</v>
      </c>
      <c r="B9049" t="s">
        <v>2200</v>
      </c>
      <c r="C9049" t="s">
        <v>8218</v>
      </c>
      <c r="D9049" t="s">
        <v>8233</v>
      </c>
    </row>
    <row r="9050" spans="1:4" x14ac:dyDescent="0.4">
      <c r="A9050">
        <v>2530032</v>
      </c>
      <c r="B9050" t="s">
        <v>2200</v>
      </c>
      <c r="C9050" t="s">
        <v>8218</v>
      </c>
      <c r="D9050" t="s">
        <v>1754</v>
      </c>
    </row>
    <row r="9051" spans="1:4" x14ac:dyDescent="0.4">
      <c r="A9051">
        <v>2530056</v>
      </c>
      <c r="B9051" t="s">
        <v>2200</v>
      </c>
      <c r="C9051" t="s">
        <v>8218</v>
      </c>
      <c r="D9051" t="s">
        <v>8234</v>
      </c>
    </row>
    <row r="9052" spans="1:4" x14ac:dyDescent="0.4">
      <c r="A9052">
        <v>2530055</v>
      </c>
      <c r="B9052" t="s">
        <v>2200</v>
      </c>
      <c r="C9052" t="s">
        <v>8218</v>
      </c>
      <c r="D9052" t="s">
        <v>8235</v>
      </c>
    </row>
    <row r="9053" spans="1:4" x14ac:dyDescent="0.4">
      <c r="A9053">
        <v>2530073</v>
      </c>
      <c r="B9053" t="s">
        <v>2200</v>
      </c>
      <c r="C9053" t="s">
        <v>8218</v>
      </c>
      <c r="D9053" t="s">
        <v>192</v>
      </c>
    </row>
    <row r="9054" spans="1:4" x14ac:dyDescent="0.4">
      <c r="A9054">
        <v>2530007</v>
      </c>
      <c r="B9054" t="s">
        <v>2200</v>
      </c>
      <c r="C9054" t="s">
        <v>8218</v>
      </c>
      <c r="D9054" t="s">
        <v>8236</v>
      </c>
    </row>
    <row r="9055" spans="1:4" x14ac:dyDescent="0.4">
      <c r="A9055">
        <v>2530061</v>
      </c>
      <c r="B9055" t="s">
        <v>2200</v>
      </c>
      <c r="C9055" t="s">
        <v>8218</v>
      </c>
      <c r="D9055" t="s">
        <v>8237</v>
      </c>
    </row>
    <row r="9056" spans="1:4" x14ac:dyDescent="0.4">
      <c r="A9056">
        <v>2530083</v>
      </c>
      <c r="B9056" t="s">
        <v>2200</v>
      </c>
      <c r="C9056" t="s">
        <v>8218</v>
      </c>
      <c r="D9056" t="s">
        <v>3340</v>
      </c>
    </row>
    <row r="9057" spans="1:4" x14ac:dyDescent="0.4">
      <c r="A9057">
        <v>2530071</v>
      </c>
      <c r="B9057" t="s">
        <v>2200</v>
      </c>
      <c r="C9057" t="s">
        <v>8218</v>
      </c>
      <c r="D9057" t="s">
        <v>3775</v>
      </c>
    </row>
    <row r="9058" spans="1:4" x14ac:dyDescent="0.4">
      <c r="A9058">
        <v>2530035</v>
      </c>
      <c r="B9058" t="s">
        <v>2200</v>
      </c>
      <c r="C9058" t="s">
        <v>8218</v>
      </c>
      <c r="D9058" t="s">
        <v>8238</v>
      </c>
    </row>
    <row r="9059" spans="1:4" x14ac:dyDescent="0.4">
      <c r="A9059">
        <v>2530021</v>
      </c>
      <c r="B9059" t="s">
        <v>2200</v>
      </c>
      <c r="C9059" t="s">
        <v>8218</v>
      </c>
      <c r="D9059" t="s">
        <v>8239</v>
      </c>
    </row>
    <row r="9060" spans="1:4" x14ac:dyDescent="0.4">
      <c r="A9060">
        <v>2530086</v>
      </c>
      <c r="B9060" t="s">
        <v>2200</v>
      </c>
      <c r="C9060" t="s">
        <v>8218</v>
      </c>
      <c r="D9060" t="s">
        <v>8240</v>
      </c>
    </row>
    <row r="9061" spans="1:4" x14ac:dyDescent="0.4">
      <c r="A9061">
        <v>2530062</v>
      </c>
      <c r="B9061" t="s">
        <v>2200</v>
      </c>
      <c r="C9061" t="s">
        <v>8218</v>
      </c>
      <c r="D9061" t="s">
        <v>8241</v>
      </c>
    </row>
    <row r="9062" spans="1:4" x14ac:dyDescent="0.4">
      <c r="A9062">
        <v>2530054</v>
      </c>
      <c r="B9062" t="s">
        <v>2200</v>
      </c>
      <c r="C9062" t="s">
        <v>8218</v>
      </c>
      <c r="D9062" t="s">
        <v>8242</v>
      </c>
    </row>
    <row r="9063" spans="1:4" x14ac:dyDescent="0.4">
      <c r="A9063">
        <v>2530053</v>
      </c>
      <c r="B9063" t="s">
        <v>2200</v>
      </c>
      <c r="C9063" t="s">
        <v>8218</v>
      </c>
      <c r="D9063" t="s">
        <v>8243</v>
      </c>
    </row>
    <row r="9064" spans="1:4" x14ac:dyDescent="0.4">
      <c r="A9064">
        <v>2530011</v>
      </c>
      <c r="B9064" t="s">
        <v>2200</v>
      </c>
      <c r="C9064" t="s">
        <v>8218</v>
      </c>
      <c r="D9064" t="s">
        <v>458</v>
      </c>
    </row>
    <row r="9065" spans="1:4" x14ac:dyDescent="0.4">
      <c r="A9065">
        <v>2530037</v>
      </c>
      <c r="B9065" t="s">
        <v>2200</v>
      </c>
      <c r="C9065" t="s">
        <v>8218</v>
      </c>
      <c r="D9065" t="s">
        <v>8244</v>
      </c>
    </row>
    <row r="9066" spans="1:4" x14ac:dyDescent="0.4">
      <c r="A9066">
        <v>2530027</v>
      </c>
      <c r="B9066" t="s">
        <v>2200</v>
      </c>
      <c r="C9066" t="s">
        <v>8218</v>
      </c>
      <c r="D9066" t="s">
        <v>488</v>
      </c>
    </row>
    <row r="9067" spans="1:4" x14ac:dyDescent="0.4">
      <c r="A9067">
        <v>2530031</v>
      </c>
      <c r="B9067" t="s">
        <v>2200</v>
      </c>
      <c r="C9067" t="s">
        <v>8218</v>
      </c>
      <c r="D9067" t="s">
        <v>1605</v>
      </c>
    </row>
    <row r="9068" spans="1:4" x14ac:dyDescent="0.4">
      <c r="A9068">
        <v>2530074</v>
      </c>
      <c r="B9068" t="s">
        <v>2200</v>
      </c>
      <c r="C9068" t="s">
        <v>8218</v>
      </c>
      <c r="D9068" t="s">
        <v>8245</v>
      </c>
    </row>
    <row r="9069" spans="1:4" x14ac:dyDescent="0.4">
      <c r="A9069">
        <v>2530024</v>
      </c>
      <c r="B9069" t="s">
        <v>2200</v>
      </c>
      <c r="C9069" t="s">
        <v>8218</v>
      </c>
      <c r="D9069" t="s">
        <v>8246</v>
      </c>
    </row>
    <row r="9070" spans="1:4" x14ac:dyDescent="0.4">
      <c r="A9070">
        <v>2530014</v>
      </c>
      <c r="B9070" t="s">
        <v>2200</v>
      </c>
      <c r="C9070" t="s">
        <v>8218</v>
      </c>
      <c r="D9070" t="s">
        <v>3405</v>
      </c>
    </row>
    <row r="9071" spans="1:4" x14ac:dyDescent="0.4">
      <c r="A9071">
        <v>2530042</v>
      </c>
      <c r="B9071" t="s">
        <v>2200</v>
      </c>
      <c r="C9071" t="s">
        <v>8218</v>
      </c>
      <c r="D9071" t="s">
        <v>8247</v>
      </c>
    </row>
    <row r="9072" spans="1:4" x14ac:dyDescent="0.4">
      <c r="A9072">
        <v>2530065</v>
      </c>
      <c r="B9072" t="s">
        <v>2200</v>
      </c>
      <c r="C9072" t="s">
        <v>8218</v>
      </c>
      <c r="D9072" t="s">
        <v>7389</v>
      </c>
    </row>
    <row r="9073" spans="1:4" x14ac:dyDescent="0.4">
      <c r="A9073">
        <v>2530005</v>
      </c>
      <c r="B9073" t="s">
        <v>2200</v>
      </c>
      <c r="C9073" t="s">
        <v>8218</v>
      </c>
      <c r="D9073" t="s">
        <v>2636</v>
      </c>
    </row>
    <row r="9074" spans="1:4" x14ac:dyDescent="0.4">
      <c r="A9074">
        <v>2530025</v>
      </c>
      <c r="B9074" t="s">
        <v>2200</v>
      </c>
      <c r="C9074" t="s">
        <v>8218</v>
      </c>
      <c r="D9074" t="s">
        <v>5839</v>
      </c>
    </row>
    <row r="9075" spans="1:4" x14ac:dyDescent="0.4">
      <c r="A9075">
        <v>2530022</v>
      </c>
      <c r="B9075" t="s">
        <v>2200</v>
      </c>
      <c r="C9075" t="s">
        <v>8218</v>
      </c>
      <c r="D9075" t="s">
        <v>8248</v>
      </c>
    </row>
    <row r="9076" spans="1:4" x14ac:dyDescent="0.4">
      <c r="A9076">
        <v>2530088</v>
      </c>
      <c r="B9076" t="s">
        <v>2200</v>
      </c>
      <c r="C9076" t="s">
        <v>8218</v>
      </c>
      <c r="D9076" t="s">
        <v>3648</v>
      </c>
    </row>
    <row r="9077" spans="1:4" x14ac:dyDescent="0.4">
      <c r="A9077">
        <v>2530023</v>
      </c>
      <c r="B9077" t="s">
        <v>2200</v>
      </c>
      <c r="C9077" t="s">
        <v>8218</v>
      </c>
      <c r="D9077" t="s">
        <v>3545</v>
      </c>
    </row>
    <row r="9078" spans="1:4" x14ac:dyDescent="0.4">
      <c r="A9078">
        <v>2530034</v>
      </c>
      <c r="B9078" t="s">
        <v>2200</v>
      </c>
      <c r="C9078" t="s">
        <v>8218</v>
      </c>
      <c r="D9078" t="s">
        <v>8249</v>
      </c>
    </row>
    <row r="9079" spans="1:4" x14ac:dyDescent="0.4">
      <c r="A9079">
        <v>2530018</v>
      </c>
      <c r="B9079" t="s">
        <v>2200</v>
      </c>
      <c r="C9079" t="s">
        <v>8218</v>
      </c>
      <c r="D9079" t="s">
        <v>8250</v>
      </c>
    </row>
    <row r="9080" spans="1:4" x14ac:dyDescent="0.4">
      <c r="A9080">
        <v>2530043</v>
      </c>
      <c r="B9080" t="s">
        <v>2200</v>
      </c>
      <c r="C9080" t="s">
        <v>8218</v>
      </c>
      <c r="D9080" t="s">
        <v>1841</v>
      </c>
    </row>
    <row r="9081" spans="1:4" x14ac:dyDescent="0.4">
      <c r="A9081">
        <v>2530064</v>
      </c>
      <c r="B9081" t="s">
        <v>2200</v>
      </c>
      <c r="C9081" t="s">
        <v>8218</v>
      </c>
      <c r="D9081" t="s">
        <v>8251</v>
      </c>
    </row>
    <row r="9082" spans="1:4" x14ac:dyDescent="0.4">
      <c r="A9082">
        <v>2530063</v>
      </c>
      <c r="B9082" t="s">
        <v>2200</v>
      </c>
      <c r="C9082" t="s">
        <v>8218</v>
      </c>
      <c r="D9082" t="s">
        <v>8252</v>
      </c>
    </row>
    <row r="9083" spans="1:4" x14ac:dyDescent="0.4">
      <c r="A9083">
        <v>2530085</v>
      </c>
      <c r="B9083" t="s">
        <v>2200</v>
      </c>
      <c r="C9083" t="s">
        <v>8218</v>
      </c>
      <c r="D9083" t="s">
        <v>8253</v>
      </c>
    </row>
    <row r="9084" spans="1:4" x14ac:dyDescent="0.4">
      <c r="A9084">
        <v>2530051</v>
      </c>
      <c r="B9084" t="s">
        <v>2200</v>
      </c>
      <c r="C9084" t="s">
        <v>8218</v>
      </c>
      <c r="D9084" t="s">
        <v>32</v>
      </c>
    </row>
    <row r="9085" spans="1:4" x14ac:dyDescent="0.4">
      <c r="A9085">
        <v>2490000</v>
      </c>
      <c r="B9085" t="s">
        <v>2200</v>
      </c>
      <c r="C9085" t="s">
        <v>8254</v>
      </c>
    </row>
    <row r="9086" spans="1:4" x14ac:dyDescent="0.4">
      <c r="A9086">
        <v>2490003</v>
      </c>
      <c r="B9086" t="s">
        <v>2200</v>
      </c>
      <c r="C9086" t="s">
        <v>8254</v>
      </c>
      <c r="D9086" t="s">
        <v>8255</v>
      </c>
    </row>
    <row r="9087" spans="1:4" x14ac:dyDescent="0.4">
      <c r="A9087">
        <v>2490008</v>
      </c>
      <c r="B9087" t="s">
        <v>2200</v>
      </c>
      <c r="C9087" t="s">
        <v>8254</v>
      </c>
      <c r="D9087" t="s">
        <v>8256</v>
      </c>
    </row>
    <row r="9088" spans="1:4" x14ac:dyDescent="0.4">
      <c r="A9088">
        <v>2490005</v>
      </c>
      <c r="B9088" t="s">
        <v>2200</v>
      </c>
      <c r="C9088" t="s">
        <v>8254</v>
      </c>
      <c r="D9088" t="s">
        <v>8257</v>
      </c>
    </row>
    <row r="9089" spans="1:4" x14ac:dyDescent="0.4">
      <c r="A9089">
        <v>2490007</v>
      </c>
      <c r="B9089" t="s">
        <v>2200</v>
      </c>
      <c r="C9089" t="s">
        <v>8254</v>
      </c>
      <c r="D9089" t="s">
        <v>177</v>
      </c>
    </row>
    <row r="9090" spans="1:4" x14ac:dyDescent="0.4">
      <c r="A9090">
        <v>2490006</v>
      </c>
      <c r="B9090" t="s">
        <v>2200</v>
      </c>
      <c r="C9090" t="s">
        <v>8254</v>
      </c>
      <c r="D9090" t="s">
        <v>8258</v>
      </c>
    </row>
    <row r="9091" spans="1:4" x14ac:dyDescent="0.4">
      <c r="A9091">
        <v>2490004</v>
      </c>
      <c r="B9091" t="s">
        <v>2200</v>
      </c>
      <c r="C9091" t="s">
        <v>8254</v>
      </c>
      <c r="D9091" t="s">
        <v>8259</v>
      </c>
    </row>
    <row r="9092" spans="1:4" x14ac:dyDescent="0.4">
      <c r="A9092">
        <v>2490001</v>
      </c>
      <c r="B9092" t="s">
        <v>2200</v>
      </c>
      <c r="C9092" t="s">
        <v>8254</v>
      </c>
      <c r="D9092" t="s">
        <v>8260</v>
      </c>
    </row>
    <row r="9093" spans="1:4" x14ac:dyDescent="0.4">
      <c r="A9093">
        <v>2490002</v>
      </c>
      <c r="B9093" t="s">
        <v>2200</v>
      </c>
      <c r="C9093" t="s">
        <v>8254</v>
      </c>
      <c r="D9093" t="s">
        <v>8261</v>
      </c>
    </row>
    <row r="9094" spans="1:4" x14ac:dyDescent="0.4">
      <c r="A9094">
        <v>2290000</v>
      </c>
      <c r="B9094" t="s">
        <v>2200</v>
      </c>
      <c r="C9094" t="s">
        <v>8262</v>
      </c>
    </row>
    <row r="9095" spans="1:4" x14ac:dyDescent="0.4">
      <c r="A9095">
        <v>2290035</v>
      </c>
      <c r="B9095" t="s">
        <v>2200</v>
      </c>
      <c r="C9095" t="s">
        <v>8262</v>
      </c>
      <c r="D9095" t="s">
        <v>8263</v>
      </c>
    </row>
    <row r="9096" spans="1:4" x14ac:dyDescent="0.4">
      <c r="A9096">
        <v>2291101</v>
      </c>
      <c r="B9096" t="s">
        <v>2200</v>
      </c>
      <c r="C9096" t="s">
        <v>8262</v>
      </c>
      <c r="D9096" t="s">
        <v>8264</v>
      </c>
    </row>
    <row r="9097" spans="1:4" x14ac:dyDescent="0.4">
      <c r="A9097">
        <v>2290024</v>
      </c>
      <c r="B9097" t="s">
        <v>2200</v>
      </c>
      <c r="C9097" t="s">
        <v>8262</v>
      </c>
      <c r="D9097" t="s">
        <v>4454</v>
      </c>
    </row>
    <row r="9098" spans="1:4" x14ac:dyDescent="0.4">
      <c r="A9098">
        <v>2280804</v>
      </c>
      <c r="B9098" t="s">
        <v>2200</v>
      </c>
      <c r="C9098" t="s">
        <v>8262</v>
      </c>
      <c r="D9098" t="s">
        <v>222</v>
      </c>
    </row>
    <row r="9099" spans="1:4" x14ac:dyDescent="0.4">
      <c r="A9099">
        <v>2280828</v>
      </c>
      <c r="B9099" t="s">
        <v>2200</v>
      </c>
      <c r="C9099" t="s">
        <v>8262</v>
      </c>
      <c r="D9099" t="s">
        <v>8265</v>
      </c>
    </row>
    <row r="9100" spans="1:4" x14ac:dyDescent="0.4">
      <c r="A9100">
        <v>2280825</v>
      </c>
      <c r="B9100" t="s">
        <v>2200</v>
      </c>
      <c r="C9100" t="s">
        <v>8262</v>
      </c>
      <c r="D9100" t="s">
        <v>8266</v>
      </c>
    </row>
    <row r="9101" spans="1:4" x14ac:dyDescent="0.4">
      <c r="A9101">
        <v>2280827</v>
      </c>
      <c r="B9101" t="s">
        <v>2200</v>
      </c>
      <c r="C9101" t="s">
        <v>8262</v>
      </c>
      <c r="D9101" t="s">
        <v>7646</v>
      </c>
    </row>
    <row r="9102" spans="1:4" x14ac:dyDescent="0.4">
      <c r="A9102">
        <v>2280801</v>
      </c>
      <c r="B9102" t="s">
        <v>2200</v>
      </c>
      <c r="C9102" t="s">
        <v>8262</v>
      </c>
      <c r="D9102" t="s">
        <v>8267</v>
      </c>
    </row>
    <row r="9103" spans="1:4" x14ac:dyDescent="0.4">
      <c r="A9103">
        <v>2291135</v>
      </c>
      <c r="B9103" t="s">
        <v>2200</v>
      </c>
      <c r="C9103" t="s">
        <v>8262</v>
      </c>
      <c r="D9103" t="s">
        <v>891</v>
      </c>
    </row>
    <row r="9104" spans="1:4" x14ac:dyDescent="0.4">
      <c r="A9104">
        <v>2290011</v>
      </c>
      <c r="B9104" t="s">
        <v>2200</v>
      </c>
      <c r="C9104" t="s">
        <v>8262</v>
      </c>
      <c r="D9104" t="s">
        <v>40</v>
      </c>
    </row>
    <row r="9105" spans="1:4" x14ac:dyDescent="0.4">
      <c r="A9105">
        <v>2291106</v>
      </c>
      <c r="B9105" t="s">
        <v>2200</v>
      </c>
      <c r="C9105" t="s">
        <v>8262</v>
      </c>
      <c r="D9105" t="s">
        <v>8268</v>
      </c>
    </row>
    <row r="9106" spans="1:4" x14ac:dyDescent="0.4">
      <c r="A9106">
        <v>2291105</v>
      </c>
      <c r="B9106" t="s">
        <v>2200</v>
      </c>
      <c r="C9106" t="s">
        <v>8262</v>
      </c>
      <c r="D9106" t="s">
        <v>253</v>
      </c>
    </row>
    <row r="9107" spans="1:4" x14ac:dyDescent="0.4">
      <c r="A9107">
        <v>2290033</v>
      </c>
      <c r="B9107" t="s">
        <v>2200</v>
      </c>
      <c r="C9107" t="s">
        <v>8262</v>
      </c>
      <c r="D9107" t="s">
        <v>8269</v>
      </c>
    </row>
    <row r="9108" spans="1:4" x14ac:dyDescent="0.4">
      <c r="A9108">
        <v>2291136</v>
      </c>
      <c r="B9108" t="s">
        <v>2200</v>
      </c>
      <c r="C9108" t="s">
        <v>8262</v>
      </c>
      <c r="D9108" t="s">
        <v>8270</v>
      </c>
    </row>
    <row r="9109" spans="1:4" x14ac:dyDescent="0.4">
      <c r="A9109">
        <v>2280802</v>
      </c>
      <c r="B9109" t="s">
        <v>2200</v>
      </c>
      <c r="C9109" t="s">
        <v>8262</v>
      </c>
      <c r="D9109" t="s">
        <v>8271</v>
      </c>
    </row>
    <row r="9110" spans="1:4" x14ac:dyDescent="0.4">
      <c r="A9110">
        <v>2280818</v>
      </c>
      <c r="B9110" t="s">
        <v>2200</v>
      </c>
      <c r="C9110" t="s">
        <v>8262</v>
      </c>
      <c r="D9110" t="s">
        <v>8272</v>
      </c>
    </row>
    <row r="9111" spans="1:4" x14ac:dyDescent="0.4">
      <c r="A9111">
        <v>2291123</v>
      </c>
      <c r="B9111" t="s">
        <v>2200</v>
      </c>
      <c r="C9111" t="s">
        <v>8262</v>
      </c>
      <c r="D9111" t="s">
        <v>8273</v>
      </c>
    </row>
    <row r="9112" spans="1:4" x14ac:dyDescent="0.4">
      <c r="A9112">
        <v>2290001</v>
      </c>
      <c r="B9112" t="s">
        <v>2200</v>
      </c>
      <c r="C9112" t="s">
        <v>8262</v>
      </c>
      <c r="D9112" t="s">
        <v>8274</v>
      </c>
    </row>
    <row r="9113" spans="1:4" x14ac:dyDescent="0.4">
      <c r="A9113">
        <v>2280829</v>
      </c>
      <c r="B9113" t="s">
        <v>2200</v>
      </c>
      <c r="C9113" t="s">
        <v>8262</v>
      </c>
      <c r="D9113" t="s">
        <v>8275</v>
      </c>
    </row>
    <row r="9114" spans="1:4" x14ac:dyDescent="0.4">
      <c r="A9114">
        <v>2290034</v>
      </c>
      <c r="B9114" t="s">
        <v>2200</v>
      </c>
      <c r="C9114" t="s">
        <v>8262</v>
      </c>
      <c r="D9114" t="s">
        <v>8276</v>
      </c>
    </row>
    <row r="9115" spans="1:4" x14ac:dyDescent="0.4">
      <c r="A9115">
        <v>2291114</v>
      </c>
      <c r="B9115" t="s">
        <v>2200</v>
      </c>
      <c r="C9115" t="s">
        <v>8262</v>
      </c>
      <c r="D9115" t="s">
        <v>4300</v>
      </c>
    </row>
    <row r="9116" spans="1:4" x14ac:dyDescent="0.4">
      <c r="A9116">
        <v>2290004</v>
      </c>
      <c r="B9116" t="s">
        <v>2200</v>
      </c>
      <c r="C9116" t="s">
        <v>8262</v>
      </c>
      <c r="D9116" t="s">
        <v>8277</v>
      </c>
    </row>
    <row r="9117" spans="1:4" x14ac:dyDescent="0.4">
      <c r="A9117">
        <v>2291117</v>
      </c>
      <c r="B9117" t="s">
        <v>2200</v>
      </c>
      <c r="C9117" t="s">
        <v>8262</v>
      </c>
      <c r="D9117" t="s">
        <v>8278</v>
      </c>
    </row>
    <row r="9118" spans="1:4" x14ac:dyDescent="0.4">
      <c r="A9118">
        <v>2280806</v>
      </c>
      <c r="B9118" t="s">
        <v>2200</v>
      </c>
      <c r="C9118" t="s">
        <v>8262</v>
      </c>
      <c r="D9118" t="s">
        <v>255</v>
      </c>
    </row>
    <row r="9119" spans="1:4" x14ac:dyDescent="0.4">
      <c r="A9119">
        <v>2280803</v>
      </c>
      <c r="B9119" t="s">
        <v>2200</v>
      </c>
      <c r="C9119" t="s">
        <v>8262</v>
      </c>
      <c r="D9119" t="s">
        <v>8279</v>
      </c>
    </row>
    <row r="9120" spans="1:4" x14ac:dyDescent="0.4">
      <c r="A9120">
        <v>2290103</v>
      </c>
      <c r="B9120" t="s">
        <v>2200</v>
      </c>
      <c r="C9120" t="s">
        <v>8262</v>
      </c>
      <c r="D9120" t="s">
        <v>8280</v>
      </c>
    </row>
    <row r="9121" spans="1:4" x14ac:dyDescent="0.4">
      <c r="A9121">
        <v>2290211</v>
      </c>
      <c r="B9121" t="s">
        <v>2200</v>
      </c>
      <c r="C9121" t="s">
        <v>8262</v>
      </c>
      <c r="D9121" t="s">
        <v>8281</v>
      </c>
    </row>
    <row r="9122" spans="1:4" x14ac:dyDescent="0.4">
      <c r="A9122">
        <v>2290106</v>
      </c>
      <c r="B9122" t="s">
        <v>2200</v>
      </c>
      <c r="C9122" t="s">
        <v>8262</v>
      </c>
      <c r="D9122" t="s">
        <v>8282</v>
      </c>
    </row>
    <row r="9123" spans="1:4" x14ac:dyDescent="0.4">
      <c r="A9123">
        <v>2290104</v>
      </c>
      <c r="B9123" t="s">
        <v>2200</v>
      </c>
      <c r="C9123" t="s">
        <v>8262</v>
      </c>
      <c r="D9123" t="s">
        <v>8283</v>
      </c>
    </row>
    <row r="9124" spans="1:4" x14ac:dyDescent="0.4">
      <c r="A9124">
        <v>2290101</v>
      </c>
      <c r="B9124" t="s">
        <v>2200</v>
      </c>
      <c r="C9124" t="s">
        <v>8262</v>
      </c>
      <c r="D9124" t="s">
        <v>8284</v>
      </c>
    </row>
    <row r="9125" spans="1:4" x14ac:dyDescent="0.4">
      <c r="A9125">
        <v>2290102</v>
      </c>
      <c r="B9125" t="s">
        <v>2200</v>
      </c>
      <c r="C9125" t="s">
        <v>8262</v>
      </c>
      <c r="D9125" t="s">
        <v>8285</v>
      </c>
    </row>
    <row r="9126" spans="1:4" x14ac:dyDescent="0.4">
      <c r="A9126">
        <v>2290105</v>
      </c>
      <c r="B9126" t="s">
        <v>2200</v>
      </c>
      <c r="C9126" t="s">
        <v>8262</v>
      </c>
      <c r="D9126" t="s">
        <v>8286</v>
      </c>
    </row>
    <row r="9127" spans="1:4" x14ac:dyDescent="0.4">
      <c r="A9127">
        <v>2280821</v>
      </c>
      <c r="B9127" t="s">
        <v>2200</v>
      </c>
      <c r="C9127" t="s">
        <v>8262</v>
      </c>
      <c r="D9127" t="s">
        <v>8287</v>
      </c>
    </row>
    <row r="9128" spans="1:4" x14ac:dyDescent="0.4">
      <c r="A9128">
        <v>2280822</v>
      </c>
      <c r="B9128" t="s">
        <v>2200</v>
      </c>
      <c r="C9128" t="s">
        <v>8262</v>
      </c>
      <c r="D9128" t="s">
        <v>8288</v>
      </c>
    </row>
    <row r="9129" spans="1:4" x14ac:dyDescent="0.4">
      <c r="A9129">
        <v>2290031</v>
      </c>
      <c r="B9129" t="s">
        <v>2200</v>
      </c>
      <c r="C9129" t="s">
        <v>8262</v>
      </c>
      <c r="D9129" t="s">
        <v>8289</v>
      </c>
    </row>
    <row r="9130" spans="1:4" x14ac:dyDescent="0.4">
      <c r="A9130">
        <v>2280815</v>
      </c>
      <c r="B9130" t="s">
        <v>2200</v>
      </c>
      <c r="C9130" t="s">
        <v>8262</v>
      </c>
      <c r="D9130" t="s">
        <v>2016</v>
      </c>
    </row>
    <row r="9131" spans="1:4" x14ac:dyDescent="0.4">
      <c r="A9131">
        <v>2291134</v>
      </c>
      <c r="B9131" t="s">
        <v>2200</v>
      </c>
      <c r="C9131" t="s">
        <v>8262</v>
      </c>
      <c r="D9131" t="s">
        <v>8290</v>
      </c>
    </row>
    <row r="9132" spans="1:4" x14ac:dyDescent="0.4">
      <c r="A9132">
        <v>2290015</v>
      </c>
      <c r="B9132" t="s">
        <v>2200</v>
      </c>
      <c r="C9132" t="s">
        <v>8262</v>
      </c>
      <c r="D9132" t="s">
        <v>8291</v>
      </c>
    </row>
    <row r="9133" spans="1:4" x14ac:dyDescent="0.4">
      <c r="A9133">
        <v>2200115</v>
      </c>
      <c r="B9133" t="s">
        <v>2200</v>
      </c>
      <c r="C9133" t="s">
        <v>8262</v>
      </c>
      <c r="D9133" t="s">
        <v>8292</v>
      </c>
    </row>
    <row r="9134" spans="1:4" x14ac:dyDescent="0.4">
      <c r="A9134">
        <v>2200111</v>
      </c>
      <c r="B9134" t="s">
        <v>2200</v>
      </c>
      <c r="C9134" t="s">
        <v>8262</v>
      </c>
      <c r="D9134" t="s">
        <v>8293</v>
      </c>
    </row>
    <row r="9135" spans="1:4" x14ac:dyDescent="0.4">
      <c r="A9135">
        <v>2200105</v>
      </c>
      <c r="B9135" t="s">
        <v>2200</v>
      </c>
      <c r="C9135" t="s">
        <v>8262</v>
      </c>
      <c r="D9135" t="s">
        <v>8294</v>
      </c>
    </row>
    <row r="9136" spans="1:4" x14ac:dyDescent="0.4">
      <c r="A9136">
        <v>2200116</v>
      </c>
      <c r="B9136" t="s">
        <v>2200</v>
      </c>
      <c r="C9136" t="s">
        <v>8262</v>
      </c>
      <c r="D9136" t="s">
        <v>8295</v>
      </c>
    </row>
    <row r="9137" spans="1:4" x14ac:dyDescent="0.4">
      <c r="A9137">
        <v>2200113</v>
      </c>
      <c r="B9137" t="s">
        <v>2200</v>
      </c>
      <c r="C9137" t="s">
        <v>8262</v>
      </c>
      <c r="D9137" t="s">
        <v>8296</v>
      </c>
    </row>
    <row r="9138" spans="1:4" x14ac:dyDescent="0.4">
      <c r="A9138">
        <v>2200117</v>
      </c>
      <c r="B9138" t="s">
        <v>2200</v>
      </c>
      <c r="C9138" t="s">
        <v>8262</v>
      </c>
      <c r="D9138" t="s">
        <v>8297</v>
      </c>
    </row>
    <row r="9139" spans="1:4" x14ac:dyDescent="0.4">
      <c r="A9139">
        <v>2200114</v>
      </c>
      <c r="B9139" t="s">
        <v>2200</v>
      </c>
      <c r="C9139" t="s">
        <v>8262</v>
      </c>
      <c r="D9139" t="s">
        <v>8298</v>
      </c>
    </row>
    <row r="9140" spans="1:4" x14ac:dyDescent="0.4">
      <c r="A9140">
        <v>2200102</v>
      </c>
      <c r="B9140" t="s">
        <v>2200</v>
      </c>
      <c r="C9140" t="s">
        <v>8262</v>
      </c>
      <c r="D9140" t="s">
        <v>8299</v>
      </c>
    </row>
    <row r="9141" spans="1:4" x14ac:dyDescent="0.4">
      <c r="A9141">
        <v>2200103</v>
      </c>
      <c r="B9141" t="s">
        <v>2200</v>
      </c>
      <c r="C9141" t="s">
        <v>8262</v>
      </c>
      <c r="D9141" t="s">
        <v>8300</v>
      </c>
    </row>
    <row r="9142" spans="1:4" x14ac:dyDescent="0.4">
      <c r="A9142">
        <v>2200106</v>
      </c>
      <c r="B9142" t="s">
        <v>2200</v>
      </c>
      <c r="C9142" t="s">
        <v>8262</v>
      </c>
      <c r="D9142" t="s">
        <v>8301</v>
      </c>
    </row>
    <row r="9143" spans="1:4" x14ac:dyDescent="0.4">
      <c r="A9143">
        <v>2200101</v>
      </c>
      <c r="B9143" t="s">
        <v>2200</v>
      </c>
      <c r="C9143" t="s">
        <v>8262</v>
      </c>
      <c r="D9143" t="s">
        <v>8302</v>
      </c>
    </row>
    <row r="9144" spans="1:4" x14ac:dyDescent="0.4">
      <c r="A9144">
        <v>2200104</v>
      </c>
      <c r="B9144" t="s">
        <v>2200</v>
      </c>
      <c r="C9144" t="s">
        <v>8262</v>
      </c>
      <c r="D9144" t="s">
        <v>8303</v>
      </c>
    </row>
    <row r="9145" spans="1:4" x14ac:dyDescent="0.4">
      <c r="A9145">
        <v>2200112</v>
      </c>
      <c r="B9145" t="s">
        <v>2200</v>
      </c>
      <c r="C9145" t="s">
        <v>8262</v>
      </c>
      <c r="D9145" t="s">
        <v>8304</v>
      </c>
    </row>
    <row r="9146" spans="1:4" x14ac:dyDescent="0.4">
      <c r="A9146">
        <v>2280826</v>
      </c>
      <c r="B9146" t="s">
        <v>2200</v>
      </c>
      <c r="C9146" t="s">
        <v>8262</v>
      </c>
      <c r="D9146" t="s">
        <v>555</v>
      </c>
    </row>
    <row r="9147" spans="1:4" x14ac:dyDescent="0.4">
      <c r="A9147">
        <v>2291126</v>
      </c>
      <c r="B9147" t="s">
        <v>2200</v>
      </c>
      <c r="C9147" t="s">
        <v>8262</v>
      </c>
      <c r="D9147" t="s">
        <v>8305</v>
      </c>
    </row>
    <row r="9148" spans="1:4" x14ac:dyDescent="0.4">
      <c r="A9148">
        <v>2291113</v>
      </c>
      <c r="B9148" t="s">
        <v>2200</v>
      </c>
      <c r="C9148" t="s">
        <v>8262</v>
      </c>
      <c r="D9148" t="s">
        <v>8306</v>
      </c>
    </row>
    <row r="9149" spans="1:4" x14ac:dyDescent="0.4">
      <c r="A9149">
        <v>2291116</v>
      </c>
      <c r="B9149" t="s">
        <v>2200</v>
      </c>
      <c r="C9149" t="s">
        <v>8262</v>
      </c>
      <c r="D9149" t="s">
        <v>8307</v>
      </c>
    </row>
    <row r="9150" spans="1:4" x14ac:dyDescent="0.4">
      <c r="A9150">
        <v>2280812</v>
      </c>
      <c r="B9150" t="s">
        <v>2200</v>
      </c>
      <c r="C9150" t="s">
        <v>8262</v>
      </c>
      <c r="D9150" t="s">
        <v>8308</v>
      </c>
    </row>
    <row r="9151" spans="1:4" x14ac:dyDescent="0.4">
      <c r="A9151">
        <v>2280824</v>
      </c>
      <c r="B9151" t="s">
        <v>2200</v>
      </c>
      <c r="C9151" t="s">
        <v>8262</v>
      </c>
      <c r="D9151" t="s">
        <v>8309</v>
      </c>
    </row>
    <row r="9152" spans="1:4" x14ac:dyDescent="0.4">
      <c r="A9152">
        <v>2280823</v>
      </c>
      <c r="B9152" t="s">
        <v>2200</v>
      </c>
      <c r="C9152" t="s">
        <v>8262</v>
      </c>
      <c r="D9152" t="s">
        <v>8310</v>
      </c>
    </row>
    <row r="9153" spans="1:4" x14ac:dyDescent="0.4">
      <c r="A9153">
        <v>2290016</v>
      </c>
      <c r="B9153" t="s">
        <v>2200</v>
      </c>
      <c r="C9153" t="s">
        <v>8262</v>
      </c>
      <c r="D9153" t="s">
        <v>8311</v>
      </c>
    </row>
    <row r="9154" spans="1:4" x14ac:dyDescent="0.4">
      <c r="A9154">
        <v>2290021</v>
      </c>
      <c r="B9154" t="s">
        <v>2200</v>
      </c>
      <c r="C9154" t="s">
        <v>8262</v>
      </c>
      <c r="D9154" t="s">
        <v>3121</v>
      </c>
    </row>
    <row r="9155" spans="1:4" x14ac:dyDescent="0.4">
      <c r="A9155">
        <v>2291124</v>
      </c>
      <c r="B9155" t="s">
        <v>2200</v>
      </c>
      <c r="C9155" t="s">
        <v>8262</v>
      </c>
      <c r="D9155" t="s">
        <v>8312</v>
      </c>
    </row>
    <row r="9156" spans="1:4" x14ac:dyDescent="0.4">
      <c r="A9156">
        <v>2291125</v>
      </c>
      <c r="B9156" t="s">
        <v>2200</v>
      </c>
      <c r="C9156" t="s">
        <v>8262</v>
      </c>
      <c r="D9156" t="s">
        <v>8313</v>
      </c>
    </row>
    <row r="9157" spans="1:4" x14ac:dyDescent="0.4">
      <c r="A9157">
        <v>2290039</v>
      </c>
      <c r="B9157" t="s">
        <v>2200</v>
      </c>
      <c r="C9157" t="s">
        <v>8262</v>
      </c>
      <c r="D9157" t="s">
        <v>184</v>
      </c>
    </row>
    <row r="9158" spans="1:4" x14ac:dyDescent="0.4">
      <c r="A9158">
        <v>2290037</v>
      </c>
      <c r="B9158" t="s">
        <v>2200</v>
      </c>
      <c r="C9158" t="s">
        <v>8262</v>
      </c>
      <c r="D9158" t="s">
        <v>2161</v>
      </c>
    </row>
    <row r="9159" spans="1:4" x14ac:dyDescent="0.4">
      <c r="A9159">
        <v>2200412</v>
      </c>
      <c r="B9159" t="s">
        <v>2200</v>
      </c>
      <c r="C9159" t="s">
        <v>8262</v>
      </c>
      <c r="D9159" t="s">
        <v>8314</v>
      </c>
    </row>
    <row r="9160" spans="1:4" x14ac:dyDescent="0.4">
      <c r="A9160">
        <v>2200411</v>
      </c>
      <c r="B9160" t="s">
        <v>2200</v>
      </c>
      <c r="C9160" t="s">
        <v>8262</v>
      </c>
      <c r="D9160" t="s">
        <v>8315</v>
      </c>
    </row>
    <row r="9161" spans="1:4" x14ac:dyDescent="0.4">
      <c r="A9161">
        <v>2200206</v>
      </c>
      <c r="B9161" t="s">
        <v>2200</v>
      </c>
      <c r="C9161" t="s">
        <v>8262</v>
      </c>
      <c r="D9161" t="s">
        <v>8316</v>
      </c>
    </row>
    <row r="9162" spans="1:4" x14ac:dyDescent="0.4">
      <c r="A9162">
        <v>2200202</v>
      </c>
      <c r="B9162" t="s">
        <v>2200</v>
      </c>
      <c r="C9162" t="s">
        <v>8262</v>
      </c>
      <c r="D9162" t="s">
        <v>8317</v>
      </c>
    </row>
    <row r="9163" spans="1:4" x14ac:dyDescent="0.4">
      <c r="A9163">
        <v>2200205</v>
      </c>
      <c r="B9163" t="s">
        <v>2200</v>
      </c>
      <c r="C9163" t="s">
        <v>8262</v>
      </c>
      <c r="D9163" t="s">
        <v>8318</v>
      </c>
    </row>
    <row r="9164" spans="1:4" x14ac:dyDescent="0.4">
      <c r="A9164">
        <v>2200204</v>
      </c>
      <c r="B9164" t="s">
        <v>2200</v>
      </c>
      <c r="C9164" t="s">
        <v>8262</v>
      </c>
      <c r="D9164" t="s">
        <v>8319</v>
      </c>
    </row>
    <row r="9165" spans="1:4" x14ac:dyDescent="0.4">
      <c r="A9165">
        <v>2200207</v>
      </c>
      <c r="B9165" t="s">
        <v>2200</v>
      </c>
      <c r="C9165" t="s">
        <v>8262</v>
      </c>
      <c r="D9165" t="s">
        <v>8320</v>
      </c>
    </row>
    <row r="9166" spans="1:4" x14ac:dyDescent="0.4">
      <c r="A9166">
        <v>2200203</v>
      </c>
      <c r="B9166" t="s">
        <v>2200</v>
      </c>
      <c r="C9166" t="s">
        <v>8262</v>
      </c>
      <c r="D9166" t="s">
        <v>8321</v>
      </c>
    </row>
    <row r="9167" spans="1:4" x14ac:dyDescent="0.4">
      <c r="A9167">
        <v>2200208</v>
      </c>
      <c r="B9167" t="s">
        <v>2200</v>
      </c>
      <c r="C9167" t="s">
        <v>8262</v>
      </c>
      <c r="D9167" t="s">
        <v>8322</v>
      </c>
    </row>
    <row r="9168" spans="1:4" x14ac:dyDescent="0.4">
      <c r="A9168">
        <v>2200201</v>
      </c>
      <c r="B9168" t="s">
        <v>2200</v>
      </c>
      <c r="C9168" t="s">
        <v>8262</v>
      </c>
      <c r="D9168" t="s">
        <v>8323</v>
      </c>
    </row>
    <row r="9169" spans="1:4" x14ac:dyDescent="0.4">
      <c r="A9169">
        <v>2200209</v>
      </c>
      <c r="B9169" t="s">
        <v>2200</v>
      </c>
      <c r="C9169" t="s">
        <v>8262</v>
      </c>
      <c r="D9169" t="s">
        <v>8324</v>
      </c>
    </row>
    <row r="9170" spans="1:4" x14ac:dyDescent="0.4">
      <c r="A9170">
        <v>2290028</v>
      </c>
      <c r="B9170" t="s">
        <v>2200</v>
      </c>
      <c r="C9170" t="s">
        <v>8262</v>
      </c>
      <c r="D9170" t="s">
        <v>745</v>
      </c>
    </row>
    <row r="9171" spans="1:4" x14ac:dyDescent="0.4">
      <c r="A9171">
        <v>2290012</v>
      </c>
      <c r="B9171" t="s">
        <v>2200</v>
      </c>
      <c r="C9171" t="s">
        <v>8262</v>
      </c>
      <c r="D9171" t="s">
        <v>1760</v>
      </c>
    </row>
    <row r="9172" spans="1:4" x14ac:dyDescent="0.4">
      <c r="A9172">
        <v>2291131</v>
      </c>
      <c r="B9172" t="s">
        <v>2200</v>
      </c>
      <c r="C9172" t="s">
        <v>8262</v>
      </c>
      <c r="D9172" t="s">
        <v>8325</v>
      </c>
    </row>
    <row r="9173" spans="1:4" x14ac:dyDescent="0.4">
      <c r="A9173">
        <v>2291137</v>
      </c>
      <c r="B9173" t="s">
        <v>2200</v>
      </c>
      <c r="C9173" t="s">
        <v>8262</v>
      </c>
      <c r="D9173" t="s">
        <v>8326</v>
      </c>
    </row>
    <row r="9174" spans="1:4" x14ac:dyDescent="0.4">
      <c r="A9174">
        <v>2291103</v>
      </c>
      <c r="B9174" t="s">
        <v>2200</v>
      </c>
      <c r="C9174" t="s">
        <v>8262</v>
      </c>
      <c r="D9174" t="s">
        <v>4672</v>
      </c>
    </row>
    <row r="9175" spans="1:4" x14ac:dyDescent="0.4">
      <c r="A9175">
        <v>2291132</v>
      </c>
      <c r="B9175" t="s">
        <v>2200</v>
      </c>
      <c r="C9175" t="s">
        <v>8262</v>
      </c>
      <c r="D9175" t="s">
        <v>8327</v>
      </c>
    </row>
    <row r="9176" spans="1:4" x14ac:dyDescent="0.4">
      <c r="A9176">
        <v>2290013</v>
      </c>
      <c r="B9176" t="s">
        <v>2200</v>
      </c>
      <c r="C9176" t="s">
        <v>8262</v>
      </c>
      <c r="D9176" t="s">
        <v>1771</v>
      </c>
    </row>
    <row r="9177" spans="1:4" x14ac:dyDescent="0.4">
      <c r="A9177">
        <v>2291104</v>
      </c>
      <c r="B9177" t="s">
        <v>2200</v>
      </c>
      <c r="C9177" t="s">
        <v>8262</v>
      </c>
      <c r="D9177" t="s">
        <v>8328</v>
      </c>
    </row>
    <row r="9178" spans="1:4" x14ac:dyDescent="0.4">
      <c r="A9178">
        <v>2290003</v>
      </c>
      <c r="B9178" t="s">
        <v>2200</v>
      </c>
      <c r="C9178" t="s">
        <v>8262</v>
      </c>
      <c r="D9178" t="s">
        <v>8329</v>
      </c>
    </row>
    <row r="9179" spans="1:4" x14ac:dyDescent="0.4">
      <c r="A9179">
        <v>2280811</v>
      </c>
      <c r="B9179" t="s">
        <v>2200</v>
      </c>
      <c r="C9179" t="s">
        <v>8262</v>
      </c>
      <c r="D9179" t="s">
        <v>8330</v>
      </c>
    </row>
    <row r="9180" spans="1:4" x14ac:dyDescent="0.4">
      <c r="A9180">
        <v>2290027</v>
      </c>
      <c r="B9180" t="s">
        <v>2200</v>
      </c>
      <c r="C9180" t="s">
        <v>8262</v>
      </c>
      <c r="D9180" t="s">
        <v>1351</v>
      </c>
    </row>
    <row r="9181" spans="1:4" x14ac:dyDescent="0.4">
      <c r="A9181">
        <v>2291115</v>
      </c>
      <c r="B9181" t="s">
        <v>2200</v>
      </c>
      <c r="C9181" t="s">
        <v>8262</v>
      </c>
      <c r="D9181" t="s">
        <v>1692</v>
      </c>
    </row>
    <row r="9182" spans="1:4" x14ac:dyDescent="0.4">
      <c r="A9182">
        <v>2290204</v>
      </c>
      <c r="B9182" t="s">
        <v>2200</v>
      </c>
      <c r="C9182" t="s">
        <v>8262</v>
      </c>
      <c r="D9182" t="s">
        <v>8331</v>
      </c>
    </row>
    <row r="9183" spans="1:4" x14ac:dyDescent="0.4">
      <c r="A9183">
        <v>2290201</v>
      </c>
      <c r="B9183" t="s">
        <v>2200</v>
      </c>
      <c r="C9183" t="s">
        <v>8262</v>
      </c>
      <c r="D9183" t="s">
        <v>8332</v>
      </c>
    </row>
    <row r="9184" spans="1:4" x14ac:dyDescent="0.4">
      <c r="A9184">
        <v>2290202</v>
      </c>
      <c r="B9184" t="s">
        <v>2200</v>
      </c>
      <c r="C9184" t="s">
        <v>8262</v>
      </c>
      <c r="D9184" t="s">
        <v>8333</v>
      </c>
    </row>
    <row r="9185" spans="1:4" x14ac:dyDescent="0.4">
      <c r="A9185">
        <v>2290207</v>
      </c>
      <c r="B9185" t="s">
        <v>2200</v>
      </c>
      <c r="C9185" t="s">
        <v>8262</v>
      </c>
      <c r="D9185" t="s">
        <v>8334</v>
      </c>
    </row>
    <row r="9186" spans="1:4" x14ac:dyDescent="0.4">
      <c r="A9186">
        <v>2290205</v>
      </c>
      <c r="B9186" t="s">
        <v>2200</v>
      </c>
      <c r="C9186" t="s">
        <v>8262</v>
      </c>
      <c r="D9186" t="s">
        <v>8335</v>
      </c>
    </row>
    <row r="9187" spans="1:4" x14ac:dyDescent="0.4">
      <c r="A9187">
        <v>2290206</v>
      </c>
      <c r="B9187" t="s">
        <v>2200</v>
      </c>
      <c r="C9187" t="s">
        <v>8262</v>
      </c>
      <c r="D9187" t="s">
        <v>8336</v>
      </c>
    </row>
    <row r="9188" spans="1:4" x14ac:dyDescent="0.4">
      <c r="A9188">
        <v>2290203</v>
      </c>
      <c r="B9188" t="s">
        <v>2200</v>
      </c>
      <c r="C9188" t="s">
        <v>8262</v>
      </c>
      <c r="D9188" t="s">
        <v>8337</v>
      </c>
    </row>
    <row r="9189" spans="1:4" x14ac:dyDescent="0.4">
      <c r="A9189">
        <v>2290036</v>
      </c>
      <c r="B9189" t="s">
        <v>2200</v>
      </c>
      <c r="C9189" t="s">
        <v>8262</v>
      </c>
      <c r="D9189" t="s">
        <v>207</v>
      </c>
    </row>
    <row r="9190" spans="1:4" x14ac:dyDescent="0.4">
      <c r="A9190">
        <v>2280816</v>
      </c>
      <c r="B9190" t="s">
        <v>2200</v>
      </c>
      <c r="C9190" t="s">
        <v>8262</v>
      </c>
      <c r="D9190" t="s">
        <v>8338</v>
      </c>
    </row>
    <row r="9191" spans="1:4" x14ac:dyDescent="0.4">
      <c r="A9191">
        <v>2290006</v>
      </c>
      <c r="B9191" t="s">
        <v>2200</v>
      </c>
      <c r="C9191" t="s">
        <v>8262</v>
      </c>
      <c r="D9191" t="s">
        <v>8339</v>
      </c>
    </row>
    <row r="9192" spans="1:4" x14ac:dyDescent="0.4">
      <c r="A9192">
        <v>2290002</v>
      </c>
      <c r="B9192" t="s">
        <v>2200</v>
      </c>
      <c r="C9192" t="s">
        <v>8262</v>
      </c>
      <c r="D9192" t="s">
        <v>8340</v>
      </c>
    </row>
    <row r="9193" spans="1:4" x14ac:dyDescent="0.4">
      <c r="A9193">
        <v>2280807</v>
      </c>
      <c r="B9193" t="s">
        <v>2200</v>
      </c>
      <c r="C9193" t="s">
        <v>8262</v>
      </c>
      <c r="D9193" t="s">
        <v>208</v>
      </c>
    </row>
    <row r="9194" spans="1:4" x14ac:dyDescent="0.4">
      <c r="A9194">
        <v>2290038</v>
      </c>
      <c r="B9194" t="s">
        <v>2200</v>
      </c>
      <c r="C9194" t="s">
        <v>8262</v>
      </c>
      <c r="D9194" t="s">
        <v>8341</v>
      </c>
    </row>
    <row r="9195" spans="1:4" x14ac:dyDescent="0.4">
      <c r="A9195">
        <v>2280813</v>
      </c>
      <c r="B9195" t="s">
        <v>2200</v>
      </c>
      <c r="C9195" t="s">
        <v>8262</v>
      </c>
      <c r="D9195" t="s">
        <v>8342</v>
      </c>
    </row>
    <row r="9196" spans="1:4" x14ac:dyDescent="0.4">
      <c r="A9196">
        <v>2290023</v>
      </c>
      <c r="B9196" t="s">
        <v>2200</v>
      </c>
      <c r="C9196" t="s">
        <v>8262</v>
      </c>
      <c r="D9196" t="s">
        <v>5839</v>
      </c>
    </row>
    <row r="9197" spans="1:4" x14ac:dyDescent="0.4">
      <c r="A9197">
        <v>2280817</v>
      </c>
      <c r="B9197" t="s">
        <v>2200</v>
      </c>
      <c r="C9197" t="s">
        <v>8262</v>
      </c>
      <c r="D9197" t="s">
        <v>8343</v>
      </c>
    </row>
    <row r="9198" spans="1:4" x14ac:dyDescent="0.4">
      <c r="A9198">
        <v>2290025</v>
      </c>
      <c r="B9198" t="s">
        <v>2200</v>
      </c>
      <c r="C9198" t="s">
        <v>8262</v>
      </c>
      <c r="D9198" t="s">
        <v>693</v>
      </c>
    </row>
    <row r="9199" spans="1:4" x14ac:dyDescent="0.4">
      <c r="A9199">
        <v>2280814</v>
      </c>
      <c r="B9199" t="s">
        <v>2200</v>
      </c>
      <c r="C9199" t="s">
        <v>8262</v>
      </c>
      <c r="D9199" t="s">
        <v>6392</v>
      </c>
    </row>
    <row r="9200" spans="1:4" x14ac:dyDescent="0.4">
      <c r="A9200">
        <v>2291133</v>
      </c>
      <c r="B9200" t="s">
        <v>2200</v>
      </c>
      <c r="C9200" t="s">
        <v>8262</v>
      </c>
      <c r="D9200" t="s">
        <v>8344</v>
      </c>
    </row>
    <row r="9201" spans="1:4" x14ac:dyDescent="0.4">
      <c r="A9201">
        <v>2291112</v>
      </c>
      <c r="B9201" t="s">
        <v>2200</v>
      </c>
      <c r="C9201" t="s">
        <v>8262</v>
      </c>
      <c r="D9201" t="s">
        <v>2058</v>
      </c>
    </row>
    <row r="9202" spans="1:4" x14ac:dyDescent="0.4">
      <c r="A9202">
        <v>2291111</v>
      </c>
      <c r="B9202" t="s">
        <v>2200</v>
      </c>
      <c r="C9202" t="s">
        <v>8262</v>
      </c>
      <c r="D9202" t="s">
        <v>8345</v>
      </c>
    </row>
    <row r="9203" spans="1:4" x14ac:dyDescent="0.4">
      <c r="A9203">
        <v>2291102</v>
      </c>
      <c r="B9203" t="s">
        <v>2200</v>
      </c>
      <c r="C9203" t="s">
        <v>8262</v>
      </c>
      <c r="D9203" t="s">
        <v>8346</v>
      </c>
    </row>
    <row r="9204" spans="1:4" x14ac:dyDescent="0.4">
      <c r="A9204">
        <v>2290029</v>
      </c>
      <c r="B9204" t="s">
        <v>2200</v>
      </c>
      <c r="C9204" t="s">
        <v>8262</v>
      </c>
      <c r="D9204" t="s">
        <v>8347</v>
      </c>
    </row>
    <row r="9205" spans="1:4" x14ac:dyDescent="0.4">
      <c r="A9205">
        <v>2290032</v>
      </c>
      <c r="B9205" t="s">
        <v>2200</v>
      </c>
      <c r="C9205" t="s">
        <v>8262</v>
      </c>
      <c r="D9205" t="s">
        <v>6852</v>
      </c>
    </row>
    <row r="9206" spans="1:4" x14ac:dyDescent="0.4">
      <c r="A9206">
        <v>2290007</v>
      </c>
      <c r="B9206" t="s">
        <v>2200</v>
      </c>
      <c r="C9206" t="s">
        <v>8262</v>
      </c>
      <c r="D9206" t="s">
        <v>8348</v>
      </c>
    </row>
    <row r="9207" spans="1:4" x14ac:dyDescent="0.4">
      <c r="A9207">
        <v>2280805</v>
      </c>
      <c r="B9207" t="s">
        <v>2200</v>
      </c>
      <c r="C9207" t="s">
        <v>8262</v>
      </c>
      <c r="D9207" t="s">
        <v>519</v>
      </c>
    </row>
    <row r="9208" spans="1:4" x14ac:dyDescent="0.4">
      <c r="A9208">
        <v>2290026</v>
      </c>
      <c r="B9208" t="s">
        <v>2200</v>
      </c>
      <c r="C9208" t="s">
        <v>8262</v>
      </c>
      <c r="D9208" t="s">
        <v>2068</v>
      </c>
    </row>
    <row r="9209" spans="1:4" x14ac:dyDescent="0.4">
      <c r="A9209">
        <v>2291122</v>
      </c>
      <c r="B9209" t="s">
        <v>2200</v>
      </c>
      <c r="C9209" t="s">
        <v>8262</v>
      </c>
      <c r="D9209" t="s">
        <v>2132</v>
      </c>
    </row>
    <row r="9210" spans="1:4" x14ac:dyDescent="0.4">
      <c r="A9210">
        <v>2291121</v>
      </c>
      <c r="B9210" t="s">
        <v>2200</v>
      </c>
      <c r="C9210" t="s">
        <v>8262</v>
      </c>
      <c r="D9210" t="s">
        <v>8349</v>
      </c>
    </row>
    <row r="9211" spans="1:4" x14ac:dyDescent="0.4">
      <c r="A9211">
        <v>2290022</v>
      </c>
      <c r="B9211" t="s">
        <v>2200</v>
      </c>
      <c r="C9211" t="s">
        <v>8262</v>
      </c>
      <c r="D9211" t="s">
        <v>8350</v>
      </c>
    </row>
    <row r="9212" spans="1:4" x14ac:dyDescent="0.4">
      <c r="A9212">
        <v>2290014</v>
      </c>
      <c r="B9212" t="s">
        <v>2200</v>
      </c>
      <c r="C9212" t="s">
        <v>8262</v>
      </c>
      <c r="D9212" t="s">
        <v>761</v>
      </c>
    </row>
    <row r="9213" spans="1:4" x14ac:dyDescent="0.4">
      <c r="A9213">
        <v>2380200</v>
      </c>
      <c r="B9213" t="s">
        <v>2200</v>
      </c>
      <c r="C9213" t="s">
        <v>8351</v>
      </c>
    </row>
    <row r="9214" spans="1:4" x14ac:dyDescent="0.4">
      <c r="A9214">
        <v>2380246</v>
      </c>
      <c r="B9214" t="s">
        <v>2200</v>
      </c>
      <c r="C9214" t="s">
        <v>8351</v>
      </c>
      <c r="D9214" t="s">
        <v>7766</v>
      </c>
    </row>
    <row r="9215" spans="1:4" x14ac:dyDescent="0.4">
      <c r="A9215">
        <v>2380245</v>
      </c>
      <c r="B9215" t="s">
        <v>2200</v>
      </c>
      <c r="C9215" t="s">
        <v>8351</v>
      </c>
      <c r="D9215" t="s">
        <v>8352</v>
      </c>
    </row>
    <row r="9216" spans="1:4" x14ac:dyDescent="0.4">
      <c r="A9216">
        <v>2380222</v>
      </c>
      <c r="B9216" t="s">
        <v>2200</v>
      </c>
      <c r="C9216" t="s">
        <v>8351</v>
      </c>
      <c r="D9216" t="s">
        <v>8353</v>
      </c>
    </row>
    <row r="9217" spans="1:4" x14ac:dyDescent="0.4">
      <c r="A9217">
        <v>2380236</v>
      </c>
      <c r="B9217" t="s">
        <v>2200</v>
      </c>
      <c r="C9217" t="s">
        <v>8351</v>
      </c>
      <c r="D9217" t="s">
        <v>255</v>
      </c>
    </row>
    <row r="9218" spans="1:4" x14ac:dyDescent="0.4">
      <c r="A9218">
        <v>2380244</v>
      </c>
      <c r="B9218" t="s">
        <v>2200</v>
      </c>
      <c r="C9218" t="s">
        <v>8351</v>
      </c>
      <c r="D9218" t="s">
        <v>2712</v>
      </c>
    </row>
    <row r="9219" spans="1:4" x14ac:dyDescent="0.4">
      <c r="A9219">
        <v>2380235</v>
      </c>
      <c r="B9219" t="s">
        <v>2200</v>
      </c>
      <c r="C9219" t="s">
        <v>8351</v>
      </c>
      <c r="D9219" t="s">
        <v>8354</v>
      </c>
    </row>
    <row r="9220" spans="1:4" x14ac:dyDescent="0.4">
      <c r="A9220">
        <v>2380234</v>
      </c>
      <c r="B9220" t="s">
        <v>2200</v>
      </c>
      <c r="C9220" t="s">
        <v>8351</v>
      </c>
      <c r="D9220" t="s">
        <v>1569</v>
      </c>
    </row>
    <row r="9221" spans="1:4" x14ac:dyDescent="0.4">
      <c r="A9221">
        <v>2380241</v>
      </c>
      <c r="B9221" t="s">
        <v>2200</v>
      </c>
      <c r="C9221" t="s">
        <v>8351</v>
      </c>
      <c r="D9221" t="s">
        <v>1582</v>
      </c>
    </row>
    <row r="9222" spans="1:4" x14ac:dyDescent="0.4">
      <c r="A9222">
        <v>2380113</v>
      </c>
      <c r="B9222" t="s">
        <v>2200</v>
      </c>
      <c r="C9222" t="s">
        <v>8351</v>
      </c>
      <c r="D9222" t="s">
        <v>8355</v>
      </c>
    </row>
    <row r="9223" spans="1:4" x14ac:dyDescent="0.4">
      <c r="A9223">
        <v>2380115</v>
      </c>
      <c r="B9223" t="s">
        <v>2200</v>
      </c>
      <c r="C9223" t="s">
        <v>8351</v>
      </c>
      <c r="D9223" t="s">
        <v>8356</v>
      </c>
    </row>
    <row r="9224" spans="1:4" x14ac:dyDescent="0.4">
      <c r="A9224">
        <v>2380111</v>
      </c>
      <c r="B9224" t="s">
        <v>2200</v>
      </c>
      <c r="C9224" t="s">
        <v>8351</v>
      </c>
      <c r="D9224" t="s">
        <v>8357</v>
      </c>
    </row>
    <row r="9225" spans="1:4" x14ac:dyDescent="0.4">
      <c r="A9225">
        <v>2380112</v>
      </c>
      <c r="B9225" t="s">
        <v>2200</v>
      </c>
      <c r="C9225" t="s">
        <v>8351</v>
      </c>
      <c r="D9225" t="s">
        <v>8358</v>
      </c>
    </row>
    <row r="9226" spans="1:4" x14ac:dyDescent="0.4">
      <c r="A9226">
        <v>2380114</v>
      </c>
      <c r="B9226" t="s">
        <v>2200</v>
      </c>
      <c r="C9226" t="s">
        <v>8351</v>
      </c>
      <c r="D9226" t="s">
        <v>8359</v>
      </c>
    </row>
    <row r="9227" spans="1:4" x14ac:dyDescent="0.4">
      <c r="A9227">
        <v>2380223</v>
      </c>
      <c r="B9227" t="s">
        <v>2200</v>
      </c>
      <c r="C9227" t="s">
        <v>8351</v>
      </c>
      <c r="D9227" t="s">
        <v>26</v>
      </c>
    </row>
    <row r="9228" spans="1:4" x14ac:dyDescent="0.4">
      <c r="A9228">
        <v>2380232</v>
      </c>
      <c r="B9228" t="s">
        <v>2200</v>
      </c>
      <c r="C9228" t="s">
        <v>8351</v>
      </c>
      <c r="D9228" t="s">
        <v>8360</v>
      </c>
    </row>
    <row r="9229" spans="1:4" x14ac:dyDescent="0.4">
      <c r="A9229">
        <v>2380242</v>
      </c>
      <c r="B9229" t="s">
        <v>2200</v>
      </c>
      <c r="C9229" t="s">
        <v>8351</v>
      </c>
      <c r="D9229" t="s">
        <v>8361</v>
      </c>
    </row>
    <row r="9230" spans="1:4" x14ac:dyDescent="0.4">
      <c r="A9230">
        <v>2380243</v>
      </c>
      <c r="B9230" t="s">
        <v>2200</v>
      </c>
      <c r="C9230" t="s">
        <v>8351</v>
      </c>
      <c r="D9230" t="s">
        <v>1840</v>
      </c>
    </row>
    <row r="9231" spans="1:4" x14ac:dyDescent="0.4">
      <c r="A9231">
        <v>2380225</v>
      </c>
      <c r="B9231" t="s">
        <v>2200</v>
      </c>
      <c r="C9231" t="s">
        <v>8351</v>
      </c>
      <c r="D9231" t="s">
        <v>8362</v>
      </c>
    </row>
    <row r="9232" spans="1:4" x14ac:dyDescent="0.4">
      <c r="A9232">
        <v>2380237</v>
      </c>
      <c r="B9232" t="s">
        <v>2200</v>
      </c>
      <c r="C9232" t="s">
        <v>8351</v>
      </c>
      <c r="D9232" t="s">
        <v>8363</v>
      </c>
    </row>
    <row r="9233" spans="1:4" x14ac:dyDescent="0.4">
      <c r="A9233">
        <v>2380221</v>
      </c>
      <c r="B9233" t="s">
        <v>2200</v>
      </c>
      <c r="C9233" t="s">
        <v>8351</v>
      </c>
      <c r="D9233" t="s">
        <v>8364</v>
      </c>
    </row>
    <row r="9234" spans="1:4" x14ac:dyDescent="0.4">
      <c r="A9234">
        <v>2380224</v>
      </c>
      <c r="B9234" t="s">
        <v>2200</v>
      </c>
      <c r="C9234" t="s">
        <v>8351</v>
      </c>
      <c r="D9234" t="s">
        <v>8365</v>
      </c>
    </row>
    <row r="9235" spans="1:4" x14ac:dyDescent="0.4">
      <c r="A9235">
        <v>2380103</v>
      </c>
      <c r="B9235" t="s">
        <v>2200</v>
      </c>
      <c r="C9235" t="s">
        <v>8351</v>
      </c>
      <c r="D9235" t="s">
        <v>8366</v>
      </c>
    </row>
    <row r="9236" spans="1:4" x14ac:dyDescent="0.4">
      <c r="A9236">
        <v>2380101</v>
      </c>
      <c r="B9236" t="s">
        <v>2200</v>
      </c>
      <c r="C9236" t="s">
        <v>8351</v>
      </c>
      <c r="D9236" t="s">
        <v>8367</v>
      </c>
    </row>
    <row r="9237" spans="1:4" x14ac:dyDescent="0.4">
      <c r="A9237">
        <v>2380102</v>
      </c>
      <c r="B9237" t="s">
        <v>2200</v>
      </c>
      <c r="C9237" t="s">
        <v>8351</v>
      </c>
      <c r="D9237" t="s">
        <v>8368</v>
      </c>
    </row>
    <row r="9238" spans="1:4" x14ac:dyDescent="0.4">
      <c r="A9238">
        <v>2380105</v>
      </c>
      <c r="B9238" t="s">
        <v>2200</v>
      </c>
      <c r="C9238" t="s">
        <v>8351</v>
      </c>
      <c r="D9238" t="s">
        <v>8369</v>
      </c>
    </row>
    <row r="9239" spans="1:4" x14ac:dyDescent="0.4">
      <c r="A9239">
        <v>2380104</v>
      </c>
      <c r="B9239" t="s">
        <v>2200</v>
      </c>
      <c r="C9239" t="s">
        <v>8351</v>
      </c>
      <c r="D9239" t="s">
        <v>8370</v>
      </c>
    </row>
    <row r="9240" spans="1:4" x14ac:dyDescent="0.4">
      <c r="A9240">
        <v>2380231</v>
      </c>
      <c r="B9240" t="s">
        <v>2200</v>
      </c>
      <c r="C9240" t="s">
        <v>8351</v>
      </c>
      <c r="D9240" t="s">
        <v>7819</v>
      </c>
    </row>
    <row r="9241" spans="1:4" x14ac:dyDescent="0.4">
      <c r="A9241">
        <v>2380233</v>
      </c>
      <c r="B9241" t="s">
        <v>2200</v>
      </c>
      <c r="C9241" t="s">
        <v>8351</v>
      </c>
      <c r="D9241" t="s">
        <v>8371</v>
      </c>
    </row>
    <row r="9242" spans="1:4" x14ac:dyDescent="0.4">
      <c r="A9242">
        <v>2570000</v>
      </c>
      <c r="B9242" t="s">
        <v>2200</v>
      </c>
      <c r="C9242" t="s">
        <v>8372</v>
      </c>
    </row>
    <row r="9243" spans="1:4" x14ac:dyDescent="0.4">
      <c r="A9243">
        <v>2570014</v>
      </c>
      <c r="B9243" t="s">
        <v>2200</v>
      </c>
      <c r="C9243" t="s">
        <v>8372</v>
      </c>
      <c r="D9243" t="s">
        <v>1713</v>
      </c>
    </row>
    <row r="9244" spans="1:4" x14ac:dyDescent="0.4">
      <c r="A9244">
        <v>2570018</v>
      </c>
      <c r="B9244" t="s">
        <v>2200</v>
      </c>
      <c r="C9244" t="s">
        <v>8372</v>
      </c>
      <c r="D9244" t="s">
        <v>3179</v>
      </c>
    </row>
    <row r="9245" spans="1:4" x14ac:dyDescent="0.4">
      <c r="A9245">
        <v>2570051</v>
      </c>
      <c r="B9245" t="s">
        <v>2200</v>
      </c>
      <c r="C9245" t="s">
        <v>8372</v>
      </c>
      <c r="D9245" t="s">
        <v>7891</v>
      </c>
    </row>
    <row r="9246" spans="1:4" x14ac:dyDescent="0.4">
      <c r="A9246">
        <v>2570041</v>
      </c>
      <c r="B9246" t="s">
        <v>2200</v>
      </c>
      <c r="C9246" t="s">
        <v>8372</v>
      </c>
      <c r="D9246" t="s">
        <v>8373</v>
      </c>
    </row>
    <row r="9247" spans="1:4" x14ac:dyDescent="0.4">
      <c r="A9247">
        <v>2570011</v>
      </c>
      <c r="B9247" t="s">
        <v>2200</v>
      </c>
      <c r="C9247" t="s">
        <v>8372</v>
      </c>
      <c r="D9247" t="s">
        <v>8374</v>
      </c>
    </row>
    <row r="9248" spans="1:4" x14ac:dyDescent="0.4">
      <c r="A9248">
        <v>2570025</v>
      </c>
      <c r="B9248" t="s">
        <v>2200</v>
      </c>
      <c r="C9248" t="s">
        <v>8372</v>
      </c>
      <c r="D9248" t="s">
        <v>5856</v>
      </c>
    </row>
    <row r="9249" spans="1:4" x14ac:dyDescent="0.4">
      <c r="A9249">
        <v>2591312</v>
      </c>
      <c r="B9249" t="s">
        <v>2200</v>
      </c>
      <c r="C9249" t="s">
        <v>8372</v>
      </c>
      <c r="D9249" t="s">
        <v>3605</v>
      </c>
    </row>
    <row r="9250" spans="1:4" x14ac:dyDescent="0.4">
      <c r="A9250">
        <v>2570052</v>
      </c>
      <c r="B9250" t="s">
        <v>2200</v>
      </c>
      <c r="C9250" t="s">
        <v>8372</v>
      </c>
      <c r="D9250" t="s">
        <v>8375</v>
      </c>
    </row>
    <row r="9251" spans="1:4" x14ac:dyDescent="0.4">
      <c r="A9251">
        <v>2570005</v>
      </c>
      <c r="B9251" t="s">
        <v>2200</v>
      </c>
      <c r="C9251" t="s">
        <v>8372</v>
      </c>
      <c r="D9251" t="s">
        <v>8376</v>
      </c>
    </row>
    <row r="9252" spans="1:4" x14ac:dyDescent="0.4">
      <c r="A9252">
        <v>2570032</v>
      </c>
      <c r="B9252" t="s">
        <v>2200</v>
      </c>
      <c r="C9252" t="s">
        <v>8372</v>
      </c>
      <c r="D9252" t="s">
        <v>4844</v>
      </c>
    </row>
    <row r="9253" spans="1:4" x14ac:dyDescent="0.4">
      <c r="A9253">
        <v>2570006</v>
      </c>
      <c r="B9253" t="s">
        <v>2200</v>
      </c>
      <c r="C9253" t="s">
        <v>8372</v>
      </c>
      <c r="D9253" t="s">
        <v>8377</v>
      </c>
    </row>
    <row r="9254" spans="1:4" x14ac:dyDescent="0.4">
      <c r="A9254">
        <v>2570042</v>
      </c>
      <c r="B9254" t="s">
        <v>2200</v>
      </c>
      <c r="C9254" t="s">
        <v>8372</v>
      </c>
      <c r="D9254" t="s">
        <v>1740</v>
      </c>
    </row>
    <row r="9255" spans="1:4" x14ac:dyDescent="0.4">
      <c r="A9255">
        <v>2570022</v>
      </c>
      <c r="B9255" t="s">
        <v>2200</v>
      </c>
      <c r="C9255" t="s">
        <v>8372</v>
      </c>
      <c r="D9255" t="s">
        <v>8378</v>
      </c>
    </row>
    <row r="9256" spans="1:4" x14ac:dyDescent="0.4">
      <c r="A9256">
        <v>2570048</v>
      </c>
      <c r="B9256" t="s">
        <v>2200</v>
      </c>
      <c r="C9256" t="s">
        <v>8372</v>
      </c>
      <c r="D9256" t="s">
        <v>72</v>
      </c>
    </row>
    <row r="9257" spans="1:4" x14ac:dyDescent="0.4">
      <c r="A9257">
        <v>2570043</v>
      </c>
      <c r="B9257" t="s">
        <v>2200</v>
      </c>
      <c r="C9257" t="s">
        <v>8372</v>
      </c>
      <c r="D9257" t="s">
        <v>255</v>
      </c>
    </row>
    <row r="9258" spans="1:4" x14ac:dyDescent="0.4">
      <c r="A9258">
        <v>2570045</v>
      </c>
      <c r="B9258" t="s">
        <v>2200</v>
      </c>
      <c r="C9258" t="s">
        <v>8372</v>
      </c>
      <c r="D9258" t="s">
        <v>165</v>
      </c>
    </row>
    <row r="9259" spans="1:4" x14ac:dyDescent="0.4">
      <c r="A9259">
        <v>2591303</v>
      </c>
      <c r="B9259" t="s">
        <v>2200</v>
      </c>
      <c r="C9259" t="s">
        <v>8372</v>
      </c>
      <c r="D9259" t="s">
        <v>8379</v>
      </c>
    </row>
    <row r="9260" spans="1:4" x14ac:dyDescent="0.4">
      <c r="A9260">
        <v>2591322</v>
      </c>
      <c r="B9260" t="s">
        <v>2200</v>
      </c>
      <c r="C9260" t="s">
        <v>8372</v>
      </c>
      <c r="D9260" t="s">
        <v>8380</v>
      </c>
    </row>
    <row r="9261" spans="1:4" x14ac:dyDescent="0.4">
      <c r="A9261">
        <v>2591326</v>
      </c>
      <c r="B9261" t="s">
        <v>2200</v>
      </c>
      <c r="C9261" t="s">
        <v>8372</v>
      </c>
      <c r="D9261" t="s">
        <v>8381</v>
      </c>
    </row>
    <row r="9262" spans="1:4" x14ac:dyDescent="0.4">
      <c r="A9262">
        <v>2570053</v>
      </c>
      <c r="B9262" t="s">
        <v>2200</v>
      </c>
      <c r="C9262" t="s">
        <v>8372</v>
      </c>
      <c r="D9262" t="s">
        <v>4199</v>
      </c>
    </row>
    <row r="9263" spans="1:4" x14ac:dyDescent="0.4">
      <c r="A9263">
        <v>2570004</v>
      </c>
      <c r="B9263" t="s">
        <v>2200</v>
      </c>
      <c r="C9263" t="s">
        <v>8372</v>
      </c>
      <c r="D9263" t="s">
        <v>8382</v>
      </c>
    </row>
    <row r="9264" spans="1:4" x14ac:dyDescent="0.4">
      <c r="A9264">
        <v>2570026</v>
      </c>
      <c r="B9264" t="s">
        <v>2200</v>
      </c>
      <c r="C9264" t="s">
        <v>8372</v>
      </c>
      <c r="D9264" t="s">
        <v>8383</v>
      </c>
    </row>
    <row r="9265" spans="1:4" x14ac:dyDescent="0.4">
      <c r="A9265">
        <v>2591332</v>
      </c>
      <c r="B9265" t="s">
        <v>2200</v>
      </c>
      <c r="C9265" t="s">
        <v>8372</v>
      </c>
      <c r="D9265" t="s">
        <v>6331</v>
      </c>
    </row>
    <row r="9266" spans="1:4" x14ac:dyDescent="0.4">
      <c r="A9266">
        <v>2570056</v>
      </c>
      <c r="B9266" t="s">
        <v>2200</v>
      </c>
      <c r="C9266" t="s">
        <v>8372</v>
      </c>
      <c r="D9266" t="s">
        <v>367</v>
      </c>
    </row>
    <row r="9267" spans="1:4" x14ac:dyDescent="0.4">
      <c r="A9267">
        <v>2570047</v>
      </c>
      <c r="B9267" t="s">
        <v>2200</v>
      </c>
      <c r="C9267" t="s">
        <v>8372</v>
      </c>
      <c r="D9267" t="s">
        <v>8384</v>
      </c>
    </row>
    <row r="9268" spans="1:4" x14ac:dyDescent="0.4">
      <c r="A9268">
        <v>2570037</v>
      </c>
      <c r="B9268" t="s">
        <v>2200</v>
      </c>
      <c r="C9268" t="s">
        <v>8372</v>
      </c>
      <c r="D9268" t="s">
        <v>3363</v>
      </c>
    </row>
    <row r="9269" spans="1:4" x14ac:dyDescent="0.4">
      <c r="A9269">
        <v>2570055</v>
      </c>
      <c r="B9269" t="s">
        <v>2200</v>
      </c>
      <c r="C9269" t="s">
        <v>8372</v>
      </c>
      <c r="D9269" t="s">
        <v>8385</v>
      </c>
    </row>
    <row r="9270" spans="1:4" x14ac:dyDescent="0.4">
      <c r="A9270">
        <v>2570031</v>
      </c>
      <c r="B9270" t="s">
        <v>2200</v>
      </c>
      <c r="C9270" t="s">
        <v>8372</v>
      </c>
      <c r="D9270" t="s">
        <v>8386</v>
      </c>
    </row>
    <row r="9271" spans="1:4" x14ac:dyDescent="0.4">
      <c r="A9271">
        <v>2570034</v>
      </c>
      <c r="B9271" t="s">
        <v>2200</v>
      </c>
      <c r="C9271" t="s">
        <v>8372</v>
      </c>
      <c r="D9271" t="s">
        <v>8387</v>
      </c>
    </row>
    <row r="9272" spans="1:4" x14ac:dyDescent="0.4">
      <c r="A9272">
        <v>2570017</v>
      </c>
      <c r="B9272" t="s">
        <v>2200</v>
      </c>
      <c r="C9272" t="s">
        <v>8372</v>
      </c>
      <c r="D9272" t="s">
        <v>8388</v>
      </c>
    </row>
    <row r="9273" spans="1:4" x14ac:dyDescent="0.4">
      <c r="A9273">
        <v>2591324</v>
      </c>
      <c r="B9273" t="s">
        <v>2200</v>
      </c>
      <c r="C9273" t="s">
        <v>8372</v>
      </c>
      <c r="D9273" t="s">
        <v>8389</v>
      </c>
    </row>
    <row r="9274" spans="1:4" x14ac:dyDescent="0.4">
      <c r="A9274">
        <v>2570007</v>
      </c>
      <c r="B9274" t="s">
        <v>2200</v>
      </c>
      <c r="C9274" t="s">
        <v>8372</v>
      </c>
      <c r="D9274" t="s">
        <v>8390</v>
      </c>
    </row>
    <row r="9275" spans="1:4" x14ac:dyDescent="0.4">
      <c r="A9275">
        <v>2570002</v>
      </c>
      <c r="B9275" t="s">
        <v>2200</v>
      </c>
      <c r="C9275" t="s">
        <v>8372</v>
      </c>
      <c r="D9275" t="s">
        <v>8391</v>
      </c>
    </row>
    <row r="9276" spans="1:4" x14ac:dyDescent="0.4">
      <c r="A9276">
        <v>2570001</v>
      </c>
      <c r="B9276" t="s">
        <v>2200</v>
      </c>
      <c r="C9276" t="s">
        <v>8372</v>
      </c>
      <c r="D9276" t="s">
        <v>8392</v>
      </c>
    </row>
    <row r="9277" spans="1:4" x14ac:dyDescent="0.4">
      <c r="A9277">
        <v>2570023</v>
      </c>
      <c r="B9277" t="s">
        <v>2200</v>
      </c>
      <c r="C9277" t="s">
        <v>8372</v>
      </c>
      <c r="D9277" t="s">
        <v>1876</v>
      </c>
    </row>
    <row r="9278" spans="1:4" x14ac:dyDescent="0.4">
      <c r="A9278">
        <v>2591306</v>
      </c>
      <c r="B9278" t="s">
        <v>2200</v>
      </c>
      <c r="C9278" t="s">
        <v>8372</v>
      </c>
      <c r="D9278" t="s">
        <v>5917</v>
      </c>
    </row>
    <row r="9279" spans="1:4" x14ac:dyDescent="0.4">
      <c r="A9279">
        <v>2570016</v>
      </c>
      <c r="B9279" t="s">
        <v>2200</v>
      </c>
      <c r="C9279" t="s">
        <v>8372</v>
      </c>
      <c r="D9279" t="s">
        <v>8393</v>
      </c>
    </row>
    <row r="9280" spans="1:4" x14ac:dyDescent="0.4">
      <c r="A9280">
        <v>2591323</v>
      </c>
      <c r="B9280" t="s">
        <v>2200</v>
      </c>
      <c r="C9280" t="s">
        <v>8372</v>
      </c>
      <c r="D9280" t="s">
        <v>8394</v>
      </c>
    </row>
    <row r="9281" spans="1:4" x14ac:dyDescent="0.4">
      <c r="A9281">
        <v>2570024</v>
      </c>
      <c r="B9281" t="s">
        <v>2200</v>
      </c>
      <c r="C9281" t="s">
        <v>8372</v>
      </c>
      <c r="D9281" t="s">
        <v>8395</v>
      </c>
    </row>
    <row r="9282" spans="1:4" x14ac:dyDescent="0.4">
      <c r="A9282">
        <v>2591317</v>
      </c>
      <c r="B9282" t="s">
        <v>2200</v>
      </c>
      <c r="C9282" t="s">
        <v>8372</v>
      </c>
      <c r="D9282" t="s">
        <v>383</v>
      </c>
    </row>
    <row r="9283" spans="1:4" x14ac:dyDescent="0.4">
      <c r="A9283">
        <v>2570012</v>
      </c>
      <c r="B9283" t="s">
        <v>2200</v>
      </c>
      <c r="C9283" t="s">
        <v>8372</v>
      </c>
      <c r="D9283" t="s">
        <v>8396</v>
      </c>
    </row>
    <row r="9284" spans="1:4" x14ac:dyDescent="0.4">
      <c r="A9284">
        <v>2570027</v>
      </c>
      <c r="B9284" t="s">
        <v>2200</v>
      </c>
      <c r="C9284" t="s">
        <v>8372</v>
      </c>
      <c r="D9284" t="s">
        <v>8397</v>
      </c>
    </row>
    <row r="9285" spans="1:4" x14ac:dyDescent="0.4">
      <c r="A9285">
        <v>2591316</v>
      </c>
      <c r="B9285" t="s">
        <v>2200</v>
      </c>
      <c r="C9285" t="s">
        <v>8372</v>
      </c>
      <c r="D9285" t="s">
        <v>8398</v>
      </c>
    </row>
    <row r="9286" spans="1:4" x14ac:dyDescent="0.4">
      <c r="A9286">
        <v>2591325</v>
      </c>
      <c r="B9286" t="s">
        <v>2200</v>
      </c>
      <c r="C9286" t="s">
        <v>8372</v>
      </c>
      <c r="D9286" t="s">
        <v>8399</v>
      </c>
    </row>
    <row r="9287" spans="1:4" x14ac:dyDescent="0.4">
      <c r="A9287">
        <v>2591333</v>
      </c>
      <c r="B9287" t="s">
        <v>2200</v>
      </c>
      <c r="C9287" t="s">
        <v>8372</v>
      </c>
      <c r="D9287" t="s">
        <v>8400</v>
      </c>
    </row>
    <row r="9288" spans="1:4" x14ac:dyDescent="0.4">
      <c r="A9288">
        <v>2591301</v>
      </c>
      <c r="B9288" t="s">
        <v>2200</v>
      </c>
      <c r="C9288" t="s">
        <v>8372</v>
      </c>
      <c r="D9288" t="s">
        <v>8401</v>
      </c>
    </row>
    <row r="9289" spans="1:4" x14ac:dyDescent="0.4">
      <c r="A9289">
        <v>2570028</v>
      </c>
      <c r="B9289" t="s">
        <v>2200</v>
      </c>
      <c r="C9289" t="s">
        <v>8372</v>
      </c>
      <c r="D9289" t="s">
        <v>8402</v>
      </c>
    </row>
    <row r="9290" spans="1:4" x14ac:dyDescent="0.4">
      <c r="A9290">
        <v>2570046</v>
      </c>
      <c r="B9290" t="s">
        <v>2200</v>
      </c>
      <c r="C9290" t="s">
        <v>8372</v>
      </c>
      <c r="D9290" t="s">
        <v>8403</v>
      </c>
    </row>
    <row r="9291" spans="1:4" x14ac:dyDescent="0.4">
      <c r="A9291">
        <v>2570015</v>
      </c>
      <c r="B9291" t="s">
        <v>2200</v>
      </c>
      <c r="C9291" t="s">
        <v>8372</v>
      </c>
      <c r="D9291" t="s">
        <v>6483</v>
      </c>
    </row>
    <row r="9292" spans="1:4" x14ac:dyDescent="0.4">
      <c r="A9292">
        <v>2570057</v>
      </c>
      <c r="B9292" t="s">
        <v>2200</v>
      </c>
      <c r="C9292" t="s">
        <v>8372</v>
      </c>
      <c r="D9292" t="s">
        <v>1605</v>
      </c>
    </row>
    <row r="9293" spans="1:4" x14ac:dyDescent="0.4">
      <c r="A9293">
        <v>2570044</v>
      </c>
      <c r="B9293" t="s">
        <v>2200</v>
      </c>
      <c r="C9293" t="s">
        <v>8372</v>
      </c>
      <c r="D9293" t="s">
        <v>5147</v>
      </c>
    </row>
    <row r="9294" spans="1:4" x14ac:dyDescent="0.4">
      <c r="A9294">
        <v>2591302</v>
      </c>
      <c r="B9294" t="s">
        <v>2200</v>
      </c>
      <c r="C9294" t="s">
        <v>8372</v>
      </c>
      <c r="D9294" t="s">
        <v>8404</v>
      </c>
    </row>
    <row r="9295" spans="1:4" x14ac:dyDescent="0.4">
      <c r="A9295">
        <v>2591305</v>
      </c>
      <c r="B9295" t="s">
        <v>2200</v>
      </c>
      <c r="C9295" t="s">
        <v>8372</v>
      </c>
      <c r="D9295" t="s">
        <v>6667</v>
      </c>
    </row>
    <row r="9296" spans="1:4" x14ac:dyDescent="0.4">
      <c r="A9296">
        <v>2591304</v>
      </c>
      <c r="B9296" t="s">
        <v>2200</v>
      </c>
      <c r="C9296" t="s">
        <v>8372</v>
      </c>
      <c r="D9296" t="s">
        <v>8405</v>
      </c>
    </row>
    <row r="9297" spans="1:4" x14ac:dyDescent="0.4">
      <c r="A9297">
        <v>2591331</v>
      </c>
      <c r="B9297" t="s">
        <v>2200</v>
      </c>
      <c r="C9297" t="s">
        <v>8372</v>
      </c>
      <c r="D9297" t="s">
        <v>8406</v>
      </c>
    </row>
    <row r="9298" spans="1:4" x14ac:dyDescent="0.4">
      <c r="A9298">
        <v>2570035</v>
      </c>
      <c r="B9298" t="s">
        <v>2200</v>
      </c>
      <c r="C9298" t="s">
        <v>8372</v>
      </c>
      <c r="D9298" t="s">
        <v>403</v>
      </c>
    </row>
    <row r="9299" spans="1:4" x14ac:dyDescent="0.4">
      <c r="A9299">
        <v>2591321</v>
      </c>
      <c r="B9299" t="s">
        <v>2200</v>
      </c>
      <c r="C9299" t="s">
        <v>8372</v>
      </c>
      <c r="D9299" t="s">
        <v>8407</v>
      </c>
    </row>
    <row r="9300" spans="1:4" x14ac:dyDescent="0.4">
      <c r="A9300">
        <v>2591313</v>
      </c>
      <c r="B9300" t="s">
        <v>2200</v>
      </c>
      <c r="C9300" t="s">
        <v>8372</v>
      </c>
      <c r="D9300" t="s">
        <v>3422</v>
      </c>
    </row>
    <row r="9301" spans="1:4" x14ac:dyDescent="0.4">
      <c r="A9301">
        <v>2591335</v>
      </c>
      <c r="B9301" t="s">
        <v>2200</v>
      </c>
      <c r="C9301" t="s">
        <v>8372</v>
      </c>
      <c r="D9301" t="s">
        <v>8408</v>
      </c>
    </row>
    <row r="9302" spans="1:4" x14ac:dyDescent="0.4">
      <c r="A9302">
        <v>2570054</v>
      </c>
      <c r="B9302" t="s">
        <v>2200</v>
      </c>
      <c r="C9302" t="s">
        <v>8372</v>
      </c>
      <c r="D9302" t="s">
        <v>1611</v>
      </c>
    </row>
    <row r="9303" spans="1:4" x14ac:dyDescent="0.4">
      <c r="A9303">
        <v>2570013</v>
      </c>
      <c r="B9303" t="s">
        <v>2200</v>
      </c>
      <c r="C9303" t="s">
        <v>8372</v>
      </c>
      <c r="D9303" t="s">
        <v>8409</v>
      </c>
    </row>
    <row r="9304" spans="1:4" x14ac:dyDescent="0.4">
      <c r="A9304">
        <v>2570003</v>
      </c>
      <c r="B9304" t="s">
        <v>2200</v>
      </c>
      <c r="C9304" t="s">
        <v>8372</v>
      </c>
      <c r="D9304" t="s">
        <v>8410</v>
      </c>
    </row>
    <row r="9305" spans="1:4" x14ac:dyDescent="0.4">
      <c r="A9305">
        <v>2570021</v>
      </c>
      <c r="B9305" t="s">
        <v>2200</v>
      </c>
      <c r="C9305" t="s">
        <v>8372</v>
      </c>
      <c r="D9305" t="s">
        <v>8411</v>
      </c>
    </row>
    <row r="9306" spans="1:4" x14ac:dyDescent="0.4">
      <c r="A9306">
        <v>2570033</v>
      </c>
      <c r="B9306" t="s">
        <v>2200</v>
      </c>
      <c r="C9306" t="s">
        <v>8372</v>
      </c>
      <c r="D9306" t="s">
        <v>8412</v>
      </c>
    </row>
    <row r="9307" spans="1:4" x14ac:dyDescent="0.4">
      <c r="A9307">
        <v>2570036</v>
      </c>
      <c r="B9307" t="s">
        <v>2200</v>
      </c>
      <c r="C9307" t="s">
        <v>8372</v>
      </c>
      <c r="D9307" t="s">
        <v>1841</v>
      </c>
    </row>
    <row r="9308" spans="1:4" x14ac:dyDescent="0.4">
      <c r="A9308">
        <v>2591334</v>
      </c>
      <c r="B9308" t="s">
        <v>2200</v>
      </c>
      <c r="C9308" t="s">
        <v>8372</v>
      </c>
      <c r="D9308" t="s">
        <v>3975</v>
      </c>
    </row>
    <row r="9309" spans="1:4" x14ac:dyDescent="0.4">
      <c r="A9309">
        <v>2591315</v>
      </c>
      <c r="B9309" t="s">
        <v>2200</v>
      </c>
      <c r="C9309" t="s">
        <v>8372</v>
      </c>
      <c r="D9309" t="s">
        <v>2529</v>
      </c>
    </row>
    <row r="9310" spans="1:4" x14ac:dyDescent="0.4">
      <c r="A9310">
        <v>2591311</v>
      </c>
      <c r="B9310" t="s">
        <v>2200</v>
      </c>
      <c r="C9310" t="s">
        <v>8372</v>
      </c>
      <c r="D9310" t="s">
        <v>518</v>
      </c>
    </row>
    <row r="9311" spans="1:4" x14ac:dyDescent="0.4">
      <c r="A9311">
        <v>2591307</v>
      </c>
      <c r="B9311" t="s">
        <v>2200</v>
      </c>
      <c r="C9311" t="s">
        <v>8372</v>
      </c>
      <c r="D9311" t="s">
        <v>8413</v>
      </c>
    </row>
    <row r="9312" spans="1:4" x14ac:dyDescent="0.4">
      <c r="A9312">
        <v>2591314</v>
      </c>
      <c r="B9312" t="s">
        <v>2200</v>
      </c>
      <c r="C9312" t="s">
        <v>8372</v>
      </c>
      <c r="D9312" t="s">
        <v>32</v>
      </c>
    </row>
    <row r="9313" spans="1:4" x14ac:dyDescent="0.4">
      <c r="A9313">
        <v>2430000</v>
      </c>
      <c r="B9313" t="s">
        <v>2200</v>
      </c>
      <c r="C9313" t="s">
        <v>8414</v>
      </c>
    </row>
    <row r="9314" spans="1:4" x14ac:dyDescent="0.4">
      <c r="A9314">
        <v>2430035</v>
      </c>
      <c r="B9314" t="s">
        <v>2200</v>
      </c>
      <c r="C9314" t="s">
        <v>8414</v>
      </c>
      <c r="D9314" t="s">
        <v>8415</v>
      </c>
    </row>
    <row r="9315" spans="1:4" x14ac:dyDescent="0.4">
      <c r="A9315">
        <v>2430038</v>
      </c>
      <c r="B9315" t="s">
        <v>2200</v>
      </c>
      <c r="C9315" t="s">
        <v>8414</v>
      </c>
      <c r="D9315" t="s">
        <v>8416</v>
      </c>
    </row>
    <row r="9316" spans="1:4" x14ac:dyDescent="0.4">
      <c r="A9316">
        <v>2430014</v>
      </c>
      <c r="B9316" t="s">
        <v>2200</v>
      </c>
      <c r="C9316" t="s">
        <v>8414</v>
      </c>
      <c r="D9316" t="s">
        <v>222</v>
      </c>
    </row>
    <row r="9317" spans="1:4" x14ac:dyDescent="0.4">
      <c r="A9317">
        <v>2430007</v>
      </c>
      <c r="B9317" t="s">
        <v>2200</v>
      </c>
      <c r="C9317" t="s">
        <v>8414</v>
      </c>
      <c r="D9317" t="s">
        <v>8417</v>
      </c>
    </row>
    <row r="9318" spans="1:4" x14ac:dyDescent="0.4">
      <c r="A9318">
        <v>2430011</v>
      </c>
      <c r="B9318" t="s">
        <v>2200</v>
      </c>
      <c r="C9318" t="s">
        <v>8414</v>
      </c>
      <c r="D9318" t="s">
        <v>8418</v>
      </c>
    </row>
    <row r="9319" spans="1:4" x14ac:dyDescent="0.4">
      <c r="A9319">
        <v>2430006</v>
      </c>
      <c r="B9319" t="s">
        <v>2200</v>
      </c>
      <c r="C9319" t="s">
        <v>8414</v>
      </c>
      <c r="D9319" t="s">
        <v>8419</v>
      </c>
    </row>
    <row r="9320" spans="1:4" x14ac:dyDescent="0.4">
      <c r="A9320">
        <v>2430213</v>
      </c>
      <c r="B9320" t="s">
        <v>2200</v>
      </c>
      <c r="C9320" t="s">
        <v>8414</v>
      </c>
      <c r="D9320" t="s">
        <v>8420</v>
      </c>
    </row>
    <row r="9321" spans="1:4" x14ac:dyDescent="0.4">
      <c r="A9321">
        <v>2430013</v>
      </c>
      <c r="B9321" t="s">
        <v>2200</v>
      </c>
      <c r="C9321" t="s">
        <v>8414</v>
      </c>
      <c r="D9321" t="s">
        <v>1528</v>
      </c>
    </row>
    <row r="9322" spans="1:4" x14ac:dyDescent="0.4">
      <c r="A9322">
        <v>2430212</v>
      </c>
      <c r="B9322" t="s">
        <v>2200</v>
      </c>
      <c r="C9322" t="s">
        <v>8414</v>
      </c>
      <c r="D9322" t="s">
        <v>8421</v>
      </c>
    </row>
    <row r="9323" spans="1:4" x14ac:dyDescent="0.4">
      <c r="A9323">
        <v>2430817</v>
      </c>
      <c r="B9323" t="s">
        <v>2200</v>
      </c>
      <c r="C9323" t="s">
        <v>8414</v>
      </c>
      <c r="D9323" t="s">
        <v>8422</v>
      </c>
    </row>
    <row r="9324" spans="1:4" x14ac:dyDescent="0.4">
      <c r="A9324">
        <v>2430021</v>
      </c>
      <c r="B9324" t="s">
        <v>2200</v>
      </c>
      <c r="C9324" t="s">
        <v>8414</v>
      </c>
      <c r="D9324" t="s">
        <v>1942</v>
      </c>
    </row>
    <row r="9325" spans="1:4" x14ac:dyDescent="0.4">
      <c r="A9325">
        <v>2430126</v>
      </c>
      <c r="B9325" t="s">
        <v>2200</v>
      </c>
      <c r="C9325" t="s">
        <v>8414</v>
      </c>
      <c r="D9325" t="s">
        <v>8423</v>
      </c>
    </row>
    <row r="9326" spans="1:4" x14ac:dyDescent="0.4">
      <c r="A9326">
        <v>2430125</v>
      </c>
      <c r="B9326" t="s">
        <v>2200</v>
      </c>
      <c r="C9326" t="s">
        <v>8414</v>
      </c>
      <c r="D9326" t="s">
        <v>420</v>
      </c>
    </row>
    <row r="9327" spans="1:4" x14ac:dyDescent="0.4">
      <c r="A9327">
        <v>2430032</v>
      </c>
      <c r="B9327" t="s">
        <v>2200</v>
      </c>
      <c r="C9327" t="s">
        <v>8414</v>
      </c>
      <c r="D9327" t="s">
        <v>8424</v>
      </c>
    </row>
    <row r="9328" spans="1:4" x14ac:dyDescent="0.4">
      <c r="A9328">
        <v>2430807</v>
      </c>
      <c r="B9328" t="s">
        <v>2200</v>
      </c>
      <c r="C9328" t="s">
        <v>8414</v>
      </c>
      <c r="D9328" t="s">
        <v>7157</v>
      </c>
    </row>
    <row r="9329" spans="1:4" x14ac:dyDescent="0.4">
      <c r="A9329">
        <v>2430801</v>
      </c>
      <c r="B9329" t="s">
        <v>2200</v>
      </c>
      <c r="C9329" t="s">
        <v>8414</v>
      </c>
      <c r="D9329" t="s">
        <v>8425</v>
      </c>
    </row>
    <row r="9330" spans="1:4" x14ac:dyDescent="0.4">
      <c r="A9330">
        <v>2430201</v>
      </c>
      <c r="B9330" t="s">
        <v>2200</v>
      </c>
      <c r="C9330" t="s">
        <v>8414</v>
      </c>
      <c r="D9330" t="s">
        <v>8426</v>
      </c>
    </row>
    <row r="9331" spans="1:4" x14ac:dyDescent="0.4">
      <c r="A9331">
        <v>2430025</v>
      </c>
      <c r="B9331" t="s">
        <v>2200</v>
      </c>
      <c r="C9331" t="s">
        <v>8414</v>
      </c>
      <c r="D9331" t="s">
        <v>8427</v>
      </c>
    </row>
    <row r="9332" spans="1:4" x14ac:dyDescent="0.4">
      <c r="A9332">
        <v>2430215</v>
      </c>
      <c r="B9332" t="s">
        <v>2200</v>
      </c>
      <c r="C9332" t="s">
        <v>8414</v>
      </c>
      <c r="D9332" t="s">
        <v>8428</v>
      </c>
    </row>
    <row r="9333" spans="1:4" x14ac:dyDescent="0.4">
      <c r="A9333">
        <v>2430003</v>
      </c>
      <c r="B9333" t="s">
        <v>2200</v>
      </c>
      <c r="C9333" t="s">
        <v>8414</v>
      </c>
      <c r="D9333" t="s">
        <v>1740</v>
      </c>
    </row>
    <row r="9334" spans="1:4" x14ac:dyDescent="0.4">
      <c r="A9334">
        <v>2430012</v>
      </c>
      <c r="B9334" t="s">
        <v>2200</v>
      </c>
      <c r="C9334" t="s">
        <v>8414</v>
      </c>
      <c r="D9334" t="s">
        <v>72</v>
      </c>
    </row>
    <row r="9335" spans="1:4" x14ac:dyDescent="0.4">
      <c r="A9335">
        <v>2430022</v>
      </c>
      <c r="B9335" t="s">
        <v>2200</v>
      </c>
      <c r="C9335" t="s">
        <v>8414</v>
      </c>
      <c r="D9335" t="s">
        <v>8429</v>
      </c>
    </row>
    <row r="9336" spans="1:4" x14ac:dyDescent="0.4">
      <c r="A9336">
        <v>2430017</v>
      </c>
      <c r="B9336" t="s">
        <v>2200</v>
      </c>
      <c r="C9336" t="s">
        <v>8414</v>
      </c>
      <c r="D9336" t="s">
        <v>255</v>
      </c>
    </row>
    <row r="9337" spans="1:4" x14ac:dyDescent="0.4">
      <c r="A9337">
        <v>2430802</v>
      </c>
      <c r="B9337" t="s">
        <v>2200</v>
      </c>
      <c r="C9337" t="s">
        <v>8414</v>
      </c>
      <c r="D9337" t="s">
        <v>8430</v>
      </c>
    </row>
    <row r="9338" spans="1:4" x14ac:dyDescent="0.4">
      <c r="A9338">
        <v>2430211</v>
      </c>
      <c r="B9338" t="s">
        <v>2200</v>
      </c>
      <c r="C9338" t="s">
        <v>8414</v>
      </c>
      <c r="D9338" t="s">
        <v>2219</v>
      </c>
    </row>
    <row r="9339" spans="1:4" x14ac:dyDescent="0.4">
      <c r="A9339">
        <v>2430217</v>
      </c>
      <c r="B9339" t="s">
        <v>2200</v>
      </c>
      <c r="C9339" t="s">
        <v>8414</v>
      </c>
      <c r="D9339" t="s">
        <v>8431</v>
      </c>
    </row>
    <row r="9340" spans="1:4" x14ac:dyDescent="0.4">
      <c r="A9340">
        <v>2430806</v>
      </c>
      <c r="B9340" t="s">
        <v>2200</v>
      </c>
      <c r="C9340" t="s">
        <v>8414</v>
      </c>
      <c r="D9340" t="s">
        <v>8432</v>
      </c>
    </row>
    <row r="9341" spans="1:4" x14ac:dyDescent="0.4">
      <c r="A9341">
        <v>2430203</v>
      </c>
      <c r="B9341" t="s">
        <v>2200</v>
      </c>
      <c r="C9341" t="s">
        <v>8414</v>
      </c>
      <c r="D9341" t="s">
        <v>8433</v>
      </c>
    </row>
    <row r="9342" spans="1:4" x14ac:dyDescent="0.4">
      <c r="A9342">
        <v>2430206</v>
      </c>
      <c r="B9342" t="s">
        <v>2200</v>
      </c>
      <c r="C9342" t="s">
        <v>8414</v>
      </c>
      <c r="D9342" t="s">
        <v>8434</v>
      </c>
    </row>
    <row r="9343" spans="1:4" x14ac:dyDescent="0.4">
      <c r="A9343">
        <v>2430026</v>
      </c>
      <c r="B9343" t="s">
        <v>2200</v>
      </c>
      <c r="C9343" t="s">
        <v>8414</v>
      </c>
      <c r="D9343" t="s">
        <v>8435</v>
      </c>
    </row>
    <row r="9344" spans="1:4" x14ac:dyDescent="0.4">
      <c r="A9344">
        <v>2430214</v>
      </c>
      <c r="B9344" t="s">
        <v>2200</v>
      </c>
      <c r="C9344" t="s">
        <v>8414</v>
      </c>
      <c r="D9344" t="s">
        <v>8436</v>
      </c>
    </row>
    <row r="9345" spans="1:4" x14ac:dyDescent="0.4">
      <c r="A9345">
        <v>2430804</v>
      </c>
      <c r="B9345" t="s">
        <v>2200</v>
      </c>
      <c r="C9345" t="s">
        <v>8414</v>
      </c>
      <c r="D9345" t="s">
        <v>4449</v>
      </c>
    </row>
    <row r="9346" spans="1:4" x14ac:dyDescent="0.4">
      <c r="A9346">
        <v>2430205</v>
      </c>
      <c r="B9346" t="s">
        <v>2200</v>
      </c>
      <c r="C9346" t="s">
        <v>8414</v>
      </c>
      <c r="D9346" t="s">
        <v>8437</v>
      </c>
    </row>
    <row r="9347" spans="1:4" x14ac:dyDescent="0.4">
      <c r="A9347">
        <v>2430016</v>
      </c>
      <c r="B9347" t="s">
        <v>2200</v>
      </c>
      <c r="C9347" t="s">
        <v>8414</v>
      </c>
      <c r="D9347" t="s">
        <v>8438</v>
      </c>
    </row>
    <row r="9348" spans="1:4" x14ac:dyDescent="0.4">
      <c r="A9348">
        <v>2430811</v>
      </c>
      <c r="B9348" t="s">
        <v>2200</v>
      </c>
      <c r="C9348" t="s">
        <v>8414</v>
      </c>
      <c r="D9348" t="s">
        <v>8439</v>
      </c>
    </row>
    <row r="9349" spans="1:4" x14ac:dyDescent="0.4">
      <c r="A9349">
        <v>2430813</v>
      </c>
      <c r="B9349" t="s">
        <v>2200</v>
      </c>
      <c r="C9349" t="s">
        <v>8414</v>
      </c>
      <c r="D9349" t="s">
        <v>8440</v>
      </c>
    </row>
    <row r="9350" spans="1:4" x14ac:dyDescent="0.4">
      <c r="A9350">
        <v>2430815</v>
      </c>
      <c r="B9350" t="s">
        <v>2200</v>
      </c>
      <c r="C9350" t="s">
        <v>8414</v>
      </c>
      <c r="D9350" t="s">
        <v>8441</v>
      </c>
    </row>
    <row r="9351" spans="1:4" x14ac:dyDescent="0.4">
      <c r="A9351">
        <v>2430814</v>
      </c>
      <c r="B9351" t="s">
        <v>2200</v>
      </c>
      <c r="C9351" t="s">
        <v>8414</v>
      </c>
      <c r="D9351" t="s">
        <v>8442</v>
      </c>
    </row>
    <row r="9352" spans="1:4" x14ac:dyDescent="0.4">
      <c r="A9352">
        <v>2430812</v>
      </c>
      <c r="B9352" t="s">
        <v>2200</v>
      </c>
      <c r="C9352" t="s">
        <v>8414</v>
      </c>
      <c r="D9352" t="s">
        <v>8443</v>
      </c>
    </row>
    <row r="9353" spans="1:4" x14ac:dyDescent="0.4">
      <c r="A9353">
        <v>2430023</v>
      </c>
      <c r="B9353" t="s">
        <v>2200</v>
      </c>
      <c r="C9353" t="s">
        <v>8414</v>
      </c>
      <c r="D9353" t="s">
        <v>6803</v>
      </c>
    </row>
    <row r="9354" spans="1:4" x14ac:dyDescent="0.4">
      <c r="A9354">
        <v>2430204</v>
      </c>
      <c r="B9354" t="s">
        <v>2200</v>
      </c>
      <c r="C9354" t="s">
        <v>8414</v>
      </c>
      <c r="D9354" t="s">
        <v>8444</v>
      </c>
    </row>
    <row r="9355" spans="1:4" x14ac:dyDescent="0.4">
      <c r="A9355">
        <v>2430031</v>
      </c>
      <c r="B9355" t="s">
        <v>2200</v>
      </c>
      <c r="C9355" t="s">
        <v>8414</v>
      </c>
      <c r="D9355" t="s">
        <v>6260</v>
      </c>
    </row>
    <row r="9356" spans="1:4" x14ac:dyDescent="0.4">
      <c r="A9356">
        <v>2430805</v>
      </c>
      <c r="B9356" t="s">
        <v>2200</v>
      </c>
      <c r="C9356" t="s">
        <v>8414</v>
      </c>
      <c r="D9356" t="s">
        <v>8445</v>
      </c>
    </row>
    <row r="9357" spans="1:4" x14ac:dyDescent="0.4">
      <c r="A9357">
        <v>2430202</v>
      </c>
      <c r="B9357" t="s">
        <v>2200</v>
      </c>
      <c r="C9357" t="s">
        <v>8414</v>
      </c>
      <c r="D9357" t="s">
        <v>8446</v>
      </c>
    </row>
    <row r="9358" spans="1:4" x14ac:dyDescent="0.4">
      <c r="A9358">
        <v>2430018</v>
      </c>
      <c r="B9358" t="s">
        <v>2200</v>
      </c>
      <c r="C9358" t="s">
        <v>8414</v>
      </c>
      <c r="D9358" t="s">
        <v>1585</v>
      </c>
    </row>
    <row r="9359" spans="1:4" x14ac:dyDescent="0.4">
      <c r="A9359">
        <v>2430024</v>
      </c>
      <c r="B9359" t="s">
        <v>2200</v>
      </c>
      <c r="C9359" t="s">
        <v>8414</v>
      </c>
      <c r="D9359" t="s">
        <v>7714</v>
      </c>
    </row>
    <row r="9360" spans="1:4" x14ac:dyDescent="0.4">
      <c r="A9360">
        <v>2430121</v>
      </c>
      <c r="B9360" t="s">
        <v>2200</v>
      </c>
      <c r="C9360" t="s">
        <v>8414</v>
      </c>
      <c r="D9360" t="s">
        <v>7712</v>
      </c>
    </row>
    <row r="9361" spans="1:4" x14ac:dyDescent="0.4">
      <c r="A9361">
        <v>2430033</v>
      </c>
      <c r="B9361" t="s">
        <v>2200</v>
      </c>
      <c r="C9361" t="s">
        <v>8414</v>
      </c>
      <c r="D9361" t="s">
        <v>8447</v>
      </c>
    </row>
    <row r="9362" spans="1:4" x14ac:dyDescent="0.4">
      <c r="A9362">
        <v>2430039</v>
      </c>
      <c r="B9362" t="s">
        <v>2200</v>
      </c>
      <c r="C9362" t="s">
        <v>8414</v>
      </c>
      <c r="D9362" t="s">
        <v>8448</v>
      </c>
    </row>
    <row r="9363" spans="1:4" x14ac:dyDescent="0.4">
      <c r="A9363">
        <v>2430036</v>
      </c>
      <c r="B9363" t="s">
        <v>2200</v>
      </c>
      <c r="C9363" t="s">
        <v>8414</v>
      </c>
      <c r="D9363" t="s">
        <v>3209</v>
      </c>
    </row>
    <row r="9364" spans="1:4" x14ac:dyDescent="0.4">
      <c r="A9364">
        <v>2430816</v>
      </c>
      <c r="B9364" t="s">
        <v>2200</v>
      </c>
      <c r="C9364" t="s">
        <v>8414</v>
      </c>
      <c r="D9364" t="s">
        <v>1929</v>
      </c>
    </row>
    <row r="9365" spans="1:4" x14ac:dyDescent="0.4">
      <c r="A9365">
        <v>2430001</v>
      </c>
      <c r="B9365" t="s">
        <v>2200</v>
      </c>
      <c r="C9365" t="s">
        <v>8414</v>
      </c>
      <c r="D9365" t="s">
        <v>1526</v>
      </c>
    </row>
    <row r="9366" spans="1:4" x14ac:dyDescent="0.4">
      <c r="A9366">
        <v>2430034</v>
      </c>
      <c r="B9366" t="s">
        <v>2200</v>
      </c>
      <c r="C9366" t="s">
        <v>8414</v>
      </c>
      <c r="D9366" t="s">
        <v>7387</v>
      </c>
    </row>
    <row r="9367" spans="1:4" x14ac:dyDescent="0.4">
      <c r="A9367">
        <v>2430005</v>
      </c>
      <c r="B9367" t="s">
        <v>2200</v>
      </c>
      <c r="C9367" t="s">
        <v>8414</v>
      </c>
      <c r="D9367" t="s">
        <v>8449</v>
      </c>
    </row>
    <row r="9368" spans="1:4" x14ac:dyDescent="0.4">
      <c r="A9368">
        <v>2430207</v>
      </c>
      <c r="B9368" t="s">
        <v>2200</v>
      </c>
      <c r="C9368" t="s">
        <v>8414</v>
      </c>
      <c r="D9368" t="s">
        <v>8450</v>
      </c>
    </row>
    <row r="9369" spans="1:4" x14ac:dyDescent="0.4">
      <c r="A9369">
        <v>2430004</v>
      </c>
      <c r="B9369" t="s">
        <v>2200</v>
      </c>
      <c r="C9369" t="s">
        <v>8414</v>
      </c>
      <c r="D9369" t="s">
        <v>8451</v>
      </c>
    </row>
    <row r="9370" spans="1:4" x14ac:dyDescent="0.4">
      <c r="A9370">
        <v>2430041</v>
      </c>
      <c r="B9370" t="s">
        <v>2200</v>
      </c>
      <c r="C9370" t="s">
        <v>8414</v>
      </c>
      <c r="D9370" t="s">
        <v>506</v>
      </c>
    </row>
    <row r="9371" spans="1:4" x14ac:dyDescent="0.4">
      <c r="A9371">
        <v>2430015</v>
      </c>
      <c r="B9371" t="s">
        <v>2200</v>
      </c>
      <c r="C9371" t="s">
        <v>8414</v>
      </c>
      <c r="D9371" t="s">
        <v>1615</v>
      </c>
    </row>
    <row r="9372" spans="1:4" x14ac:dyDescent="0.4">
      <c r="A9372">
        <v>2430208</v>
      </c>
      <c r="B9372" t="s">
        <v>2200</v>
      </c>
      <c r="C9372" t="s">
        <v>8414</v>
      </c>
      <c r="D9372" t="s">
        <v>8452</v>
      </c>
    </row>
    <row r="9373" spans="1:4" x14ac:dyDescent="0.4">
      <c r="A9373">
        <v>2430216</v>
      </c>
      <c r="B9373" t="s">
        <v>2200</v>
      </c>
      <c r="C9373" t="s">
        <v>8414</v>
      </c>
      <c r="D9373" t="s">
        <v>8453</v>
      </c>
    </row>
    <row r="9374" spans="1:4" x14ac:dyDescent="0.4">
      <c r="A9374">
        <v>2430037</v>
      </c>
      <c r="B9374" t="s">
        <v>2200</v>
      </c>
      <c r="C9374" t="s">
        <v>8414</v>
      </c>
      <c r="D9374" t="s">
        <v>8454</v>
      </c>
    </row>
    <row r="9375" spans="1:4" x14ac:dyDescent="0.4">
      <c r="A9375">
        <v>2430002</v>
      </c>
      <c r="B9375" t="s">
        <v>2200</v>
      </c>
      <c r="C9375" t="s">
        <v>8414</v>
      </c>
      <c r="D9375" t="s">
        <v>1841</v>
      </c>
    </row>
    <row r="9376" spans="1:4" x14ac:dyDescent="0.4">
      <c r="A9376">
        <v>2430122</v>
      </c>
      <c r="B9376" t="s">
        <v>2200</v>
      </c>
      <c r="C9376" t="s">
        <v>8414</v>
      </c>
      <c r="D9376" t="s">
        <v>8455</v>
      </c>
    </row>
    <row r="9377" spans="1:4" x14ac:dyDescent="0.4">
      <c r="A9377">
        <v>2430123</v>
      </c>
      <c r="B9377" t="s">
        <v>2200</v>
      </c>
      <c r="C9377" t="s">
        <v>8414</v>
      </c>
      <c r="D9377" t="s">
        <v>8456</v>
      </c>
    </row>
    <row r="9378" spans="1:4" x14ac:dyDescent="0.4">
      <c r="A9378">
        <v>2430124</v>
      </c>
      <c r="B9378" t="s">
        <v>2200</v>
      </c>
      <c r="C9378" t="s">
        <v>8414</v>
      </c>
      <c r="D9378" t="s">
        <v>8457</v>
      </c>
    </row>
    <row r="9379" spans="1:4" x14ac:dyDescent="0.4">
      <c r="A9379">
        <v>2430803</v>
      </c>
      <c r="B9379" t="s">
        <v>2200</v>
      </c>
      <c r="C9379" t="s">
        <v>8414</v>
      </c>
      <c r="D9379" t="s">
        <v>8458</v>
      </c>
    </row>
    <row r="9380" spans="1:4" x14ac:dyDescent="0.4">
      <c r="A9380">
        <v>2420000</v>
      </c>
      <c r="B9380" t="s">
        <v>2200</v>
      </c>
      <c r="C9380" t="s">
        <v>8459</v>
      </c>
    </row>
    <row r="9381" spans="1:4" x14ac:dyDescent="0.4">
      <c r="A9381">
        <v>2420029</v>
      </c>
      <c r="B9381" t="s">
        <v>2200</v>
      </c>
      <c r="C9381" t="s">
        <v>8459</v>
      </c>
      <c r="D9381" t="s">
        <v>8460</v>
      </c>
    </row>
    <row r="9382" spans="1:4" x14ac:dyDescent="0.4">
      <c r="A9382">
        <v>2420014</v>
      </c>
      <c r="B9382" t="s">
        <v>2200</v>
      </c>
      <c r="C9382" t="s">
        <v>8459</v>
      </c>
      <c r="D9382" t="s">
        <v>8461</v>
      </c>
    </row>
    <row r="9383" spans="1:4" x14ac:dyDescent="0.4">
      <c r="A9383">
        <v>2420028</v>
      </c>
      <c r="B9383" t="s">
        <v>2200</v>
      </c>
      <c r="C9383" t="s">
        <v>8459</v>
      </c>
      <c r="D9383" t="s">
        <v>8462</v>
      </c>
    </row>
    <row r="9384" spans="1:4" x14ac:dyDescent="0.4">
      <c r="A9384">
        <v>2420023</v>
      </c>
      <c r="B9384" t="s">
        <v>2200</v>
      </c>
      <c r="C9384" t="s">
        <v>8459</v>
      </c>
      <c r="D9384" t="s">
        <v>3683</v>
      </c>
    </row>
    <row r="9385" spans="1:4" x14ac:dyDescent="0.4">
      <c r="A9385">
        <v>2420027</v>
      </c>
      <c r="B9385" t="s">
        <v>2200</v>
      </c>
      <c r="C9385" t="s">
        <v>8459</v>
      </c>
      <c r="D9385" t="s">
        <v>8463</v>
      </c>
    </row>
    <row r="9386" spans="1:4" x14ac:dyDescent="0.4">
      <c r="A9386">
        <v>2420001</v>
      </c>
      <c r="B9386" t="s">
        <v>2200</v>
      </c>
      <c r="C9386" t="s">
        <v>8459</v>
      </c>
      <c r="D9386" t="s">
        <v>8464</v>
      </c>
    </row>
    <row r="9387" spans="1:4" x14ac:dyDescent="0.4">
      <c r="A9387">
        <v>2420015</v>
      </c>
      <c r="B9387" t="s">
        <v>2200</v>
      </c>
      <c r="C9387" t="s">
        <v>8459</v>
      </c>
      <c r="D9387" t="s">
        <v>8465</v>
      </c>
    </row>
    <row r="9388" spans="1:4" x14ac:dyDescent="0.4">
      <c r="A9388">
        <v>2420026</v>
      </c>
      <c r="B9388" t="s">
        <v>2200</v>
      </c>
      <c r="C9388" t="s">
        <v>8459</v>
      </c>
      <c r="D9388" t="s">
        <v>8466</v>
      </c>
    </row>
    <row r="9389" spans="1:4" x14ac:dyDescent="0.4">
      <c r="A9389">
        <v>2420025</v>
      </c>
      <c r="B9389" t="s">
        <v>2200</v>
      </c>
      <c r="C9389" t="s">
        <v>8459</v>
      </c>
      <c r="D9389" t="s">
        <v>8467</v>
      </c>
    </row>
    <row r="9390" spans="1:4" x14ac:dyDescent="0.4">
      <c r="A9390">
        <v>2420021</v>
      </c>
      <c r="B9390" t="s">
        <v>2200</v>
      </c>
      <c r="C9390" t="s">
        <v>8459</v>
      </c>
      <c r="D9390" t="s">
        <v>184</v>
      </c>
    </row>
    <row r="9391" spans="1:4" x14ac:dyDescent="0.4">
      <c r="A9391">
        <v>2420007</v>
      </c>
      <c r="B9391" t="s">
        <v>2200</v>
      </c>
      <c r="C9391" t="s">
        <v>8459</v>
      </c>
      <c r="D9391" t="s">
        <v>8468</v>
      </c>
    </row>
    <row r="9392" spans="1:4" x14ac:dyDescent="0.4">
      <c r="A9392">
        <v>2420002</v>
      </c>
      <c r="B9392" t="s">
        <v>2200</v>
      </c>
      <c r="C9392" t="s">
        <v>8459</v>
      </c>
      <c r="D9392" t="s">
        <v>8469</v>
      </c>
    </row>
    <row r="9393" spans="1:4" x14ac:dyDescent="0.4">
      <c r="A9393">
        <v>2420004</v>
      </c>
      <c r="B9393" t="s">
        <v>2200</v>
      </c>
      <c r="C9393" t="s">
        <v>8459</v>
      </c>
      <c r="D9393" t="s">
        <v>3467</v>
      </c>
    </row>
    <row r="9394" spans="1:4" x14ac:dyDescent="0.4">
      <c r="A9394">
        <v>2420005</v>
      </c>
      <c r="B9394" t="s">
        <v>2200</v>
      </c>
      <c r="C9394" t="s">
        <v>8459</v>
      </c>
      <c r="D9394" t="s">
        <v>8470</v>
      </c>
    </row>
    <row r="9395" spans="1:4" x14ac:dyDescent="0.4">
      <c r="A9395">
        <v>2420011</v>
      </c>
      <c r="B9395" t="s">
        <v>2200</v>
      </c>
      <c r="C9395" t="s">
        <v>8459</v>
      </c>
      <c r="D9395" t="s">
        <v>8471</v>
      </c>
    </row>
    <row r="9396" spans="1:4" x14ac:dyDescent="0.4">
      <c r="A9396">
        <v>2420013</v>
      </c>
      <c r="B9396" t="s">
        <v>2200</v>
      </c>
      <c r="C9396" t="s">
        <v>8459</v>
      </c>
      <c r="D9396" t="s">
        <v>8472</v>
      </c>
    </row>
    <row r="9397" spans="1:4" x14ac:dyDescent="0.4">
      <c r="A9397">
        <v>2420012</v>
      </c>
      <c r="B9397" t="s">
        <v>2200</v>
      </c>
      <c r="C9397" t="s">
        <v>8459</v>
      </c>
      <c r="D9397" t="s">
        <v>8473</v>
      </c>
    </row>
    <row r="9398" spans="1:4" x14ac:dyDescent="0.4">
      <c r="A9398">
        <v>2420018</v>
      </c>
      <c r="B9398" t="s">
        <v>2200</v>
      </c>
      <c r="C9398" t="s">
        <v>8459</v>
      </c>
      <c r="D9398" t="s">
        <v>8474</v>
      </c>
    </row>
    <row r="9399" spans="1:4" x14ac:dyDescent="0.4">
      <c r="A9399">
        <v>2420024</v>
      </c>
      <c r="B9399" t="s">
        <v>2200</v>
      </c>
      <c r="C9399" t="s">
        <v>8459</v>
      </c>
      <c r="D9399" t="s">
        <v>5131</v>
      </c>
    </row>
    <row r="9400" spans="1:4" x14ac:dyDescent="0.4">
      <c r="A9400">
        <v>2420006</v>
      </c>
      <c r="B9400" t="s">
        <v>2200</v>
      </c>
      <c r="C9400" t="s">
        <v>8459</v>
      </c>
      <c r="D9400" t="s">
        <v>8475</v>
      </c>
    </row>
    <row r="9401" spans="1:4" x14ac:dyDescent="0.4">
      <c r="A9401">
        <v>2420022</v>
      </c>
      <c r="B9401" t="s">
        <v>2200</v>
      </c>
      <c r="C9401" t="s">
        <v>8459</v>
      </c>
      <c r="D9401" t="s">
        <v>854</v>
      </c>
    </row>
    <row r="9402" spans="1:4" x14ac:dyDescent="0.4">
      <c r="A9402">
        <v>2420017</v>
      </c>
      <c r="B9402" t="s">
        <v>2200</v>
      </c>
      <c r="C9402" t="s">
        <v>8459</v>
      </c>
      <c r="D9402" t="s">
        <v>8476</v>
      </c>
    </row>
    <row r="9403" spans="1:4" x14ac:dyDescent="0.4">
      <c r="A9403">
        <v>2420016</v>
      </c>
      <c r="B9403" t="s">
        <v>2200</v>
      </c>
      <c r="C9403" t="s">
        <v>8459</v>
      </c>
      <c r="D9403" t="s">
        <v>8477</v>
      </c>
    </row>
    <row r="9404" spans="1:4" x14ac:dyDescent="0.4">
      <c r="A9404">
        <v>2420003</v>
      </c>
      <c r="B9404" t="s">
        <v>2200</v>
      </c>
      <c r="C9404" t="s">
        <v>8459</v>
      </c>
      <c r="D9404" t="s">
        <v>8478</v>
      </c>
    </row>
    <row r="9405" spans="1:4" x14ac:dyDescent="0.4">
      <c r="A9405">
        <v>2591100</v>
      </c>
      <c r="B9405" t="s">
        <v>2200</v>
      </c>
      <c r="C9405" t="s">
        <v>8479</v>
      </c>
    </row>
    <row r="9406" spans="1:4" x14ac:dyDescent="0.4">
      <c r="A9406">
        <v>2591113</v>
      </c>
      <c r="B9406" t="s">
        <v>2200</v>
      </c>
      <c r="C9406" t="s">
        <v>8479</v>
      </c>
      <c r="D9406" t="s">
        <v>8480</v>
      </c>
    </row>
    <row r="9407" spans="1:4" x14ac:dyDescent="0.4">
      <c r="A9407">
        <v>2591144</v>
      </c>
      <c r="B9407" t="s">
        <v>2200</v>
      </c>
      <c r="C9407" t="s">
        <v>8479</v>
      </c>
      <c r="D9407" t="s">
        <v>8481</v>
      </c>
    </row>
    <row r="9408" spans="1:4" x14ac:dyDescent="0.4">
      <c r="A9408">
        <v>2591116</v>
      </c>
      <c r="B9408" t="s">
        <v>2200</v>
      </c>
      <c r="C9408" t="s">
        <v>8479</v>
      </c>
      <c r="D9408" t="s">
        <v>3514</v>
      </c>
    </row>
    <row r="9409" spans="1:4" x14ac:dyDescent="0.4">
      <c r="A9409">
        <v>2591131</v>
      </c>
      <c r="B9409" t="s">
        <v>2200</v>
      </c>
      <c r="C9409" t="s">
        <v>8479</v>
      </c>
      <c r="D9409" t="s">
        <v>3815</v>
      </c>
    </row>
    <row r="9410" spans="1:4" x14ac:dyDescent="0.4">
      <c r="A9410">
        <v>2591145</v>
      </c>
      <c r="B9410" t="s">
        <v>2200</v>
      </c>
      <c r="C9410" t="s">
        <v>8479</v>
      </c>
      <c r="D9410" t="s">
        <v>8482</v>
      </c>
    </row>
    <row r="9411" spans="1:4" x14ac:dyDescent="0.4">
      <c r="A9411">
        <v>2591128</v>
      </c>
      <c r="B9411" t="s">
        <v>2200</v>
      </c>
      <c r="C9411" t="s">
        <v>8479</v>
      </c>
      <c r="D9411" t="s">
        <v>8483</v>
      </c>
    </row>
    <row r="9412" spans="1:4" x14ac:dyDescent="0.4">
      <c r="A9412">
        <v>2591105</v>
      </c>
      <c r="B9412" t="s">
        <v>2200</v>
      </c>
      <c r="C9412" t="s">
        <v>8479</v>
      </c>
      <c r="D9412" t="s">
        <v>8484</v>
      </c>
    </row>
    <row r="9413" spans="1:4" x14ac:dyDescent="0.4">
      <c r="A9413">
        <v>2591107</v>
      </c>
      <c r="B9413" t="s">
        <v>2200</v>
      </c>
      <c r="C9413" t="s">
        <v>8479</v>
      </c>
      <c r="D9413" t="s">
        <v>7654</v>
      </c>
    </row>
    <row r="9414" spans="1:4" x14ac:dyDescent="0.4">
      <c r="A9414">
        <v>2591135</v>
      </c>
      <c r="B9414" t="s">
        <v>2200</v>
      </c>
      <c r="C9414" t="s">
        <v>8479</v>
      </c>
      <c r="D9414" t="s">
        <v>3097</v>
      </c>
    </row>
    <row r="9415" spans="1:4" x14ac:dyDescent="0.4">
      <c r="A9415">
        <v>2591137</v>
      </c>
      <c r="B9415" t="s">
        <v>2200</v>
      </c>
      <c r="C9415" t="s">
        <v>8479</v>
      </c>
      <c r="D9415" t="s">
        <v>8485</v>
      </c>
    </row>
    <row r="9416" spans="1:4" x14ac:dyDescent="0.4">
      <c r="A9416">
        <v>2591141</v>
      </c>
      <c r="B9416" t="s">
        <v>2200</v>
      </c>
      <c r="C9416" t="s">
        <v>8479</v>
      </c>
      <c r="D9416" t="s">
        <v>8486</v>
      </c>
    </row>
    <row r="9417" spans="1:4" x14ac:dyDescent="0.4">
      <c r="A9417">
        <v>2591124</v>
      </c>
      <c r="B9417" t="s">
        <v>2200</v>
      </c>
      <c r="C9417" t="s">
        <v>8479</v>
      </c>
      <c r="D9417" t="s">
        <v>8052</v>
      </c>
    </row>
    <row r="9418" spans="1:4" x14ac:dyDescent="0.4">
      <c r="A9418">
        <v>2591127</v>
      </c>
      <c r="B9418" t="s">
        <v>2200</v>
      </c>
      <c r="C9418" t="s">
        <v>8479</v>
      </c>
      <c r="D9418" t="s">
        <v>415</v>
      </c>
    </row>
    <row r="9419" spans="1:4" x14ac:dyDescent="0.4">
      <c r="A9419">
        <v>2591136</v>
      </c>
      <c r="B9419" t="s">
        <v>2200</v>
      </c>
      <c r="C9419" t="s">
        <v>8479</v>
      </c>
      <c r="D9419" t="s">
        <v>8487</v>
      </c>
    </row>
    <row r="9420" spans="1:4" x14ac:dyDescent="0.4">
      <c r="A9420">
        <v>2591122</v>
      </c>
      <c r="B9420" t="s">
        <v>2200</v>
      </c>
      <c r="C9420" t="s">
        <v>8479</v>
      </c>
      <c r="D9420" t="s">
        <v>8488</v>
      </c>
    </row>
    <row r="9421" spans="1:4" x14ac:dyDescent="0.4">
      <c r="A9421">
        <v>2591138</v>
      </c>
      <c r="B9421" t="s">
        <v>2200</v>
      </c>
      <c r="C9421" t="s">
        <v>8479</v>
      </c>
      <c r="D9421" t="s">
        <v>6130</v>
      </c>
    </row>
    <row r="9422" spans="1:4" x14ac:dyDescent="0.4">
      <c r="A9422">
        <v>2591102</v>
      </c>
      <c r="B9422" t="s">
        <v>2200</v>
      </c>
      <c r="C9422" t="s">
        <v>8479</v>
      </c>
      <c r="D9422" t="s">
        <v>8489</v>
      </c>
    </row>
    <row r="9423" spans="1:4" x14ac:dyDescent="0.4">
      <c r="A9423">
        <v>2591132</v>
      </c>
      <c r="B9423" t="s">
        <v>2200</v>
      </c>
      <c r="C9423" t="s">
        <v>8479</v>
      </c>
      <c r="D9423" t="s">
        <v>2016</v>
      </c>
    </row>
    <row r="9424" spans="1:4" x14ac:dyDescent="0.4">
      <c r="A9424">
        <v>2591103</v>
      </c>
      <c r="B9424" t="s">
        <v>2200</v>
      </c>
      <c r="C9424" t="s">
        <v>8479</v>
      </c>
      <c r="D9424" t="s">
        <v>8490</v>
      </c>
    </row>
    <row r="9425" spans="1:4" x14ac:dyDescent="0.4">
      <c r="A9425">
        <v>2591121</v>
      </c>
      <c r="B9425" t="s">
        <v>2200</v>
      </c>
      <c r="C9425" t="s">
        <v>8479</v>
      </c>
      <c r="D9425" t="s">
        <v>8383</v>
      </c>
    </row>
    <row r="9426" spans="1:4" x14ac:dyDescent="0.4">
      <c r="A9426">
        <v>2591143</v>
      </c>
      <c r="B9426" t="s">
        <v>2200</v>
      </c>
      <c r="C9426" t="s">
        <v>8479</v>
      </c>
      <c r="D9426" t="s">
        <v>8491</v>
      </c>
    </row>
    <row r="9427" spans="1:4" x14ac:dyDescent="0.4">
      <c r="A9427">
        <v>2591125</v>
      </c>
      <c r="B9427" t="s">
        <v>2200</v>
      </c>
      <c r="C9427" t="s">
        <v>8479</v>
      </c>
      <c r="D9427" t="s">
        <v>8025</v>
      </c>
    </row>
    <row r="9428" spans="1:4" x14ac:dyDescent="0.4">
      <c r="A9428">
        <v>2591123</v>
      </c>
      <c r="B9428" t="s">
        <v>2200</v>
      </c>
      <c r="C9428" t="s">
        <v>8479</v>
      </c>
      <c r="D9428" t="s">
        <v>433</v>
      </c>
    </row>
    <row r="9429" spans="1:4" x14ac:dyDescent="0.4">
      <c r="A9429">
        <v>2591147</v>
      </c>
      <c r="B9429" t="s">
        <v>2200</v>
      </c>
      <c r="C9429" t="s">
        <v>8479</v>
      </c>
      <c r="D9429" t="s">
        <v>7911</v>
      </c>
    </row>
    <row r="9430" spans="1:4" x14ac:dyDescent="0.4">
      <c r="A9430">
        <v>2591146</v>
      </c>
      <c r="B9430" t="s">
        <v>2200</v>
      </c>
      <c r="C9430" t="s">
        <v>8479</v>
      </c>
      <c r="D9430" t="s">
        <v>8492</v>
      </c>
    </row>
    <row r="9431" spans="1:4" x14ac:dyDescent="0.4">
      <c r="A9431">
        <v>2591106</v>
      </c>
      <c r="B9431" t="s">
        <v>2200</v>
      </c>
      <c r="C9431" t="s">
        <v>8479</v>
      </c>
      <c r="D9431" t="s">
        <v>8493</v>
      </c>
    </row>
    <row r="9432" spans="1:4" x14ac:dyDescent="0.4">
      <c r="A9432">
        <v>2591114</v>
      </c>
      <c r="B9432" t="s">
        <v>2200</v>
      </c>
      <c r="C9432" t="s">
        <v>8479</v>
      </c>
      <c r="D9432" t="s">
        <v>8494</v>
      </c>
    </row>
    <row r="9433" spans="1:4" x14ac:dyDescent="0.4">
      <c r="A9433">
        <v>2591115</v>
      </c>
      <c r="B9433" t="s">
        <v>2200</v>
      </c>
      <c r="C9433" t="s">
        <v>8479</v>
      </c>
      <c r="D9433" t="s">
        <v>8495</v>
      </c>
    </row>
    <row r="9434" spans="1:4" x14ac:dyDescent="0.4">
      <c r="A9434">
        <v>2591142</v>
      </c>
      <c r="B9434" t="s">
        <v>2200</v>
      </c>
      <c r="C9434" t="s">
        <v>8479</v>
      </c>
      <c r="D9434" t="s">
        <v>443</v>
      </c>
    </row>
    <row r="9435" spans="1:4" x14ac:dyDescent="0.4">
      <c r="A9435">
        <v>2591104</v>
      </c>
      <c r="B9435" t="s">
        <v>2200</v>
      </c>
      <c r="C9435" t="s">
        <v>8479</v>
      </c>
      <c r="D9435" t="s">
        <v>8496</v>
      </c>
    </row>
    <row r="9436" spans="1:4" x14ac:dyDescent="0.4">
      <c r="A9436">
        <v>2591111</v>
      </c>
      <c r="B9436" t="s">
        <v>2200</v>
      </c>
      <c r="C9436" t="s">
        <v>8479</v>
      </c>
      <c r="D9436" t="s">
        <v>8497</v>
      </c>
    </row>
    <row r="9437" spans="1:4" x14ac:dyDescent="0.4">
      <c r="A9437">
        <v>2591126</v>
      </c>
      <c r="B9437" t="s">
        <v>2200</v>
      </c>
      <c r="C9437" t="s">
        <v>8479</v>
      </c>
      <c r="D9437" t="s">
        <v>8498</v>
      </c>
    </row>
    <row r="9438" spans="1:4" x14ac:dyDescent="0.4">
      <c r="A9438">
        <v>2591134</v>
      </c>
      <c r="B9438" t="s">
        <v>2200</v>
      </c>
      <c r="C9438" t="s">
        <v>8479</v>
      </c>
      <c r="D9438" t="s">
        <v>202</v>
      </c>
    </row>
    <row r="9439" spans="1:4" x14ac:dyDescent="0.4">
      <c r="A9439">
        <v>2591133</v>
      </c>
      <c r="B9439" t="s">
        <v>2200</v>
      </c>
      <c r="C9439" t="s">
        <v>8479</v>
      </c>
      <c r="D9439" t="s">
        <v>8499</v>
      </c>
    </row>
    <row r="9440" spans="1:4" x14ac:dyDescent="0.4">
      <c r="A9440">
        <v>2591112</v>
      </c>
      <c r="B9440" t="s">
        <v>2200</v>
      </c>
      <c r="C9440" t="s">
        <v>8479</v>
      </c>
      <c r="D9440" t="s">
        <v>8500</v>
      </c>
    </row>
    <row r="9441" spans="1:4" x14ac:dyDescent="0.4">
      <c r="A9441">
        <v>2591117</v>
      </c>
      <c r="B9441" t="s">
        <v>2200</v>
      </c>
      <c r="C9441" t="s">
        <v>8479</v>
      </c>
      <c r="D9441" t="s">
        <v>8501</v>
      </c>
    </row>
    <row r="9442" spans="1:4" x14ac:dyDescent="0.4">
      <c r="A9442">
        <v>2591101</v>
      </c>
      <c r="B9442" t="s">
        <v>2200</v>
      </c>
      <c r="C9442" t="s">
        <v>8479</v>
      </c>
      <c r="D9442" t="s">
        <v>8502</v>
      </c>
    </row>
    <row r="9443" spans="1:4" x14ac:dyDescent="0.4">
      <c r="A9443">
        <v>2591118</v>
      </c>
      <c r="B9443" t="s">
        <v>2200</v>
      </c>
      <c r="C9443" t="s">
        <v>8479</v>
      </c>
      <c r="D9443" t="s">
        <v>8503</v>
      </c>
    </row>
    <row r="9444" spans="1:4" x14ac:dyDescent="0.4">
      <c r="A9444">
        <v>2430400</v>
      </c>
      <c r="B9444" t="s">
        <v>2200</v>
      </c>
      <c r="C9444" t="s">
        <v>8504</v>
      </c>
    </row>
    <row r="9445" spans="1:4" x14ac:dyDescent="0.4">
      <c r="A9445">
        <v>2430423</v>
      </c>
      <c r="B9445" t="s">
        <v>2200</v>
      </c>
      <c r="C9445" t="s">
        <v>8504</v>
      </c>
      <c r="D9445" t="s">
        <v>8505</v>
      </c>
    </row>
    <row r="9446" spans="1:4" x14ac:dyDescent="0.4">
      <c r="A9446">
        <v>2430411</v>
      </c>
      <c r="B9446" t="s">
        <v>2200</v>
      </c>
      <c r="C9446" t="s">
        <v>8504</v>
      </c>
      <c r="D9446" t="s">
        <v>1718</v>
      </c>
    </row>
    <row r="9447" spans="1:4" x14ac:dyDescent="0.4">
      <c r="A9447">
        <v>2430419</v>
      </c>
      <c r="B9447" t="s">
        <v>2200</v>
      </c>
      <c r="C9447" t="s">
        <v>8504</v>
      </c>
      <c r="D9447" t="s">
        <v>8506</v>
      </c>
    </row>
    <row r="9448" spans="1:4" x14ac:dyDescent="0.4">
      <c r="A9448">
        <v>2430418</v>
      </c>
      <c r="B9448" t="s">
        <v>2200</v>
      </c>
      <c r="C9448" t="s">
        <v>8504</v>
      </c>
      <c r="D9448" t="s">
        <v>8507</v>
      </c>
    </row>
    <row r="9449" spans="1:4" x14ac:dyDescent="0.4">
      <c r="A9449">
        <v>2430402</v>
      </c>
      <c r="B9449" t="s">
        <v>2200</v>
      </c>
      <c r="C9449" t="s">
        <v>8504</v>
      </c>
      <c r="D9449" t="s">
        <v>8508</v>
      </c>
    </row>
    <row r="9450" spans="1:4" x14ac:dyDescent="0.4">
      <c r="A9450">
        <v>2430404</v>
      </c>
      <c r="B9450" t="s">
        <v>2200</v>
      </c>
      <c r="C9450" t="s">
        <v>8504</v>
      </c>
      <c r="D9450" t="s">
        <v>8509</v>
      </c>
    </row>
    <row r="9451" spans="1:4" x14ac:dyDescent="0.4">
      <c r="A9451">
        <v>2430426</v>
      </c>
      <c r="B9451" t="s">
        <v>2200</v>
      </c>
      <c r="C9451" t="s">
        <v>8504</v>
      </c>
      <c r="D9451" t="s">
        <v>8510</v>
      </c>
    </row>
    <row r="9452" spans="1:4" x14ac:dyDescent="0.4">
      <c r="A9452">
        <v>2430431</v>
      </c>
      <c r="B9452" t="s">
        <v>2200</v>
      </c>
      <c r="C9452" t="s">
        <v>8504</v>
      </c>
      <c r="D9452" t="s">
        <v>8511</v>
      </c>
    </row>
    <row r="9453" spans="1:4" x14ac:dyDescent="0.4">
      <c r="A9453">
        <v>2430434</v>
      </c>
      <c r="B9453" t="s">
        <v>2200</v>
      </c>
      <c r="C9453" t="s">
        <v>8504</v>
      </c>
      <c r="D9453" t="s">
        <v>8512</v>
      </c>
    </row>
    <row r="9454" spans="1:4" x14ac:dyDescent="0.4">
      <c r="A9454">
        <v>2430415</v>
      </c>
      <c r="B9454" t="s">
        <v>2200</v>
      </c>
      <c r="C9454" t="s">
        <v>8504</v>
      </c>
      <c r="D9454" t="s">
        <v>8513</v>
      </c>
    </row>
    <row r="9455" spans="1:4" x14ac:dyDescent="0.4">
      <c r="A9455">
        <v>2430433</v>
      </c>
      <c r="B9455" t="s">
        <v>2200</v>
      </c>
      <c r="C9455" t="s">
        <v>8504</v>
      </c>
      <c r="D9455" t="s">
        <v>8514</v>
      </c>
    </row>
    <row r="9456" spans="1:4" x14ac:dyDescent="0.4">
      <c r="A9456">
        <v>2430413</v>
      </c>
      <c r="B9456" t="s">
        <v>2200</v>
      </c>
      <c r="C9456" t="s">
        <v>8504</v>
      </c>
      <c r="D9456" t="s">
        <v>8515</v>
      </c>
    </row>
    <row r="9457" spans="1:4" x14ac:dyDescent="0.4">
      <c r="A9457">
        <v>2430405</v>
      </c>
      <c r="B9457" t="s">
        <v>2200</v>
      </c>
      <c r="C9457" t="s">
        <v>8504</v>
      </c>
      <c r="D9457" t="s">
        <v>8516</v>
      </c>
    </row>
    <row r="9458" spans="1:4" x14ac:dyDescent="0.4">
      <c r="A9458">
        <v>2430406</v>
      </c>
      <c r="B9458" t="s">
        <v>2200</v>
      </c>
      <c r="C9458" t="s">
        <v>8504</v>
      </c>
      <c r="D9458" t="s">
        <v>8517</v>
      </c>
    </row>
    <row r="9459" spans="1:4" x14ac:dyDescent="0.4">
      <c r="A9459">
        <v>2430421</v>
      </c>
      <c r="B9459" t="s">
        <v>2200</v>
      </c>
      <c r="C9459" t="s">
        <v>8504</v>
      </c>
      <c r="D9459" t="s">
        <v>8518</v>
      </c>
    </row>
    <row r="9460" spans="1:4" x14ac:dyDescent="0.4">
      <c r="A9460">
        <v>2430435</v>
      </c>
      <c r="B9460" t="s">
        <v>2200</v>
      </c>
      <c r="C9460" t="s">
        <v>8504</v>
      </c>
      <c r="D9460" t="s">
        <v>8519</v>
      </c>
    </row>
    <row r="9461" spans="1:4" x14ac:dyDescent="0.4">
      <c r="A9461">
        <v>2430424</v>
      </c>
      <c r="B9461" t="s">
        <v>2200</v>
      </c>
      <c r="C9461" t="s">
        <v>8504</v>
      </c>
      <c r="D9461" t="s">
        <v>8520</v>
      </c>
    </row>
    <row r="9462" spans="1:4" x14ac:dyDescent="0.4">
      <c r="A9462">
        <v>2430414</v>
      </c>
      <c r="B9462" t="s">
        <v>2200</v>
      </c>
      <c r="C9462" t="s">
        <v>8504</v>
      </c>
      <c r="D9462" t="s">
        <v>8521</v>
      </c>
    </row>
    <row r="9463" spans="1:4" x14ac:dyDescent="0.4">
      <c r="A9463">
        <v>2430410</v>
      </c>
      <c r="B9463" t="s">
        <v>2200</v>
      </c>
      <c r="C9463" t="s">
        <v>8504</v>
      </c>
      <c r="D9463" t="s">
        <v>8522</v>
      </c>
    </row>
    <row r="9464" spans="1:4" x14ac:dyDescent="0.4">
      <c r="A9464">
        <v>2430427</v>
      </c>
      <c r="B9464" t="s">
        <v>2200</v>
      </c>
      <c r="C9464" t="s">
        <v>8504</v>
      </c>
      <c r="D9464" t="s">
        <v>8523</v>
      </c>
    </row>
    <row r="9465" spans="1:4" x14ac:dyDescent="0.4">
      <c r="A9465">
        <v>2430432</v>
      </c>
      <c r="B9465" t="s">
        <v>2200</v>
      </c>
      <c r="C9465" t="s">
        <v>8504</v>
      </c>
      <c r="D9465" t="s">
        <v>184</v>
      </c>
    </row>
    <row r="9466" spans="1:4" x14ac:dyDescent="0.4">
      <c r="A9466">
        <v>2430416</v>
      </c>
      <c r="B9466" t="s">
        <v>2200</v>
      </c>
      <c r="C9466" t="s">
        <v>8504</v>
      </c>
      <c r="D9466" t="s">
        <v>8524</v>
      </c>
    </row>
    <row r="9467" spans="1:4" x14ac:dyDescent="0.4">
      <c r="A9467">
        <v>2430422</v>
      </c>
      <c r="B9467" t="s">
        <v>2200</v>
      </c>
      <c r="C9467" t="s">
        <v>8504</v>
      </c>
      <c r="D9467" t="s">
        <v>8197</v>
      </c>
    </row>
    <row r="9468" spans="1:4" x14ac:dyDescent="0.4">
      <c r="A9468">
        <v>2430425</v>
      </c>
      <c r="B9468" t="s">
        <v>2200</v>
      </c>
      <c r="C9468" t="s">
        <v>8504</v>
      </c>
      <c r="D9468" t="s">
        <v>194</v>
      </c>
    </row>
    <row r="9469" spans="1:4" x14ac:dyDescent="0.4">
      <c r="A9469">
        <v>2430412</v>
      </c>
      <c r="B9469" t="s">
        <v>2200</v>
      </c>
      <c r="C9469" t="s">
        <v>8504</v>
      </c>
      <c r="D9469" t="s">
        <v>8525</v>
      </c>
    </row>
    <row r="9470" spans="1:4" x14ac:dyDescent="0.4">
      <c r="A9470">
        <v>2430401</v>
      </c>
      <c r="B9470" t="s">
        <v>2200</v>
      </c>
      <c r="C9470" t="s">
        <v>8504</v>
      </c>
      <c r="D9470" t="s">
        <v>8526</v>
      </c>
    </row>
    <row r="9471" spans="1:4" x14ac:dyDescent="0.4">
      <c r="A9471">
        <v>2430417</v>
      </c>
      <c r="B9471" t="s">
        <v>2200</v>
      </c>
      <c r="C9471" t="s">
        <v>8504</v>
      </c>
      <c r="D9471" t="s">
        <v>210</v>
      </c>
    </row>
    <row r="9472" spans="1:4" x14ac:dyDescent="0.4">
      <c r="A9472">
        <v>2430403</v>
      </c>
      <c r="B9472" t="s">
        <v>2200</v>
      </c>
      <c r="C9472" t="s">
        <v>8504</v>
      </c>
      <c r="D9472" t="s">
        <v>8527</v>
      </c>
    </row>
    <row r="9473" spans="1:4" x14ac:dyDescent="0.4">
      <c r="A9473">
        <v>2280000</v>
      </c>
      <c r="B9473" t="s">
        <v>2200</v>
      </c>
      <c r="C9473" t="s">
        <v>8528</v>
      </c>
    </row>
    <row r="9474" spans="1:4" x14ac:dyDescent="0.4">
      <c r="A9474">
        <v>2280024</v>
      </c>
      <c r="B9474" t="s">
        <v>2200</v>
      </c>
      <c r="C9474" t="s">
        <v>8528</v>
      </c>
      <c r="D9474" t="s">
        <v>832</v>
      </c>
    </row>
    <row r="9475" spans="1:4" x14ac:dyDescent="0.4">
      <c r="A9475">
        <v>2280013</v>
      </c>
      <c r="B9475" t="s">
        <v>2200</v>
      </c>
      <c r="C9475" t="s">
        <v>8528</v>
      </c>
      <c r="D9475" t="s">
        <v>1375</v>
      </c>
    </row>
    <row r="9476" spans="1:4" x14ac:dyDescent="0.4">
      <c r="A9476">
        <v>2280014</v>
      </c>
      <c r="B9476" t="s">
        <v>2200</v>
      </c>
      <c r="C9476" t="s">
        <v>8528</v>
      </c>
      <c r="D9476" t="s">
        <v>8529</v>
      </c>
    </row>
    <row r="9477" spans="1:4" x14ac:dyDescent="0.4">
      <c r="A9477">
        <v>2280002</v>
      </c>
      <c r="B9477" t="s">
        <v>2200</v>
      </c>
      <c r="C9477" t="s">
        <v>8528</v>
      </c>
      <c r="D9477" t="s">
        <v>8530</v>
      </c>
    </row>
    <row r="9478" spans="1:4" x14ac:dyDescent="0.4">
      <c r="A9478">
        <v>2280001</v>
      </c>
      <c r="B9478" t="s">
        <v>2200</v>
      </c>
      <c r="C9478" t="s">
        <v>8528</v>
      </c>
      <c r="D9478" t="s">
        <v>8531</v>
      </c>
    </row>
    <row r="9479" spans="1:4" x14ac:dyDescent="0.4">
      <c r="A9479">
        <v>2280005</v>
      </c>
      <c r="B9479" t="s">
        <v>2200</v>
      </c>
      <c r="C9479" t="s">
        <v>8528</v>
      </c>
      <c r="D9479" t="s">
        <v>8532</v>
      </c>
    </row>
    <row r="9480" spans="1:4" x14ac:dyDescent="0.4">
      <c r="A9480">
        <v>2280027</v>
      </c>
      <c r="B9480" t="s">
        <v>2200</v>
      </c>
      <c r="C9480" t="s">
        <v>8528</v>
      </c>
      <c r="D9480" t="s">
        <v>8533</v>
      </c>
    </row>
    <row r="9481" spans="1:4" x14ac:dyDescent="0.4">
      <c r="A9481">
        <v>2280026</v>
      </c>
      <c r="B9481" t="s">
        <v>2200</v>
      </c>
      <c r="C9481" t="s">
        <v>8528</v>
      </c>
      <c r="D9481" t="s">
        <v>8534</v>
      </c>
    </row>
    <row r="9482" spans="1:4" x14ac:dyDescent="0.4">
      <c r="A9482">
        <v>2280011</v>
      </c>
      <c r="B9482" t="s">
        <v>2200</v>
      </c>
      <c r="C9482" t="s">
        <v>8528</v>
      </c>
      <c r="D9482" t="s">
        <v>8309</v>
      </c>
    </row>
    <row r="9483" spans="1:4" x14ac:dyDescent="0.4">
      <c r="A9483">
        <v>2280023</v>
      </c>
      <c r="B9483" t="s">
        <v>2200</v>
      </c>
      <c r="C9483" t="s">
        <v>8528</v>
      </c>
      <c r="D9483" t="s">
        <v>8388</v>
      </c>
    </row>
    <row r="9484" spans="1:4" x14ac:dyDescent="0.4">
      <c r="A9484">
        <v>2280016</v>
      </c>
      <c r="B9484" t="s">
        <v>2200</v>
      </c>
      <c r="C9484" t="s">
        <v>8528</v>
      </c>
      <c r="D9484" t="s">
        <v>8535</v>
      </c>
    </row>
    <row r="9485" spans="1:4" x14ac:dyDescent="0.4">
      <c r="A9485">
        <v>2280004</v>
      </c>
      <c r="B9485" t="s">
        <v>2200</v>
      </c>
      <c r="C9485" t="s">
        <v>8528</v>
      </c>
      <c r="D9485" t="s">
        <v>8536</v>
      </c>
    </row>
    <row r="9486" spans="1:4" x14ac:dyDescent="0.4">
      <c r="A9486">
        <v>2280003</v>
      </c>
      <c r="B9486" t="s">
        <v>2200</v>
      </c>
      <c r="C9486" t="s">
        <v>8528</v>
      </c>
      <c r="D9486" t="s">
        <v>488</v>
      </c>
    </row>
    <row r="9487" spans="1:4" x14ac:dyDescent="0.4">
      <c r="A9487">
        <v>2280012</v>
      </c>
      <c r="B9487" t="s">
        <v>2200</v>
      </c>
      <c r="C9487" t="s">
        <v>8528</v>
      </c>
      <c r="D9487" t="s">
        <v>8537</v>
      </c>
    </row>
    <row r="9488" spans="1:4" x14ac:dyDescent="0.4">
      <c r="A9488">
        <v>2280021</v>
      </c>
      <c r="B9488" t="s">
        <v>2200</v>
      </c>
      <c r="C9488" t="s">
        <v>8528</v>
      </c>
      <c r="D9488" t="s">
        <v>506</v>
      </c>
    </row>
    <row r="9489" spans="1:4" x14ac:dyDescent="0.4">
      <c r="A9489">
        <v>2280015</v>
      </c>
      <c r="B9489" t="s">
        <v>2200</v>
      </c>
      <c r="C9489" t="s">
        <v>8528</v>
      </c>
      <c r="D9489" t="s">
        <v>8538</v>
      </c>
    </row>
    <row r="9490" spans="1:4" x14ac:dyDescent="0.4">
      <c r="A9490">
        <v>2280022</v>
      </c>
      <c r="B9490" t="s">
        <v>2200</v>
      </c>
      <c r="C9490" t="s">
        <v>8528</v>
      </c>
      <c r="D9490" t="s">
        <v>8539</v>
      </c>
    </row>
    <row r="9491" spans="1:4" x14ac:dyDescent="0.4">
      <c r="A9491">
        <v>2280025</v>
      </c>
      <c r="B9491" t="s">
        <v>2200</v>
      </c>
      <c r="C9491" t="s">
        <v>8528</v>
      </c>
      <c r="D9491" t="s">
        <v>7758</v>
      </c>
    </row>
    <row r="9492" spans="1:4" x14ac:dyDescent="0.4">
      <c r="A9492">
        <v>2500100</v>
      </c>
      <c r="B9492" t="s">
        <v>2200</v>
      </c>
      <c r="C9492" t="s">
        <v>8540</v>
      </c>
    </row>
    <row r="9493" spans="1:4" x14ac:dyDescent="0.4">
      <c r="A9493">
        <v>2500134</v>
      </c>
      <c r="B9493" t="s">
        <v>2200</v>
      </c>
      <c r="C9493" t="s">
        <v>8540</v>
      </c>
      <c r="D9493" t="s">
        <v>6783</v>
      </c>
    </row>
    <row r="9494" spans="1:4" x14ac:dyDescent="0.4">
      <c r="A9494">
        <v>2500122</v>
      </c>
      <c r="B9494" t="s">
        <v>2200</v>
      </c>
      <c r="C9494" t="s">
        <v>8540</v>
      </c>
      <c r="D9494" t="s">
        <v>8541</v>
      </c>
    </row>
    <row r="9495" spans="1:4" x14ac:dyDescent="0.4">
      <c r="A9495">
        <v>2500124</v>
      </c>
      <c r="B9495" t="s">
        <v>2200</v>
      </c>
      <c r="C9495" t="s">
        <v>8540</v>
      </c>
      <c r="D9495" t="s">
        <v>8542</v>
      </c>
    </row>
    <row r="9496" spans="1:4" x14ac:dyDescent="0.4">
      <c r="A9496">
        <v>2500113</v>
      </c>
      <c r="B9496" t="s">
        <v>2200</v>
      </c>
      <c r="C9496" t="s">
        <v>8540</v>
      </c>
      <c r="D9496" t="s">
        <v>8543</v>
      </c>
    </row>
    <row r="9497" spans="1:4" x14ac:dyDescent="0.4">
      <c r="A9497">
        <v>2500131</v>
      </c>
      <c r="B9497" t="s">
        <v>2200</v>
      </c>
      <c r="C9497" t="s">
        <v>8540</v>
      </c>
      <c r="D9497" t="s">
        <v>6644</v>
      </c>
    </row>
    <row r="9498" spans="1:4" x14ac:dyDescent="0.4">
      <c r="A9498">
        <v>2500126</v>
      </c>
      <c r="B9498" t="s">
        <v>2200</v>
      </c>
      <c r="C9498" t="s">
        <v>8540</v>
      </c>
      <c r="D9498" t="s">
        <v>8544</v>
      </c>
    </row>
    <row r="9499" spans="1:4" x14ac:dyDescent="0.4">
      <c r="A9499">
        <v>2500135</v>
      </c>
      <c r="B9499" t="s">
        <v>2200</v>
      </c>
      <c r="C9499" t="s">
        <v>8540</v>
      </c>
      <c r="D9499" t="s">
        <v>8545</v>
      </c>
    </row>
    <row r="9500" spans="1:4" x14ac:dyDescent="0.4">
      <c r="A9500">
        <v>2500114</v>
      </c>
      <c r="B9500" t="s">
        <v>2200</v>
      </c>
      <c r="C9500" t="s">
        <v>8540</v>
      </c>
      <c r="D9500" t="s">
        <v>8546</v>
      </c>
    </row>
    <row r="9501" spans="1:4" x14ac:dyDescent="0.4">
      <c r="A9501">
        <v>2500107</v>
      </c>
      <c r="B9501" t="s">
        <v>2200</v>
      </c>
      <c r="C9501" t="s">
        <v>8540</v>
      </c>
      <c r="D9501" t="s">
        <v>8547</v>
      </c>
    </row>
    <row r="9502" spans="1:4" x14ac:dyDescent="0.4">
      <c r="A9502">
        <v>2500132</v>
      </c>
      <c r="B9502" t="s">
        <v>2200</v>
      </c>
      <c r="C9502" t="s">
        <v>8540</v>
      </c>
      <c r="D9502" t="s">
        <v>8548</v>
      </c>
    </row>
    <row r="9503" spans="1:4" x14ac:dyDescent="0.4">
      <c r="A9503">
        <v>2500125</v>
      </c>
      <c r="B9503" t="s">
        <v>2200</v>
      </c>
      <c r="C9503" t="s">
        <v>8540</v>
      </c>
      <c r="D9503" t="s">
        <v>8549</v>
      </c>
    </row>
    <row r="9504" spans="1:4" x14ac:dyDescent="0.4">
      <c r="A9504">
        <v>2500105</v>
      </c>
      <c r="B9504" t="s">
        <v>2200</v>
      </c>
      <c r="C9504" t="s">
        <v>8540</v>
      </c>
      <c r="D9504" t="s">
        <v>8550</v>
      </c>
    </row>
    <row r="9505" spans="1:4" x14ac:dyDescent="0.4">
      <c r="A9505">
        <v>2500102</v>
      </c>
      <c r="B9505" t="s">
        <v>2200</v>
      </c>
      <c r="C9505" t="s">
        <v>8540</v>
      </c>
      <c r="D9505" t="s">
        <v>8551</v>
      </c>
    </row>
    <row r="9506" spans="1:4" x14ac:dyDescent="0.4">
      <c r="A9506">
        <v>2500127</v>
      </c>
      <c r="B9506" t="s">
        <v>2200</v>
      </c>
      <c r="C9506" t="s">
        <v>8540</v>
      </c>
      <c r="D9506" t="s">
        <v>8552</v>
      </c>
    </row>
    <row r="9507" spans="1:4" x14ac:dyDescent="0.4">
      <c r="A9507">
        <v>2500111</v>
      </c>
      <c r="B9507" t="s">
        <v>2200</v>
      </c>
      <c r="C9507" t="s">
        <v>8540</v>
      </c>
      <c r="D9507" t="s">
        <v>8553</v>
      </c>
    </row>
    <row r="9508" spans="1:4" x14ac:dyDescent="0.4">
      <c r="A9508">
        <v>2500117</v>
      </c>
      <c r="B9508" t="s">
        <v>2200</v>
      </c>
      <c r="C9508" t="s">
        <v>8540</v>
      </c>
      <c r="D9508" t="s">
        <v>4143</v>
      </c>
    </row>
    <row r="9509" spans="1:4" x14ac:dyDescent="0.4">
      <c r="A9509">
        <v>2500123</v>
      </c>
      <c r="B9509" t="s">
        <v>2200</v>
      </c>
      <c r="C9509" t="s">
        <v>8540</v>
      </c>
      <c r="D9509" t="s">
        <v>8554</v>
      </c>
    </row>
    <row r="9510" spans="1:4" x14ac:dyDescent="0.4">
      <c r="A9510">
        <v>2500106</v>
      </c>
      <c r="B9510" t="s">
        <v>2200</v>
      </c>
      <c r="C9510" t="s">
        <v>8540</v>
      </c>
      <c r="D9510" t="s">
        <v>4162</v>
      </c>
    </row>
    <row r="9511" spans="1:4" x14ac:dyDescent="0.4">
      <c r="A9511">
        <v>2500115</v>
      </c>
      <c r="B9511" t="s">
        <v>2200</v>
      </c>
      <c r="C9511" t="s">
        <v>8540</v>
      </c>
      <c r="D9511" t="s">
        <v>8555</v>
      </c>
    </row>
    <row r="9512" spans="1:4" x14ac:dyDescent="0.4">
      <c r="A9512">
        <v>2500121</v>
      </c>
      <c r="B9512" t="s">
        <v>2200</v>
      </c>
      <c r="C9512" t="s">
        <v>8540</v>
      </c>
      <c r="D9512" t="s">
        <v>2766</v>
      </c>
    </row>
    <row r="9513" spans="1:4" x14ac:dyDescent="0.4">
      <c r="A9513">
        <v>2500133</v>
      </c>
      <c r="B9513" t="s">
        <v>2200</v>
      </c>
      <c r="C9513" t="s">
        <v>8540</v>
      </c>
      <c r="D9513" t="s">
        <v>8556</v>
      </c>
    </row>
    <row r="9514" spans="1:4" x14ac:dyDescent="0.4">
      <c r="A9514">
        <v>2500101</v>
      </c>
      <c r="B9514" t="s">
        <v>2200</v>
      </c>
      <c r="C9514" t="s">
        <v>8540</v>
      </c>
      <c r="D9514" t="s">
        <v>8557</v>
      </c>
    </row>
    <row r="9515" spans="1:4" x14ac:dyDescent="0.4">
      <c r="A9515">
        <v>2500103</v>
      </c>
      <c r="B9515" t="s">
        <v>2200</v>
      </c>
      <c r="C9515" t="s">
        <v>8540</v>
      </c>
      <c r="D9515" t="s">
        <v>8558</v>
      </c>
    </row>
    <row r="9516" spans="1:4" x14ac:dyDescent="0.4">
      <c r="A9516">
        <v>2500116</v>
      </c>
      <c r="B9516" t="s">
        <v>2200</v>
      </c>
      <c r="C9516" t="s">
        <v>8540</v>
      </c>
      <c r="D9516" t="s">
        <v>8559</v>
      </c>
    </row>
    <row r="9517" spans="1:4" x14ac:dyDescent="0.4">
      <c r="A9517">
        <v>2500104</v>
      </c>
      <c r="B9517" t="s">
        <v>2200</v>
      </c>
      <c r="C9517" t="s">
        <v>8540</v>
      </c>
      <c r="D9517" t="s">
        <v>8560</v>
      </c>
    </row>
    <row r="9518" spans="1:4" x14ac:dyDescent="0.4">
      <c r="A9518">
        <v>2500136</v>
      </c>
      <c r="B9518" t="s">
        <v>2200</v>
      </c>
      <c r="C9518" t="s">
        <v>8540</v>
      </c>
      <c r="D9518" t="s">
        <v>8561</v>
      </c>
    </row>
    <row r="9519" spans="1:4" x14ac:dyDescent="0.4">
      <c r="A9519">
        <v>2500112</v>
      </c>
      <c r="B9519" t="s">
        <v>2200</v>
      </c>
      <c r="C9519" t="s">
        <v>8540</v>
      </c>
      <c r="D9519" t="s">
        <v>8562</v>
      </c>
    </row>
    <row r="9520" spans="1:4" x14ac:dyDescent="0.4">
      <c r="A9520">
        <v>2521100</v>
      </c>
      <c r="B9520" t="s">
        <v>2200</v>
      </c>
      <c r="C9520" t="s">
        <v>8563</v>
      </c>
    </row>
    <row r="9521" spans="1:4" x14ac:dyDescent="0.4">
      <c r="A9521">
        <v>2521101</v>
      </c>
      <c r="B9521" t="s">
        <v>2200</v>
      </c>
      <c r="C9521" t="s">
        <v>8563</v>
      </c>
      <c r="D9521" t="s">
        <v>8564</v>
      </c>
    </row>
    <row r="9522" spans="1:4" x14ac:dyDescent="0.4">
      <c r="A9522">
        <v>2521104</v>
      </c>
      <c r="B9522" t="s">
        <v>2200</v>
      </c>
      <c r="C9522" t="s">
        <v>8563</v>
      </c>
      <c r="D9522" t="s">
        <v>7143</v>
      </c>
    </row>
    <row r="9523" spans="1:4" x14ac:dyDescent="0.4">
      <c r="A9523">
        <v>2521115</v>
      </c>
      <c r="B9523" t="s">
        <v>2200</v>
      </c>
      <c r="C9523" t="s">
        <v>8563</v>
      </c>
      <c r="D9523" t="s">
        <v>8565</v>
      </c>
    </row>
    <row r="9524" spans="1:4" x14ac:dyDescent="0.4">
      <c r="A9524">
        <v>2521116</v>
      </c>
      <c r="B9524" t="s">
        <v>2200</v>
      </c>
      <c r="C9524" t="s">
        <v>8563</v>
      </c>
      <c r="D9524" t="s">
        <v>8566</v>
      </c>
    </row>
    <row r="9525" spans="1:4" x14ac:dyDescent="0.4">
      <c r="A9525">
        <v>2521112</v>
      </c>
      <c r="B9525" t="s">
        <v>2200</v>
      </c>
      <c r="C9525" t="s">
        <v>8563</v>
      </c>
      <c r="D9525" t="s">
        <v>8567</v>
      </c>
    </row>
    <row r="9526" spans="1:4" x14ac:dyDescent="0.4">
      <c r="A9526">
        <v>2521113</v>
      </c>
      <c r="B9526" t="s">
        <v>2200</v>
      </c>
      <c r="C9526" t="s">
        <v>8563</v>
      </c>
      <c r="D9526" t="s">
        <v>8568</v>
      </c>
    </row>
    <row r="9527" spans="1:4" x14ac:dyDescent="0.4">
      <c r="A9527">
        <v>2521114</v>
      </c>
      <c r="B9527" t="s">
        <v>2200</v>
      </c>
      <c r="C9527" t="s">
        <v>8563</v>
      </c>
      <c r="D9527" t="s">
        <v>8569</v>
      </c>
    </row>
    <row r="9528" spans="1:4" x14ac:dyDescent="0.4">
      <c r="A9528">
        <v>2521111</v>
      </c>
      <c r="B9528" t="s">
        <v>2200</v>
      </c>
      <c r="C9528" t="s">
        <v>8563</v>
      </c>
      <c r="D9528" t="s">
        <v>8570</v>
      </c>
    </row>
    <row r="9529" spans="1:4" x14ac:dyDescent="0.4">
      <c r="A9529">
        <v>2521121</v>
      </c>
      <c r="B9529" t="s">
        <v>2200</v>
      </c>
      <c r="C9529" t="s">
        <v>8563</v>
      </c>
      <c r="D9529" t="s">
        <v>6230</v>
      </c>
    </row>
    <row r="9530" spans="1:4" x14ac:dyDescent="0.4">
      <c r="A9530">
        <v>2521122</v>
      </c>
      <c r="B9530" t="s">
        <v>2200</v>
      </c>
      <c r="C9530" t="s">
        <v>8563</v>
      </c>
      <c r="D9530" t="s">
        <v>8571</v>
      </c>
    </row>
    <row r="9531" spans="1:4" x14ac:dyDescent="0.4">
      <c r="A9531">
        <v>2521105</v>
      </c>
      <c r="B9531" t="s">
        <v>2200</v>
      </c>
      <c r="C9531" t="s">
        <v>8563</v>
      </c>
      <c r="D9531" t="s">
        <v>8572</v>
      </c>
    </row>
    <row r="9532" spans="1:4" x14ac:dyDescent="0.4">
      <c r="A9532">
        <v>2521135</v>
      </c>
      <c r="B9532" t="s">
        <v>2200</v>
      </c>
      <c r="C9532" t="s">
        <v>8563</v>
      </c>
      <c r="D9532" t="s">
        <v>8573</v>
      </c>
    </row>
    <row r="9533" spans="1:4" x14ac:dyDescent="0.4">
      <c r="A9533">
        <v>2521132</v>
      </c>
      <c r="B9533" t="s">
        <v>2200</v>
      </c>
      <c r="C9533" t="s">
        <v>8563</v>
      </c>
      <c r="D9533" t="s">
        <v>8574</v>
      </c>
    </row>
    <row r="9534" spans="1:4" x14ac:dyDescent="0.4">
      <c r="A9534">
        <v>2521136</v>
      </c>
      <c r="B9534" t="s">
        <v>2200</v>
      </c>
      <c r="C9534" t="s">
        <v>8563</v>
      </c>
      <c r="D9534" t="s">
        <v>8575</v>
      </c>
    </row>
    <row r="9535" spans="1:4" x14ac:dyDescent="0.4">
      <c r="A9535">
        <v>2521134</v>
      </c>
      <c r="B9535" t="s">
        <v>2200</v>
      </c>
      <c r="C9535" t="s">
        <v>8563</v>
      </c>
      <c r="D9535" t="s">
        <v>8576</v>
      </c>
    </row>
    <row r="9536" spans="1:4" x14ac:dyDescent="0.4">
      <c r="A9536">
        <v>2521131</v>
      </c>
      <c r="B9536" t="s">
        <v>2200</v>
      </c>
      <c r="C9536" t="s">
        <v>8563</v>
      </c>
      <c r="D9536" t="s">
        <v>8577</v>
      </c>
    </row>
    <row r="9537" spans="1:4" x14ac:dyDescent="0.4">
      <c r="A9537">
        <v>2521137</v>
      </c>
      <c r="B9537" t="s">
        <v>2200</v>
      </c>
      <c r="C9537" t="s">
        <v>8563</v>
      </c>
      <c r="D9537" t="s">
        <v>2209</v>
      </c>
    </row>
    <row r="9538" spans="1:4" x14ac:dyDescent="0.4">
      <c r="A9538">
        <v>2521133</v>
      </c>
      <c r="B9538" t="s">
        <v>2200</v>
      </c>
      <c r="C9538" t="s">
        <v>8563</v>
      </c>
      <c r="D9538" t="s">
        <v>8578</v>
      </c>
    </row>
    <row r="9539" spans="1:4" x14ac:dyDescent="0.4">
      <c r="A9539">
        <v>2521123</v>
      </c>
      <c r="B9539" t="s">
        <v>2200</v>
      </c>
      <c r="C9539" t="s">
        <v>8563</v>
      </c>
      <c r="D9539" t="s">
        <v>8206</v>
      </c>
    </row>
    <row r="9540" spans="1:4" x14ac:dyDescent="0.4">
      <c r="A9540">
        <v>2521127</v>
      </c>
      <c r="B9540" t="s">
        <v>2200</v>
      </c>
      <c r="C9540" t="s">
        <v>8563</v>
      </c>
      <c r="D9540" t="s">
        <v>8579</v>
      </c>
    </row>
    <row r="9541" spans="1:4" x14ac:dyDescent="0.4">
      <c r="A9541">
        <v>2521103</v>
      </c>
      <c r="B9541" t="s">
        <v>2200</v>
      </c>
      <c r="C9541" t="s">
        <v>8563</v>
      </c>
      <c r="D9541" t="s">
        <v>6881</v>
      </c>
    </row>
    <row r="9542" spans="1:4" x14ac:dyDescent="0.4">
      <c r="A9542">
        <v>2521108</v>
      </c>
      <c r="B9542" t="s">
        <v>2200</v>
      </c>
      <c r="C9542" t="s">
        <v>8563</v>
      </c>
      <c r="D9542" t="s">
        <v>8580</v>
      </c>
    </row>
    <row r="9543" spans="1:4" x14ac:dyDescent="0.4">
      <c r="A9543">
        <v>2521107</v>
      </c>
      <c r="B9543" t="s">
        <v>2200</v>
      </c>
      <c r="C9543" t="s">
        <v>8563</v>
      </c>
      <c r="D9543" t="s">
        <v>8581</v>
      </c>
    </row>
    <row r="9544" spans="1:4" x14ac:dyDescent="0.4">
      <c r="A9544">
        <v>2521106</v>
      </c>
      <c r="B9544" t="s">
        <v>2200</v>
      </c>
      <c r="C9544" t="s">
        <v>8563</v>
      </c>
      <c r="D9544" t="s">
        <v>8582</v>
      </c>
    </row>
    <row r="9545" spans="1:4" x14ac:dyDescent="0.4">
      <c r="A9545">
        <v>2521102</v>
      </c>
      <c r="B9545" t="s">
        <v>2200</v>
      </c>
      <c r="C9545" t="s">
        <v>8563</v>
      </c>
      <c r="D9545" t="s">
        <v>8583</v>
      </c>
    </row>
    <row r="9546" spans="1:4" x14ac:dyDescent="0.4">
      <c r="A9546">
        <v>2521124</v>
      </c>
      <c r="B9546" t="s">
        <v>2200</v>
      </c>
      <c r="C9546" t="s">
        <v>8563</v>
      </c>
      <c r="D9546" t="s">
        <v>2173</v>
      </c>
    </row>
    <row r="9547" spans="1:4" x14ac:dyDescent="0.4">
      <c r="A9547">
        <v>2521125</v>
      </c>
      <c r="B9547" t="s">
        <v>2200</v>
      </c>
      <c r="C9547" t="s">
        <v>8563</v>
      </c>
      <c r="D9547" t="s">
        <v>8584</v>
      </c>
    </row>
    <row r="9548" spans="1:4" x14ac:dyDescent="0.4">
      <c r="A9548">
        <v>2521126</v>
      </c>
      <c r="B9548" t="s">
        <v>2200</v>
      </c>
      <c r="C9548" t="s">
        <v>8563</v>
      </c>
      <c r="D9548" t="s">
        <v>8585</v>
      </c>
    </row>
    <row r="9549" spans="1:4" x14ac:dyDescent="0.4">
      <c r="A9549">
        <v>2400100</v>
      </c>
      <c r="B9549" t="s">
        <v>2200</v>
      </c>
      <c r="C9549" t="s">
        <v>8586</v>
      </c>
    </row>
    <row r="9550" spans="1:4" x14ac:dyDescent="0.4">
      <c r="A9550">
        <v>2400111</v>
      </c>
      <c r="B9550" t="s">
        <v>2200</v>
      </c>
      <c r="C9550" t="s">
        <v>8586</v>
      </c>
      <c r="D9550" t="s">
        <v>2073</v>
      </c>
    </row>
    <row r="9551" spans="1:4" x14ac:dyDescent="0.4">
      <c r="A9551">
        <v>2400115</v>
      </c>
      <c r="B9551" t="s">
        <v>2200</v>
      </c>
      <c r="C9551" t="s">
        <v>8586</v>
      </c>
      <c r="D9551" t="s">
        <v>4285</v>
      </c>
    </row>
    <row r="9552" spans="1:4" x14ac:dyDescent="0.4">
      <c r="A9552">
        <v>2400114</v>
      </c>
      <c r="B9552" t="s">
        <v>2200</v>
      </c>
      <c r="C9552" t="s">
        <v>8586</v>
      </c>
      <c r="D9552" t="s">
        <v>8587</v>
      </c>
    </row>
    <row r="9553" spans="1:4" x14ac:dyDescent="0.4">
      <c r="A9553">
        <v>2400116</v>
      </c>
      <c r="B9553" t="s">
        <v>2200</v>
      </c>
      <c r="C9553" t="s">
        <v>8586</v>
      </c>
      <c r="D9553" t="s">
        <v>8588</v>
      </c>
    </row>
    <row r="9554" spans="1:4" x14ac:dyDescent="0.4">
      <c r="A9554">
        <v>2400113</v>
      </c>
      <c r="B9554" t="s">
        <v>2200</v>
      </c>
      <c r="C9554" t="s">
        <v>8586</v>
      </c>
      <c r="D9554" t="s">
        <v>8589</v>
      </c>
    </row>
    <row r="9555" spans="1:4" x14ac:dyDescent="0.4">
      <c r="A9555">
        <v>2400112</v>
      </c>
      <c r="B9555" t="s">
        <v>2200</v>
      </c>
      <c r="C9555" t="s">
        <v>8586</v>
      </c>
      <c r="D9555" t="s">
        <v>8590</v>
      </c>
    </row>
    <row r="9556" spans="1:4" x14ac:dyDescent="0.4">
      <c r="A9556">
        <v>2530100</v>
      </c>
      <c r="B9556" t="s">
        <v>2200</v>
      </c>
      <c r="C9556" t="s">
        <v>8591</v>
      </c>
    </row>
    <row r="9557" spans="1:4" x14ac:dyDescent="0.4">
      <c r="A9557">
        <v>2530111</v>
      </c>
      <c r="B9557" t="s">
        <v>2200</v>
      </c>
      <c r="C9557" t="s">
        <v>8591</v>
      </c>
      <c r="D9557" t="s">
        <v>8592</v>
      </c>
    </row>
    <row r="9558" spans="1:4" x14ac:dyDescent="0.4">
      <c r="A9558">
        <v>2530104</v>
      </c>
      <c r="B9558" t="s">
        <v>2200</v>
      </c>
      <c r="C9558" t="s">
        <v>8591</v>
      </c>
      <c r="D9558" t="s">
        <v>617</v>
      </c>
    </row>
    <row r="9559" spans="1:4" x14ac:dyDescent="0.4">
      <c r="A9559">
        <v>2530113</v>
      </c>
      <c r="B9559" t="s">
        <v>2200</v>
      </c>
      <c r="C9559" t="s">
        <v>8591</v>
      </c>
      <c r="D9559" t="s">
        <v>8593</v>
      </c>
    </row>
    <row r="9560" spans="1:4" x14ac:dyDescent="0.4">
      <c r="A9560">
        <v>2530105</v>
      </c>
      <c r="B9560" t="s">
        <v>2200</v>
      </c>
      <c r="C9560" t="s">
        <v>8591</v>
      </c>
      <c r="D9560" t="s">
        <v>1942</v>
      </c>
    </row>
    <row r="9561" spans="1:4" x14ac:dyDescent="0.4">
      <c r="A9561">
        <v>2530101</v>
      </c>
      <c r="B9561" t="s">
        <v>2200</v>
      </c>
      <c r="C9561" t="s">
        <v>8591</v>
      </c>
      <c r="D9561" t="s">
        <v>8594</v>
      </c>
    </row>
    <row r="9562" spans="1:4" x14ac:dyDescent="0.4">
      <c r="A9562">
        <v>2530103</v>
      </c>
      <c r="B9562" t="s">
        <v>2200</v>
      </c>
      <c r="C9562" t="s">
        <v>8591</v>
      </c>
      <c r="D9562" t="s">
        <v>1671</v>
      </c>
    </row>
    <row r="9563" spans="1:4" x14ac:dyDescent="0.4">
      <c r="A9563">
        <v>2530102</v>
      </c>
      <c r="B9563" t="s">
        <v>2200</v>
      </c>
      <c r="C9563" t="s">
        <v>8591</v>
      </c>
      <c r="D9563" t="s">
        <v>8595</v>
      </c>
    </row>
    <row r="9564" spans="1:4" x14ac:dyDescent="0.4">
      <c r="A9564">
        <v>2530114</v>
      </c>
      <c r="B9564" t="s">
        <v>2200</v>
      </c>
      <c r="C9564" t="s">
        <v>8591</v>
      </c>
      <c r="D9564" t="s">
        <v>8596</v>
      </c>
    </row>
    <row r="9565" spans="1:4" x14ac:dyDescent="0.4">
      <c r="A9565">
        <v>2530112</v>
      </c>
      <c r="B9565" t="s">
        <v>2200</v>
      </c>
      <c r="C9565" t="s">
        <v>8591</v>
      </c>
      <c r="D9565" t="s">
        <v>1757</v>
      </c>
    </row>
    <row r="9566" spans="1:4" x14ac:dyDescent="0.4">
      <c r="A9566">
        <v>2530106</v>
      </c>
      <c r="B9566" t="s">
        <v>2200</v>
      </c>
      <c r="C9566" t="s">
        <v>8591</v>
      </c>
      <c r="D9566" t="s">
        <v>4040</v>
      </c>
    </row>
    <row r="9567" spans="1:4" x14ac:dyDescent="0.4">
      <c r="A9567">
        <v>2550000</v>
      </c>
      <c r="B9567" t="s">
        <v>2200</v>
      </c>
      <c r="C9567" t="s">
        <v>8597</v>
      </c>
    </row>
    <row r="9568" spans="1:4" x14ac:dyDescent="0.4">
      <c r="A9568">
        <v>2590102</v>
      </c>
      <c r="B9568" t="s">
        <v>2200</v>
      </c>
      <c r="C9568" t="s">
        <v>8597</v>
      </c>
      <c r="D9568" t="s">
        <v>8598</v>
      </c>
    </row>
    <row r="9569" spans="1:4" x14ac:dyDescent="0.4">
      <c r="A9569">
        <v>2590113</v>
      </c>
      <c r="B9569" t="s">
        <v>2200</v>
      </c>
      <c r="C9569" t="s">
        <v>8597</v>
      </c>
      <c r="D9569" t="s">
        <v>8599</v>
      </c>
    </row>
    <row r="9570" spans="1:4" x14ac:dyDescent="0.4">
      <c r="A9570">
        <v>2550003</v>
      </c>
      <c r="B9570" t="s">
        <v>2200</v>
      </c>
      <c r="C9570" t="s">
        <v>8597</v>
      </c>
      <c r="D9570" t="s">
        <v>8600</v>
      </c>
    </row>
    <row r="9571" spans="1:4" x14ac:dyDescent="0.4">
      <c r="A9571">
        <v>2590114</v>
      </c>
      <c r="B9571" t="s">
        <v>2200</v>
      </c>
      <c r="C9571" t="s">
        <v>8597</v>
      </c>
      <c r="D9571" t="s">
        <v>8601</v>
      </c>
    </row>
    <row r="9572" spans="1:4" x14ac:dyDescent="0.4">
      <c r="A9572">
        <v>2590105</v>
      </c>
      <c r="B9572" t="s">
        <v>2200</v>
      </c>
      <c r="C9572" t="s">
        <v>8597</v>
      </c>
      <c r="D9572" t="s">
        <v>4335</v>
      </c>
    </row>
    <row r="9573" spans="1:4" x14ac:dyDescent="0.4">
      <c r="A9573">
        <v>2590112</v>
      </c>
      <c r="B9573" t="s">
        <v>2200</v>
      </c>
      <c r="C9573" t="s">
        <v>8597</v>
      </c>
      <c r="D9573" t="s">
        <v>8602</v>
      </c>
    </row>
    <row r="9574" spans="1:4" x14ac:dyDescent="0.4">
      <c r="A9574">
        <v>2590111</v>
      </c>
      <c r="B9574" t="s">
        <v>2200</v>
      </c>
      <c r="C9574" t="s">
        <v>8597</v>
      </c>
      <c r="D9574" t="s">
        <v>8603</v>
      </c>
    </row>
    <row r="9575" spans="1:4" x14ac:dyDescent="0.4">
      <c r="A9575">
        <v>2550001</v>
      </c>
      <c r="B9575" t="s">
        <v>2200</v>
      </c>
      <c r="C9575" t="s">
        <v>8597</v>
      </c>
      <c r="D9575" t="s">
        <v>8604</v>
      </c>
    </row>
    <row r="9576" spans="1:4" x14ac:dyDescent="0.4">
      <c r="A9576">
        <v>2590101</v>
      </c>
      <c r="B9576" t="s">
        <v>2200</v>
      </c>
      <c r="C9576" t="s">
        <v>8597</v>
      </c>
      <c r="D9576" t="s">
        <v>8605</v>
      </c>
    </row>
    <row r="9577" spans="1:4" x14ac:dyDescent="0.4">
      <c r="A9577">
        <v>2590104</v>
      </c>
      <c r="B9577" t="s">
        <v>2200</v>
      </c>
      <c r="C9577" t="s">
        <v>8597</v>
      </c>
      <c r="D9577" t="s">
        <v>3340</v>
      </c>
    </row>
    <row r="9578" spans="1:4" x14ac:dyDescent="0.4">
      <c r="A9578">
        <v>2550005</v>
      </c>
      <c r="B9578" t="s">
        <v>2200</v>
      </c>
      <c r="C9578" t="s">
        <v>8597</v>
      </c>
      <c r="D9578" t="s">
        <v>8606</v>
      </c>
    </row>
    <row r="9579" spans="1:4" x14ac:dyDescent="0.4">
      <c r="A9579">
        <v>2550004</v>
      </c>
      <c r="B9579" t="s">
        <v>2200</v>
      </c>
      <c r="C9579" t="s">
        <v>8597</v>
      </c>
      <c r="D9579" t="s">
        <v>8607</v>
      </c>
    </row>
    <row r="9580" spans="1:4" x14ac:dyDescent="0.4">
      <c r="A9580">
        <v>2550002</v>
      </c>
      <c r="B9580" t="s">
        <v>2200</v>
      </c>
      <c r="C9580" t="s">
        <v>8597</v>
      </c>
      <c r="D9580" t="s">
        <v>1526</v>
      </c>
    </row>
    <row r="9581" spans="1:4" x14ac:dyDescent="0.4">
      <c r="A9581">
        <v>2590103</v>
      </c>
      <c r="B9581" t="s">
        <v>2200</v>
      </c>
      <c r="C9581" t="s">
        <v>8597</v>
      </c>
      <c r="D9581" t="s">
        <v>8608</v>
      </c>
    </row>
    <row r="9582" spans="1:4" x14ac:dyDescent="0.4">
      <c r="A9582">
        <v>2590100</v>
      </c>
      <c r="B9582" t="s">
        <v>2200</v>
      </c>
      <c r="C9582" t="s">
        <v>8609</v>
      </c>
    </row>
    <row r="9583" spans="1:4" x14ac:dyDescent="0.4">
      <c r="A9583">
        <v>2590134</v>
      </c>
      <c r="B9583" t="s">
        <v>2200</v>
      </c>
      <c r="C9583" t="s">
        <v>8609</v>
      </c>
      <c r="D9583" t="s">
        <v>2073</v>
      </c>
    </row>
    <row r="9584" spans="1:4" x14ac:dyDescent="0.4">
      <c r="A9584">
        <v>2590125</v>
      </c>
      <c r="B9584" t="s">
        <v>2200</v>
      </c>
      <c r="C9584" t="s">
        <v>8609</v>
      </c>
      <c r="D9584" t="s">
        <v>8178</v>
      </c>
    </row>
    <row r="9585" spans="1:4" x14ac:dyDescent="0.4">
      <c r="A9585">
        <v>2590131</v>
      </c>
      <c r="B9585" t="s">
        <v>2200</v>
      </c>
      <c r="C9585" t="s">
        <v>8609</v>
      </c>
      <c r="D9585" t="s">
        <v>191</v>
      </c>
    </row>
    <row r="9586" spans="1:4" x14ac:dyDescent="0.4">
      <c r="A9586">
        <v>2590123</v>
      </c>
      <c r="B9586" t="s">
        <v>2200</v>
      </c>
      <c r="C9586" t="s">
        <v>8609</v>
      </c>
      <c r="D9586" t="s">
        <v>8610</v>
      </c>
    </row>
    <row r="9587" spans="1:4" x14ac:dyDescent="0.4">
      <c r="A9587">
        <v>2590122</v>
      </c>
      <c r="B9587" t="s">
        <v>2200</v>
      </c>
      <c r="C9587" t="s">
        <v>8609</v>
      </c>
      <c r="D9587" t="s">
        <v>2684</v>
      </c>
    </row>
    <row r="9588" spans="1:4" x14ac:dyDescent="0.4">
      <c r="A9588">
        <v>2590121</v>
      </c>
      <c r="B9588" t="s">
        <v>2200</v>
      </c>
      <c r="C9588" t="s">
        <v>8609</v>
      </c>
      <c r="D9588" t="s">
        <v>8611</v>
      </c>
    </row>
    <row r="9589" spans="1:4" x14ac:dyDescent="0.4">
      <c r="A9589">
        <v>2590132</v>
      </c>
      <c r="B9589" t="s">
        <v>2200</v>
      </c>
      <c r="C9589" t="s">
        <v>8609</v>
      </c>
      <c r="D9589" t="s">
        <v>693</v>
      </c>
    </row>
    <row r="9590" spans="1:4" x14ac:dyDescent="0.4">
      <c r="A9590">
        <v>2590124</v>
      </c>
      <c r="B9590" t="s">
        <v>2200</v>
      </c>
      <c r="C9590" t="s">
        <v>8609</v>
      </c>
      <c r="D9590" t="s">
        <v>8216</v>
      </c>
    </row>
    <row r="9591" spans="1:4" x14ac:dyDescent="0.4">
      <c r="A9591">
        <v>2590133</v>
      </c>
      <c r="B9591" t="s">
        <v>2200</v>
      </c>
      <c r="C9591" t="s">
        <v>8609</v>
      </c>
      <c r="D9591" t="s">
        <v>8612</v>
      </c>
    </row>
    <row r="9592" spans="1:4" x14ac:dyDescent="0.4">
      <c r="A9592">
        <v>2590100</v>
      </c>
      <c r="B9592" t="s">
        <v>2200</v>
      </c>
      <c r="C9592" t="s">
        <v>8613</v>
      </c>
    </row>
    <row r="9593" spans="1:4" x14ac:dyDescent="0.4">
      <c r="A9593">
        <v>2590151</v>
      </c>
      <c r="B9593" t="s">
        <v>2200</v>
      </c>
      <c r="C9593" t="s">
        <v>8613</v>
      </c>
      <c r="D9593" t="s">
        <v>8614</v>
      </c>
    </row>
    <row r="9594" spans="1:4" x14ac:dyDescent="0.4">
      <c r="A9594">
        <v>2590154</v>
      </c>
      <c r="B9594" t="s">
        <v>2200</v>
      </c>
      <c r="C9594" t="s">
        <v>8613</v>
      </c>
      <c r="D9594" t="s">
        <v>8615</v>
      </c>
    </row>
    <row r="9595" spans="1:4" x14ac:dyDescent="0.4">
      <c r="A9595">
        <v>2590141</v>
      </c>
      <c r="B9595" t="s">
        <v>2200</v>
      </c>
      <c r="C9595" t="s">
        <v>8613</v>
      </c>
      <c r="D9595" t="s">
        <v>8114</v>
      </c>
    </row>
    <row r="9596" spans="1:4" x14ac:dyDescent="0.4">
      <c r="A9596">
        <v>2590147</v>
      </c>
      <c r="B9596" t="s">
        <v>2200</v>
      </c>
      <c r="C9596" t="s">
        <v>8613</v>
      </c>
      <c r="D9596" t="s">
        <v>8616</v>
      </c>
    </row>
    <row r="9597" spans="1:4" x14ac:dyDescent="0.4">
      <c r="A9597">
        <v>2590143</v>
      </c>
      <c r="B9597" t="s">
        <v>2200</v>
      </c>
      <c r="C9597" t="s">
        <v>8613</v>
      </c>
      <c r="D9597" t="s">
        <v>8617</v>
      </c>
    </row>
    <row r="9598" spans="1:4" x14ac:dyDescent="0.4">
      <c r="A9598">
        <v>2590142</v>
      </c>
      <c r="B9598" t="s">
        <v>2200</v>
      </c>
      <c r="C9598" t="s">
        <v>8613</v>
      </c>
      <c r="D9598" t="s">
        <v>8618</v>
      </c>
    </row>
    <row r="9599" spans="1:4" x14ac:dyDescent="0.4">
      <c r="A9599">
        <v>2590146</v>
      </c>
      <c r="B9599" t="s">
        <v>2200</v>
      </c>
      <c r="C9599" t="s">
        <v>8613</v>
      </c>
      <c r="D9599" t="s">
        <v>8619</v>
      </c>
    </row>
    <row r="9600" spans="1:4" x14ac:dyDescent="0.4">
      <c r="A9600">
        <v>2590157</v>
      </c>
      <c r="B9600" t="s">
        <v>2200</v>
      </c>
      <c r="C9600" t="s">
        <v>8613</v>
      </c>
      <c r="D9600" t="s">
        <v>1672</v>
      </c>
    </row>
    <row r="9601" spans="1:4" x14ac:dyDescent="0.4">
      <c r="A9601">
        <v>2590156</v>
      </c>
      <c r="B9601" t="s">
        <v>2200</v>
      </c>
      <c r="C9601" t="s">
        <v>8613</v>
      </c>
      <c r="D9601" t="s">
        <v>8620</v>
      </c>
    </row>
    <row r="9602" spans="1:4" x14ac:dyDescent="0.4">
      <c r="A9602">
        <v>2590148</v>
      </c>
      <c r="B9602" t="s">
        <v>2200</v>
      </c>
      <c r="C9602" t="s">
        <v>8613</v>
      </c>
      <c r="D9602" t="s">
        <v>8621</v>
      </c>
    </row>
    <row r="9603" spans="1:4" x14ac:dyDescent="0.4">
      <c r="A9603">
        <v>2590145</v>
      </c>
      <c r="B9603" t="s">
        <v>2200</v>
      </c>
      <c r="C9603" t="s">
        <v>8613</v>
      </c>
      <c r="D9603" t="s">
        <v>443</v>
      </c>
    </row>
    <row r="9604" spans="1:4" x14ac:dyDescent="0.4">
      <c r="A9604">
        <v>2590144</v>
      </c>
      <c r="B9604" t="s">
        <v>2200</v>
      </c>
      <c r="C9604" t="s">
        <v>8613</v>
      </c>
      <c r="D9604" t="s">
        <v>8622</v>
      </c>
    </row>
    <row r="9605" spans="1:4" x14ac:dyDescent="0.4">
      <c r="A9605">
        <v>2590153</v>
      </c>
      <c r="B9605" t="s">
        <v>2200</v>
      </c>
      <c r="C9605" t="s">
        <v>8613</v>
      </c>
      <c r="D9605" t="s">
        <v>8623</v>
      </c>
    </row>
    <row r="9606" spans="1:4" x14ac:dyDescent="0.4">
      <c r="A9606">
        <v>2590152</v>
      </c>
      <c r="B9606" t="s">
        <v>2200</v>
      </c>
      <c r="C9606" t="s">
        <v>8613</v>
      </c>
      <c r="D9606" t="s">
        <v>5137</v>
      </c>
    </row>
    <row r="9607" spans="1:4" x14ac:dyDescent="0.4">
      <c r="A9607">
        <v>2590155</v>
      </c>
      <c r="B9607" t="s">
        <v>2200</v>
      </c>
      <c r="C9607" t="s">
        <v>8613</v>
      </c>
      <c r="D9607" t="s">
        <v>1516</v>
      </c>
    </row>
    <row r="9608" spans="1:4" x14ac:dyDescent="0.4">
      <c r="A9608">
        <v>2580000</v>
      </c>
      <c r="B9608" t="s">
        <v>2200</v>
      </c>
      <c r="C9608" t="s">
        <v>8624</v>
      </c>
    </row>
    <row r="9609" spans="1:4" x14ac:dyDescent="0.4">
      <c r="A9609">
        <v>2580014</v>
      </c>
      <c r="B9609" t="s">
        <v>2200</v>
      </c>
      <c r="C9609" t="s">
        <v>8624</v>
      </c>
      <c r="D9609" t="s">
        <v>8625</v>
      </c>
    </row>
    <row r="9610" spans="1:4" x14ac:dyDescent="0.4">
      <c r="A9610">
        <v>2580018</v>
      </c>
      <c r="B9610" t="s">
        <v>2200</v>
      </c>
      <c r="C9610" t="s">
        <v>8624</v>
      </c>
      <c r="D9610" t="s">
        <v>8626</v>
      </c>
    </row>
    <row r="9611" spans="1:4" x14ac:dyDescent="0.4">
      <c r="A9611">
        <v>2580019</v>
      </c>
      <c r="B9611" t="s">
        <v>2200</v>
      </c>
      <c r="C9611" t="s">
        <v>8624</v>
      </c>
      <c r="D9611" t="s">
        <v>8627</v>
      </c>
    </row>
    <row r="9612" spans="1:4" x14ac:dyDescent="0.4">
      <c r="A9612">
        <v>2580016</v>
      </c>
      <c r="B9612" t="s">
        <v>2200</v>
      </c>
      <c r="C9612" t="s">
        <v>8624</v>
      </c>
      <c r="D9612" t="s">
        <v>8628</v>
      </c>
    </row>
    <row r="9613" spans="1:4" x14ac:dyDescent="0.4">
      <c r="A9613">
        <v>2580011</v>
      </c>
      <c r="B9613" t="s">
        <v>2200</v>
      </c>
      <c r="C9613" t="s">
        <v>8624</v>
      </c>
      <c r="D9613" t="s">
        <v>8629</v>
      </c>
    </row>
    <row r="9614" spans="1:4" x14ac:dyDescent="0.4">
      <c r="A9614">
        <v>2580013</v>
      </c>
      <c r="B9614" t="s">
        <v>2200</v>
      </c>
      <c r="C9614" t="s">
        <v>8624</v>
      </c>
      <c r="D9614" t="s">
        <v>8630</v>
      </c>
    </row>
    <row r="9615" spans="1:4" x14ac:dyDescent="0.4">
      <c r="A9615">
        <v>2580017</v>
      </c>
      <c r="B9615" t="s">
        <v>2200</v>
      </c>
      <c r="C9615" t="s">
        <v>8624</v>
      </c>
      <c r="D9615" t="s">
        <v>2756</v>
      </c>
    </row>
    <row r="9616" spans="1:4" x14ac:dyDescent="0.4">
      <c r="A9616">
        <v>2580012</v>
      </c>
      <c r="B9616" t="s">
        <v>2200</v>
      </c>
      <c r="C9616" t="s">
        <v>8624</v>
      </c>
      <c r="D9616" t="s">
        <v>8631</v>
      </c>
    </row>
    <row r="9617" spans="1:4" x14ac:dyDescent="0.4">
      <c r="A9617">
        <v>2580015</v>
      </c>
      <c r="B9617" t="s">
        <v>2200</v>
      </c>
      <c r="C9617" t="s">
        <v>8624</v>
      </c>
      <c r="D9617" t="s">
        <v>3729</v>
      </c>
    </row>
    <row r="9618" spans="1:4" x14ac:dyDescent="0.4">
      <c r="A9618">
        <v>2580000</v>
      </c>
      <c r="B9618" t="s">
        <v>2200</v>
      </c>
      <c r="C9618" t="s">
        <v>8632</v>
      </c>
    </row>
    <row r="9619" spans="1:4" x14ac:dyDescent="0.4">
      <c r="A9619">
        <v>2580002</v>
      </c>
      <c r="B9619" t="s">
        <v>2200</v>
      </c>
      <c r="C9619" t="s">
        <v>8632</v>
      </c>
      <c r="D9619" t="s">
        <v>5695</v>
      </c>
    </row>
    <row r="9620" spans="1:4" x14ac:dyDescent="0.4">
      <c r="A9620">
        <v>2580003</v>
      </c>
      <c r="B9620" t="s">
        <v>2200</v>
      </c>
      <c r="C9620" t="s">
        <v>8632</v>
      </c>
      <c r="D9620" t="s">
        <v>8633</v>
      </c>
    </row>
    <row r="9621" spans="1:4" x14ac:dyDescent="0.4">
      <c r="A9621">
        <v>2580004</v>
      </c>
      <c r="B9621" t="s">
        <v>2200</v>
      </c>
      <c r="C9621" t="s">
        <v>8632</v>
      </c>
      <c r="D9621" t="s">
        <v>8634</v>
      </c>
    </row>
    <row r="9622" spans="1:4" x14ac:dyDescent="0.4">
      <c r="A9622">
        <v>2580001</v>
      </c>
      <c r="B9622" t="s">
        <v>2200</v>
      </c>
      <c r="C9622" t="s">
        <v>8632</v>
      </c>
      <c r="D9622" t="s">
        <v>8635</v>
      </c>
    </row>
    <row r="9623" spans="1:4" x14ac:dyDescent="0.4">
      <c r="A9623">
        <v>2580100</v>
      </c>
      <c r="B9623" t="s">
        <v>2200</v>
      </c>
      <c r="C9623" t="s">
        <v>8636</v>
      </c>
    </row>
    <row r="9624" spans="1:4" x14ac:dyDescent="0.4">
      <c r="A9624">
        <v>2580203</v>
      </c>
      <c r="B9624" t="s">
        <v>2200</v>
      </c>
      <c r="C9624" t="s">
        <v>8636</v>
      </c>
      <c r="D9624" t="s">
        <v>8637</v>
      </c>
    </row>
    <row r="9625" spans="1:4" x14ac:dyDescent="0.4">
      <c r="A9625">
        <v>2580126</v>
      </c>
      <c r="B9625" t="s">
        <v>2200</v>
      </c>
      <c r="C9625" t="s">
        <v>8636</v>
      </c>
      <c r="D9625" t="s">
        <v>8638</v>
      </c>
    </row>
    <row r="9626" spans="1:4" x14ac:dyDescent="0.4">
      <c r="A9626">
        <v>2580124</v>
      </c>
      <c r="B9626" t="s">
        <v>2200</v>
      </c>
      <c r="C9626" t="s">
        <v>8636</v>
      </c>
      <c r="D9626" t="s">
        <v>8639</v>
      </c>
    </row>
    <row r="9627" spans="1:4" x14ac:dyDescent="0.4">
      <c r="A9627">
        <v>2580112</v>
      </c>
      <c r="B9627" t="s">
        <v>2200</v>
      </c>
      <c r="C9627" t="s">
        <v>8636</v>
      </c>
      <c r="D9627" t="s">
        <v>8640</v>
      </c>
    </row>
    <row r="9628" spans="1:4" x14ac:dyDescent="0.4">
      <c r="A9628">
        <v>2580202</v>
      </c>
      <c r="B9628" t="s">
        <v>2200</v>
      </c>
      <c r="C9628" t="s">
        <v>8636</v>
      </c>
      <c r="D9628" t="s">
        <v>8641</v>
      </c>
    </row>
    <row r="9629" spans="1:4" x14ac:dyDescent="0.4">
      <c r="A9629">
        <v>2580122</v>
      </c>
      <c r="B9629" t="s">
        <v>2200</v>
      </c>
      <c r="C9629" t="s">
        <v>8636</v>
      </c>
      <c r="D9629" t="s">
        <v>8642</v>
      </c>
    </row>
    <row r="9630" spans="1:4" x14ac:dyDescent="0.4">
      <c r="A9630">
        <v>2580201</v>
      </c>
      <c r="B9630" t="s">
        <v>2200</v>
      </c>
      <c r="C9630" t="s">
        <v>8636</v>
      </c>
      <c r="D9630" t="s">
        <v>1411</v>
      </c>
    </row>
    <row r="9631" spans="1:4" x14ac:dyDescent="0.4">
      <c r="A9631">
        <v>2580114</v>
      </c>
      <c r="B9631" t="s">
        <v>2200</v>
      </c>
      <c r="C9631" t="s">
        <v>8636</v>
      </c>
      <c r="D9631" t="s">
        <v>3530</v>
      </c>
    </row>
    <row r="9632" spans="1:4" x14ac:dyDescent="0.4">
      <c r="A9632">
        <v>2580121</v>
      </c>
      <c r="B9632" t="s">
        <v>2200</v>
      </c>
      <c r="C9632" t="s">
        <v>8636</v>
      </c>
      <c r="D9632" t="s">
        <v>8643</v>
      </c>
    </row>
    <row r="9633" spans="1:4" x14ac:dyDescent="0.4">
      <c r="A9633">
        <v>2580111</v>
      </c>
      <c r="B9633" t="s">
        <v>2200</v>
      </c>
      <c r="C9633" t="s">
        <v>8636</v>
      </c>
      <c r="D9633" t="s">
        <v>2268</v>
      </c>
    </row>
    <row r="9634" spans="1:4" x14ac:dyDescent="0.4">
      <c r="A9634">
        <v>2580115</v>
      </c>
      <c r="B9634" t="s">
        <v>2200</v>
      </c>
      <c r="C9634" t="s">
        <v>8636</v>
      </c>
      <c r="D9634" t="s">
        <v>8644</v>
      </c>
    </row>
    <row r="9635" spans="1:4" x14ac:dyDescent="0.4">
      <c r="A9635">
        <v>2580125</v>
      </c>
      <c r="B9635" t="s">
        <v>2200</v>
      </c>
      <c r="C9635" t="s">
        <v>8636</v>
      </c>
      <c r="D9635" t="s">
        <v>8645</v>
      </c>
    </row>
    <row r="9636" spans="1:4" x14ac:dyDescent="0.4">
      <c r="A9636">
        <v>2580113</v>
      </c>
      <c r="B9636" t="s">
        <v>2200</v>
      </c>
      <c r="C9636" t="s">
        <v>8636</v>
      </c>
      <c r="D9636" t="s">
        <v>8646</v>
      </c>
    </row>
    <row r="9637" spans="1:4" x14ac:dyDescent="0.4">
      <c r="A9637">
        <v>2580123</v>
      </c>
      <c r="B9637" t="s">
        <v>2200</v>
      </c>
      <c r="C9637" t="s">
        <v>8636</v>
      </c>
      <c r="D9637" t="s">
        <v>8647</v>
      </c>
    </row>
    <row r="9638" spans="1:4" x14ac:dyDescent="0.4">
      <c r="A9638">
        <v>2580204</v>
      </c>
      <c r="B9638" t="s">
        <v>2200</v>
      </c>
      <c r="C9638" t="s">
        <v>8636</v>
      </c>
      <c r="D9638" t="s">
        <v>8648</v>
      </c>
    </row>
    <row r="9639" spans="1:4" x14ac:dyDescent="0.4">
      <c r="A9639">
        <v>2580000</v>
      </c>
      <c r="B9639" t="s">
        <v>2200</v>
      </c>
      <c r="C9639" t="s">
        <v>8649</v>
      </c>
    </row>
    <row r="9640" spans="1:4" x14ac:dyDescent="0.4">
      <c r="A9640">
        <v>2580022</v>
      </c>
      <c r="B9640" t="s">
        <v>2200</v>
      </c>
      <c r="C9640" t="s">
        <v>8649</v>
      </c>
      <c r="D9640" t="s">
        <v>6163</v>
      </c>
    </row>
    <row r="9641" spans="1:4" x14ac:dyDescent="0.4">
      <c r="A9641">
        <v>2580025</v>
      </c>
      <c r="B9641" t="s">
        <v>2200</v>
      </c>
      <c r="C9641" t="s">
        <v>8649</v>
      </c>
      <c r="D9641" t="s">
        <v>8650</v>
      </c>
    </row>
    <row r="9642" spans="1:4" x14ac:dyDescent="0.4">
      <c r="A9642">
        <v>2580027</v>
      </c>
      <c r="B9642" t="s">
        <v>2200</v>
      </c>
      <c r="C9642" t="s">
        <v>8649</v>
      </c>
      <c r="D9642" t="s">
        <v>8651</v>
      </c>
    </row>
    <row r="9643" spans="1:4" x14ac:dyDescent="0.4">
      <c r="A9643">
        <v>2580028</v>
      </c>
      <c r="B9643" t="s">
        <v>2200</v>
      </c>
      <c r="C9643" t="s">
        <v>8649</v>
      </c>
      <c r="D9643" t="s">
        <v>8652</v>
      </c>
    </row>
    <row r="9644" spans="1:4" x14ac:dyDescent="0.4">
      <c r="A9644">
        <v>2580024</v>
      </c>
      <c r="B9644" t="s">
        <v>2200</v>
      </c>
      <c r="C9644" t="s">
        <v>8649</v>
      </c>
      <c r="D9644" t="s">
        <v>8653</v>
      </c>
    </row>
    <row r="9645" spans="1:4" x14ac:dyDescent="0.4">
      <c r="A9645">
        <v>2580026</v>
      </c>
      <c r="B9645" t="s">
        <v>2200</v>
      </c>
      <c r="C9645" t="s">
        <v>8649</v>
      </c>
      <c r="D9645" t="s">
        <v>8654</v>
      </c>
    </row>
    <row r="9646" spans="1:4" x14ac:dyDescent="0.4">
      <c r="A9646">
        <v>2580023</v>
      </c>
      <c r="B9646" t="s">
        <v>2200</v>
      </c>
      <c r="C9646" t="s">
        <v>8649</v>
      </c>
      <c r="D9646" t="s">
        <v>8655</v>
      </c>
    </row>
    <row r="9647" spans="1:4" x14ac:dyDescent="0.4">
      <c r="A9647">
        <v>2580021</v>
      </c>
      <c r="B9647" t="s">
        <v>2200</v>
      </c>
      <c r="C9647" t="s">
        <v>8649</v>
      </c>
      <c r="D9647" t="s">
        <v>8656</v>
      </c>
    </row>
    <row r="9648" spans="1:4" x14ac:dyDescent="0.4">
      <c r="A9648">
        <v>2500500</v>
      </c>
      <c r="B9648" t="s">
        <v>2200</v>
      </c>
      <c r="C9648" t="s">
        <v>8657</v>
      </c>
    </row>
    <row r="9649" spans="1:4" x14ac:dyDescent="0.4">
      <c r="A9649">
        <v>2500523</v>
      </c>
      <c r="B9649" t="s">
        <v>2200</v>
      </c>
      <c r="C9649" t="s">
        <v>8657</v>
      </c>
      <c r="D9649" t="s">
        <v>8658</v>
      </c>
    </row>
    <row r="9650" spans="1:4" x14ac:dyDescent="0.4">
      <c r="A9650">
        <v>2500405</v>
      </c>
      <c r="B9650" t="s">
        <v>2200</v>
      </c>
      <c r="C9650" t="s">
        <v>8657</v>
      </c>
      <c r="D9650" t="s">
        <v>8659</v>
      </c>
    </row>
    <row r="9651" spans="1:4" x14ac:dyDescent="0.4">
      <c r="A9651">
        <v>2500402</v>
      </c>
      <c r="B9651" t="s">
        <v>2200</v>
      </c>
      <c r="C9651" t="s">
        <v>8657</v>
      </c>
      <c r="D9651" t="s">
        <v>8660</v>
      </c>
    </row>
    <row r="9652" spans="1:4" x14ac:dyDescent="0.4">
      <c r="A9652">
        <v>2500406</v>
      </c>
      <c r="B9652" t="s">
        <v>2200</v>
      </c>
      <c r="C9652" t="s">
        <v>8657</v>
      </c>
      <c r="D9652" t="s">
        <v>8661</v>
      </c>
    </row>
    <row r="9653" spans="1:4" x14ac:dyDescent="0.4">
      <c r="A9653">
        <v>2500408</v>
      </c>
      <c r="B9653" t="s">
        <v>2200</v>
      </c>
      <c r="C9653" t="s">
        <v>8657</v>
      </c>
      <c r="D9653" t="s">
        <v>8662</v>
      </c>
    </row>
    <row r="9654" spans="1:4" x14ac:dyDescent="0.4">
      <c r="A9654">
        <v>2500313</v>
      </c>
      <c r="B9654" t="s">
        <v>2200</v>
      </c>
      <c r="C9654" t="s">
        <v>8657</v>
      </c>
      <c r="D9654" t="s">
        <v>8663</v>
      </c>
    </row>
    <row r="9655" spans="1:4" x14ac:dyDescent="0.4">
      <c r="A9655">
        <v>2500631</v>
      </c>
      <c r="B9655" t="s">
        <v>2200</v>
      </c>
      <c r="C9655" t="s">
        <v>8657</v>
      </c>
      <c r="D9655" t="s">
        <v>8664</v>
      </c>
    </row>
    <row r="9656" spans="1:4" x14ac:dyDescent="0.4">
      <c r="A9656">
        <v>2500403</v>
      </c>
      <c r="B9656" t="s">
        <v>2200</v>
      </c>
      <c r="C9656" t="s">
        <v>8657</v>
      </c>
      <c r="D9656" t="s">
        <v>8665</v>
      </c>
    </row>
    <row r="9657" spans="1:4" x14ac:dyDescent="0.4">
      <c r="A9657">
        <v>2500315</v>
      </c>
      <c r="B9657" t="s">
        <v>2200</v>
      </c>
      <c r="C9657" t="s">
        <v>8657</v>
      </c>
      <c r="D9657" t="s">
        <v>8666</v>
      </c>
    </row>
    <row r="9658" spans="1:4" x14ac:dyDescent="0.4">
      <c r="A9658">
        <v>2500407</v>
      </c>
      <c r="B9658" t="s">
        <v>2200</v>
      </c>
      <c r="C9658" t="s">
        <v>8657</v>
      </c>
      <c r="D9658" t="s">
        <v>8667</v>
      </c>
    </row>
    <row r="9659" spans="1:4" x14ac:dyDescent="0.4">
      <c r="A9659">
        <v>2500521</v>
      </c>
      <c r="B9659" t="s">
        <v>2200</v>
      </c>
      <c r="C9659" t="s">
        <v>8657</v>
      </c>
      <c r="D9659" t="s">
        <v>8668</v>
      </c>
    </row>
    <row r="9660" spans="1:4" x14ac:dyDescent="0.4">
      <c r="A9660">
        <v>2500314</v>
      </c>
      <c r="B9660" t="s">
        <v>2200</v>
      </c>
      <c r="C9660" t="s">
        <v>8657</v>
      </c>
      <c r="D9660" t="s">
        <v>8669</v>
      </c>
    </row>
    <row r="9661" spans="1:4" x14ac:dyDescent="0.4">
      <c r="A9661">
        <v>2500401</v>
      </c>
      <c r="B9661" t="s">
        <v>2200</v>
      </c>
      <c r="C9661" t="s">
        <v>8657</v>
      </c>
      <c r="D9661" t="s">
        <v>8670</v>
      </c>
    </row>
    <row r="9662" spans="1:4" x14ac:dyDescent="0.4">
      <c r="A9662">
        <v>2500404</v>
      </c>
      <c r="B9662" t="s">
        <v>2200</v>
      </c>
      <c r="C9662" t="s">
        <v>8657</v>
      </c>
      <c r="D9662" t="s">
        <v>8671</v>
      </c>
    </row>
    <row r="9663" spans="1:4" x14ac:dyDescent="0.4">
      <c r="A9663">
        <v>2500522</v>
      </c>
      <c r="B9663" t="s">
        <v>2200</v>
      </c>
      <c r="C9663" t="s">
        <v>8657</v>
      </c>
      <c r="D9663" t="s">
        <v>8672</v>
      </c>
    </row>
    <row r="9664" spans="1:4" x14ac:dyDescent="0.4">
      <c r="A9664">
        <v>2500311</v>
      </c>
      <c r="B9664" t="s">
        <v>2200</v>
      </c>
      <c r="C9664" t="s">
        <v>8657</v>
      </c>
      <c r="D9664" t="s">
        <v>8673</v>
      </c>
    </row>
    <row r="9665" spans="1:4" x14ac:dyDescent="0.4">
      <c r="A9665">
        <v>2500312</v>
      </c>
      <c r="B9665" t="s">
        <v>2200</v>
      </c>
      <c r="C9665" t="s">
        <v>8657</v>
      </c>
      <c r="D9665" t="s">
        <v>8674</v>
      </c>
    </row>
    <row r="9666" spans="1:4" x14ac:dyDescent="0.4">
      <c r="A9666">
        <v>2590200</v>
      </c>
      <c r="B9666" t="s">
        <v>2200</v>
      </c>
      <c r="C9666" t="s">
        <v>8675</v>
      </c>
    </row>
    <row r="9667" spans="1:4" x14ac:dyDescent="0.4">
      <c r="A9667">
        <v>2590202</v>
      </c>
      <c r="B9667" t="s">
        <v>2200</v>
      </c>
      <c r="C9667" t="s">
        <v>8675</v>
      </c>
      <c r="D9667" t="s">
        <v>607</v>
      </c>
    </row>
    <row r="9668" spans="1:4" x14ac:dyDescent="0.4">
      <c r="A9668">
        <v>2590201</v>
      </c>
      <c r="B9668" t="s">
        <v>2200</v>
      </c>
      <c r="C9668" t="s">
        <v>8675</v>
      </c>
      <c r="D9668" t="s">
        <v>8676</v>
      </c>
    </row>
    <row r="9669" spans="1:4" x14ac:dyDescent="0.4">
      <c r="A9669">
        <v>2590300</v>
      </c>
      <c r="B9669" t="s">
        <v>2200</v>
      </c>
      <c r="C9669" t="s">
        <v>8677</v>
      </c>
    </row>
    <row r="9670" spans="1:4" x14ac:dyDescent="0.4">
      <c r="A9670">
        <v>2590313</v>
      </c>
      <c r="B9670" t="s">
        <v>2200</v>
      </c>
      <c r="C9670" t="s">
        <v>8677</v>
      </c>
      <c r="D9670" t="s">
        <v>8678</v>
      </c>
    </row>
    <row r="9671" spans="1:4" x14ac:dyDescent="0.4">
      <c r="A9671">
        <v>2590305</v>
      </c>
      <c r="B9671" t="s">
        <v>2200</v>
      </c>
      <c r="C9671" t="s">
        <v>8677</v>
      </c>
      <c r="D9671" t="s">
        <v>8679</v>
      </c>
    </row>
    <row r="9672" spans="1:4" x14ac:dyDescent="0.4">
      <c r="A9672">
        <v>2590301</v>
      </c>
      <c r="B9672" t="s">
        <v>2200</v>
      </c>
      <c r="C9672" t="s">
        <v>8677</v>
      </c>
      <c r="D9672" t="s">
        <v>184</v>
      </c>
    </row>
    <row r="9673" spans="1:4" x14ac:dyDescent="0.4">
      <c r="A9673">
        <v>2590303</v>
      </c>
      <c r="B9673" t="s">
        <v>2200</v>
      </c>
      <c r="C9673" t="s">
        <v>8677</v>
      </c>
      <c r="D9673" t="s">
        <v>8680</v>
      </c>
    </row>
    <row r="9674" spans="1:4" x14ac:dyDescent="0.4">
      <c r="A9674">
        <v>2590311</v>
      </c>
      <c r="B9674" t="s">
        <v>2200</v>
      </c>
      <c r="C9674" t="s">
        <v>8677</v>
      </c>
      <c r="D9674" t="s">
        <v>2520</v>
      </c>
    </row>
    <row r="9675" spans="1:4" x14ac:dyDescent="0.4">
      <c r="A9675">
        <v>2590317</v>
      </c>
      <c r="B9675" t="s">
        <v>2200</v>
      </c>
      <c r="C9675" t="s">
        <v>8677</v>
      </c>
      <c r="D9675" t="s">
        <v>8681</v>
      </c>
    </row>
    <row r="9676" spans="1:4" x14ac:dyDescent="0.4">
      <c r="A9676">
        <v>2590316</v>
      </c>
      <c r="B9676" t="s">
        <v>2200</v>
      </c>
      <c r="C9676" t="s">
        <v>8677</v>
      </c>
      <c r="D9676" t="s">
        <v>8682</v>
      </c>
    </row>
    <row r="9677" spans="1:4" x14ac:dyDescent="0.4">
      <c r="A9677">
        <v>2300033</v>
      </c>
      <c r="B9677" t="s">
        <v>2200</v>
      </c>
      <c r="C9677" t="s">
        <v>2201</v>
      </c>
      <c r="D9677" t="s">
        <v>3387</v>
      </c>
    </row>
    <row r="9678" spans="1:4" x14ac:dyDescent="0.4">
      <c r="A9678">
        <v>2300035</v>
      </c>
      <c r="B9678" t="s">
        <v>2200</v>
      </c>
      <c r="C9678" t="s">
        <v>2201</v>
      </c>
      <c r="D9678" t="s">
        <v>8683</v>
      </c>
    </row>
    <row r="9679" spans="1:4" x14ac:dyDescent="0.4">
      <c r="A9679">
        <v>2300021</v>
      </c>
      <c r="B9679" t="s">
        <v>2200</v>
      </c>
      <c r="C9679" t="s">
        <v>2201</v>
      </c>
      <c r="D9679" t="s">
        <v>8684</v>
      </c>
    </row>
    <row r="9680" spans="1:4" x14ac:dyDescent="0.4">
      <c r="A9680">
        <v>2300024</v>
      </c>
      <c r="B9680" t="s">
        <v>2200</v>
      </c>
      <c r="C9680" t="s">
        <v>2201</v>
      </c>
      <c r="D9680" t="s">
        <v>8685</v>
      </c>
    </row>
    <row r="9681" spans="1:4" x14ac:dyDescent="0.4">
      <c r="A9681">
        <v>2300022</v>
      </c>
      <c r="B9681" t="s">
        <v>2200</v>
      </c>
      <c r="C9681" t="s">
        <v>2201</v>
      </c>
      <c r="D9681" t="s">
        <v>8686</v>
      </c>
    </row>
    <row r="9682" spans="1:4" x14ac:dyDescent="0.4">
      <c r="A9682">
        <v>2300023</v>
      </c>
      <c r="B9682" t="s">
        <v>2200</v>
      </c>
      <c r="C9682" t="s">
        <v>2201</v>
      </c>
      <c r="D9682" t="s">
        <v>8687</v>
      </c>
    </row>
    <row r="9683" spans="1:4" x14ac:dyDescent="0.4">
      <c r="A9683">
        <v>2300026</v>
      </c>
      <c r="B9683" t="s">
        <v>2200</v>
      </c>
      <c r="C9683" t="s">
        <v>2201</v>
      </c>
      <c r="D9683" t="s">
        <v>8688</v>
      </c>
    </row>
    <row r="9684" spans="1:4" x14ac:dyDescent="0.4">
      <c r="A9684">
        <v>2300025</v>
      </c>
      <c r="B9684" t="s">
        <v>2200</v>
      </c>
      <c r="C9684" t="s">
        <v>2201</v>
      </c>
      <c r="D9684" t="s">
        <v>8689</v>
      </c>
    </row>
    <row r="9685" spans="1:4" x14ac:dyDescent="0.4">
      <c r="A9685">
        <v>2300041</v>
      </c>
      <c r="B9685" t="s">
        <v>2200</v>
      </c>
      <c r="C9685" t="s">
        <v>2201</v>
      </c>
      <c r="D9685" t="s">
        <v>8690</v>
      </c>
    </row>
    <row r="9686" spans="1:4" x14ac:dyDescent="0.4">
      <c r="A9686">
        <v>2300002</v>
      </c>
      <c r="B9686" t="s">
        <v>2200</v>
      </c>
      <c r="C9686" t="s">
        <v>2201</v>
      </c>
      <c r="D9686" t="s">
        <v>8691</v>
      </c>
    </row>
    <row r="9687" spans="1:4" x14ac:dyDescent="0.4">
      <c r="A9687">
        <v>2300055</v>
      </c>
      <c r="B9687" t="s">
        <v>2200</v>
      </c>
      <c r="C9687" t="s">
        <v>2201</v>
      </c>
      <c r="D9687" t="s">
        <v>2699</v>
      </c>
    </row>
    <row r="9688" spans="1:4" x14ac:dyDescent="0.4">
      <c r="A9688">
        <v>2300046</v>
      </c>
      <c r="B9688" t="s">
        <v>2200</v>
      </c>
      <c r="C9688" t="s">
        <v>2201</v>
      </c>
      <c r="D9688" t="s">
        <v>8692</v>
      </c>
    </row>
    <row r="9689" spans="1:4" x14ac:dyDescent="0.4">
      <c r="A9689">
        <v>2300072</v>
      </c>
      <c r="B9689" t="s">
        <v>2200</v>
      </c>
      <c r="C9689" t="s">
        <v>2201</v>
      </c>
      <c r="D9689" t="s">
        <v>8693</v>
      </c>
    </row>
    <row r="9690" spans="1:4" x14ac:dyDescent="0.4">
      <c r="A9690">
        <v>2300011</v>
      </c>
      <c r="B9690" t="s">
        <v>2200</v>
      </c>
      <c r="C9690" t="s">
        <v>2201</v>
      </c>
      <c r="D9690" t="s">
        <v>8694</v>
      </c>
    </row>
    <row r="9691" spans="1:4" x14ac:dyDescent="0.4">
      <c r="A9691">
        <v>2300075</v>
      </c>
      <c r="B9691" t="s">
        <v>2200</v>
      </c>
      <c r="C9691" t="s">
        <v>2201</v>
      </c>
      <c r="D9691" t="s">
        <v>8695</v>
      </c>
    </row>
    <row r="9692" spans="1:4" x14ac:dyDescent="0.4">
      <c r="A9692">
        <v>2300034</v>
      </c>
      <c r="B9692" t="s">
        <v>2200</v>
      </c>
      <c r="C9692" t="s">
        <v>2201</v>
      </c>
      <c r="D9692" t="s">
        <v>8696</v>
      </c>
    </row>
    <row r="9693" spans="1:4" x14ac:dyDescent="0.4">
      <c r="A9693">
        <v>2300078</v>
      </c>
      <c r="B9693" t="s">
        <v>2200</v>
      </c>
      <c r="C9693" t="s">
        <v>2201</v>
      </c>
      <c r="D9693" t="s">
        <v>8697</v>
      </c>
    </row>
    <row r="9694" spans="1:4" x14ac:dyDescent="0.4">
      <c r="A9694">
        <v>2300074</v>
      </c>
      <c r="B9694" t="s">
        <v>2200</v>
      </c>
      <c r="C9694" t="s">
        <v>2201</v>
      </c>
      <c r="D9694" t="s">
        <v>8698</v>
      </c>
    </row>
    <row r="9695" spans="1:4" x14ac:dyDescent="0.4">
      <c r="A9695">
        <v>2300071</v>
      </c>
      <c r="B9695" t="s">
        <v>2200</v>
      </c>
      <c r="C9695" t="s">
        <v>2201</v>
      </c>
      <c r="D9695" t="s">
        <v>8699</v>
      </c>
    </row>
    <row r="9696" spans="1:4" x14ac:dyDescent="0.4">
      <c r="A9696">
        <v>2300038</v>
      </c>
      <c r="B9696" t="s">
        <v>2200</v>
      </c>
      <c r="C9696" t="s">
        <v>2201</v>
      </c>
      <c r="D9696" t="s">
        <v>8700</v>
      </c>
    </row>
    <row r="9697" spans="1:4" x14ac:dyDescent="0.4">
      <c r="A9697">
        <v>2300043</v>
      </c>
      <c r="B9697" t="s">
        <v>2200</v>
      </c>
      <c r="C9697" t="s">
        <v>2201</v>
      </c>
      <c r="D9697" t="s">
        <v>2319</v>
      </c>
    </row>
    <row r="9698" spans="1:4" x14ac:dyDescent="0.4">
      <c r="A9698">
        <v>2300073</v>
      </c>
      <c r="B9698" t="s">
        <v>2200</v>
      </c>
      <c r="C9698" t="s">
        <v>2201</v>
      </c>
      <c r="D9698" t="s">
        <v>8701</v>
      </c>
    </row>
    <row r="9699" spans="1:4" x14ac:dyDescent="0.4">
      <c r="A9699">
        <v>2300047</v>
      </c>
      <c r="B9699" t="s">
        <v>2200</v>
      </c>
      <c r="C9699" t="s">
        <v>2201</v>
      </c>
      <c r="D9699" t="s">
        <v>8702</v>
      </c>
    </row>
    <row r="9700" spans="1:4" x14ac:dyDescent="0.4">
      <c r="A9700">
        <v>2300003</v>
      </c>
      <c r="B9700" t="s">
        <v>2200</v>
      </c>
      <c r="C9700" t="s">
        <v>2201</v>
      </c>
      <c r="D9700" t="s">
        <v>8703</v>
      </c>
    </row>
    <row r="9701" spans="1:4" x14ac:dyDescent="0.4">
      <c r="A9701">
        <v>2300012</v>
      </c>
      <c r="B9701" t="s">
        <v>2200</v>
      </c>
      <c r="C9701" t="s">
        <v>2201</v>
      </c>
      <c r="D9701" t="s">
        <v>8704</v>
      </c>
    </row>
    <row r="9702" spans="1:4" x14ac:dyDescent="0.4">
      <c r="A9702">
        <v>2300045</v>
      </c>
      <c r="B9702" t="s">
        <v>2200</v>
      </c>
      <c r="C9702" t="s">
        <v>2201</v>
      </c>
      <c r="D9702" t="s">
        <v>3363</v>
      </c>
    </row>
    <row r="9703" spans="1:4" x14ac:dyDescent="0.4">
      <c r="A9703">
        <v>2300027</v>
      </c>
      <c r="B9703" t="s">
        <v>2200</v>
      </c>
      <c r="C9703" t="s">
        <v>2201</v>
      </c>
      <c r="D9703" t="s">
        <v>8705</v>
      </c>
    </row>
    <row r="9704" spans="1:4" x14ac:dyDescent="0.4">
      <c r="A9704">
        <v>2300014</v>
      </c>
      <c r="B9704" t="s">
        <v>2200</v>
      </c>
      <c r="C9704" t="s">
        <v>2201</v>
      </c>
      <c r="D9704" t="s">
        <v>8706</v>
      </c>
    </row>
    <row r="9705" spans="1:4" x14ac:dyDescent="0.4">
      <c r="A9705">
        <v>2300053</v>
      </c>
      <c r="B9705" t="s">
        <v>2200</v>
      </c>
      <c r="C9705" t="s">
        <v>2201</v>
      </c>
      <c r="D9705" t="s">
        <v>8707</v>
      </c>
    </row>
    <row r="9706" spans="1:4" x14ac:dyDescent="0.4">
      <c r="A9706">
        <v>2300054</v>
      </c>
      <c r="B9706" t="s">
        <v>2200</v>
      </c>
      <c r="C9706" t="s">
        <v>2201</v>
      </c>
      <c r="D9706" t="s">
        <v>8708</v>
      </c>
    </row>
    <row r="9707" spans="1:4" x14ac:dyDescent="0.4">
      <c r="A9707">
        <v>2300032</v>
      </c>
      <c r="B9707" t="s">
        <v>2200</v>
      </c>
      <c r="C9707" t="s">
        <v>2201</v>
      </c>
      <c r="D9707" t="s">
        <v>8709</v>
      </c>
    </row>
    <row r="9708" spans="1:4" x14ac:dyDescent="0.4">
      <c r="A9708">
        <v>2300061</v>
      </c>
      <c r="B9708" t="s">
        <v>2200</v>
      </c>
      <c r="C9708" t="s">
        <v>2201</v>
      </c>
      <c r="D9708" t="s">
        <v>8710</v>
      </c>
    </row>
    <row r="9709" spans="1:4" x14ac:dyDescent="0.4">
      <c r="A9709">
        <v>2300063</v>
      </c>
      <c r="B9709" t="s">
        <v>2200</v>
      </c>
      <c r="C9709" t="s">
        <v>2201</v>
      </c>
      <c r="D9709" t="s">
        <v>8711</v>
      </c>
    </row>
    <row r="9710" spans="1:4" x14ac:dyDescent="0.4">
      <c r="A9710">
        <v>2300051</v>
      </c>
      <c r="B9710" t="s">
        <v>2200</v>
      </c>
      <c r="C9710" t="s">
        <v>2201</v>
      </c>
      <c r="D9710" t="s">
        <v>8712</v>
      </c>
    </row>
    <row r="9711" spans="1:4" x14ac:dyDescent="0.4">
      <c r="A9711">
        <v>2300015</v>
      </c>
      <c r="B9711" t="s">
        <v>2200</v>
      </c>
      <c r="C9711" t="s">
        <v>2201</v>
      </c>
      <c r="D9711" t="s">
        <v>1682</v>
      </c>
    </row>
    <row r="9712" spans="1:4" x14ac:dyDescent="0.4">
      <c r="A9712">
        <v>2300062</v>
      </c>
      <c r="B9712" t="s">
        <v>2200</v>
      </c>
      <c r="C9712" t="s">
        <v>2201</v>
      </c>
      <c r="D9712" t="s">
        <v>8713</v>
      </c>
    </row>
    <row r="9713" spans="1:4" x14ac:dyDescent="0.4">
      <c r="A9713">
        <v>2300042</v>
      </c>
      <c r="B9713" t="s">
        <v>2200</v>
      </c>
      <c r="C9713" t="s">
        <v>2201</v>
      </c>
      <c r="D9713" t="s">
        <v>8714</v>
      </c>
    </row>
    <row r="9714" spans="1:4" x14ac:dyDescent="0.4">
      <c r="A9714">
        <v>2300052</v>
      </c>
      <c r="B9714" t="s">
        <v>2200</v>
      </c>
      <c r="C9714" t="s">
        <v>2201</v>
      </c>
      <c r="D9714" t="s">
        <v>8715</v>
      </c>
    </row>
    <row r="9715" spans="1:4" x14ac:dyDescent="0.4">
      <c r="A9715">
        <v>2300076</v>
      </c>
      <c r="B9715" t="s">
        <v>2200</v>
      </c>
      <c r="C9715" t="s">
        <v>2201</v>
      </c>
      <c r="D9715" t="s">
        <v>1881</v>
      </c>
    </row>
    <row r="9716" spans="1:4" x14ac:dyDescent="0.4">
      <c r="A9716">
        <v>2300036</v>
      </c>
      <c r="B9716" t="s">
        <v>2200</v>
      </c>
      <c r="C9716" t="s">
        <v>2201</v>
      </c>
      <c r="D9716" t="s">
        <v>5602</v>
      </c>
    </row>
    <row r="9717" spans="1:4" x14ac:dyDescent="0.4">
      <c r="A9717">
        <v>2300077</v>
      </c>
      <c r="B9717" t="s">
        <v>2200</v>
      </c>
      <c r="C9717" t="s">
        <v>2201</v>
      </c>
      <c r="D9717" t="s">
        <v>8716</v>
      </c>
    </row>
    <row r="9718" spans="1:4" x14ac:dyDescent="0.4">
      <c r="A9718">
        <v>2300017</v>
      </c>
      <c r="B9718" t="s">
        <v>2200</v>
      </c>
      <c r="C9718" t="s">
        <v>2201</v>
      </c>
      <c r="D9718" t="s">
        <v>8717</v>
      </c>
    </row>
    <row r="9719" spans="1:4" x14ac:dyDescent="0.4">
      <c r="A9719">
        <v>2300018</v>
      </c>
      <c r="B9719" t="s">
        <v>2200</v>
      </c>
      <c r="C9719" t="s">
        <v>2201</v>
      </c>
      <c r="D9719" t="s">
        <v>8718</v>
      </c>
    </row>
    <row r="9720" spans="1:4" x14ac:dyDescent="0.4">
      <c r="A9720">
        <v>2300016</v>
      </c>
      <c r="B9720" t="s">
        <v>2200</v>
      </c>
      <c r="C9720" t="s">
        <v>2201</v>
      </c>
      <c r="D9720" t="s">
        <v>8719</v>
      </c>
    </row>
    <row r="9721" spans="1:4" x14ac:dyDescent="0.4">
      <c r="A9721">
        <v>2300031</v>
      </c>
      <c r="B9721" t="s">
        <v>2200</v>
      </c>
      <c r="C9721" t="s">
        <v>2201</v>
      </c>
      <c r="D9721" t="s">
        <v>8720</v>
      </c>
    </row>
    <row r="9722" spans="1:4" x14ac:dyDescent="0.4">
      <c r="A9722">
        <v>2300044</v>
      </c>
      <c r="B9722" t="s">
        <v>2200</v>
      </c>
      <c r="C9722" t="s">
        <v>2201</v>
      </c>
      <c r="D9722" t="s">
        <v>8721</v>
      </c>
    </row>
    <row r="9723" spans="1:4" x14ac:dyDescent="0.4">
      <c r="A9723">
        <v>2300048</v>
      </c>
      <c r="B9723" t="s">
        <v>2200</v>
      </c>
      <c r="C9723" t="s">
        <v>2201</v>
      </c>
      <c r="D9723" t="s">
        <v>8722</v>
      </c>
    </row>
    <row r="9724" spans="1:4" x14ac:dyDescent="0.4">
      <c r="A9724">
        <v>2300013</v>
      </c>
      <c r="B9724" t="s">
        <v>2200</v>
      </c>
      <c r="C9724" t="s">
        <v>2201</v>
      </c>
      <c r="D9724" t="s">
        <v>8723</v>
      </c>
    </row>
    <row r="9725" spans="1:4" x14ac:dyDescent="0.4">
      <c r="A9725">
        <v>2300037</v>
      </c>
      <c r="B9725" t="s">
        <v>2200</v>
      </c>
      <c r="C9725" t="s">
        <v>2201</v>
      </c>
      <c r="D9725" t="s">
        <v>8724</v>
      </c>
    </row>
    <row r="9726" spans="1:4" x14ac:dyDescent="0.4">
      <c r="A9726">
        <v>2300004</v>
      </c>
      <c r="B9726" t="s">
        <v>2200</v>
      </c>
      <c r="C9726" t="s">
        <v>2201</v>
      </c>
      <c r="D9726" t="s">
        <v>8725</v>
      </c>
    </row>
    <row r="9727" spans="1:4" x14ac:dyDescent="0.4">
      <c r="A9727">
        <v>2300001</v>
      </c>
      <c r="B9727" t="s">
        <v>2200</v>
      </c>
      <c r="C9727" t="s">
        <v>2201</v>
      </c>
      <c r="D9727" t="s">
        <v>8726</v>
      </c>
    </row>
    <row r="9728" spans="1:4" x14ac:dyDescent="0.4">
      <c r="A9728">
        <v>2210000</v>
      </c>
      <c r="B9728" t="s">
        <v>2200</v>
      </c>
      <c r="C9728" t="s">
        <v>8727</v>
      </c>
    </row>
    <row r="9729" spans="1:4" x14ac:dyDescent="0.4">
      <c r="A9729">
        <v>2210057</v>
      </c>
      <c r="B9729" t="s">
        <v>2200</v>
      </c>
      <c r="C9729" t="s">
        <v>8727</v>
      </c>
      <c r="D9729" t="s">
        <v>8728</v>
      </c>
    </row>
    <row r="9730" spans="1:4" x14ac:dyDescent="0.4">
      <c r="A9730">
        <v>2210814</v>
      </c>
      <c r="B9730" t="s">
        <v>2200</v>
      </c>
      <c r="C9730" t="s">
        <v>8727</v>
      </c>
      <c r="D9730" t="s">
        <v>2148</v>
      </c>
    </row>
    <row r="9731" spans="1:4" x14ac:dyDescent="0.4">
      <c r="A9731">
        <v>2210032</v>
      </c>
      <c r="B9731" t="s">
        <v>2200</v>
      </c>
      <c r="C9731" t="s">
        <v>8727</v>
      </c>
      <c r="D9731" t="s">
        <v>8729</v>
      </c>
    </row>
    <row r="9732" spans="1:4" x14ac:dyDescent="0.4">
      <c r="A9732">
        <v>2210842</v>
      </c>
      <c r="B9732" t="s">
        <v>2200</v>
      </c>
      <c r="C9732" t="s">
        <v>8727</v>
      </c>
      <c r="D9732" t="s">
        <v>1528</v>
      </c>
    </row>
    <row r="9733" spans="1:4" x14ac:dyDescent="0.4">
      <c r="A9733">
        <v>2210014</v>
      </c>
      <c r="B9733" t="s">
        <v>2200</v>
      </c>
      <c r="C9733" t="s">
        <v>8727</v>
      </c>
      <c r="D9733" t="s">
        <v>8730</v>
      </c>
    </row>
    <row r="9734" spans="1:4" x14ac:dyDescent="0.4">
      <c r="A9734">
        <v>2210062</v>
      </c>
      <c r="B9734" t="s">
        <v>2200</v>
      </c>
      <c r="C9734" t="s">
        <v>8727</v>
      </c>
      <c r="D9734" t="s">
        <v>8731</v>
      </c>
    </row>
    <row r="9735" spans="1:4" x14ac:dyDescent="0.4">
      <c r="A9735">
        <v>2210042</v>
      </c>
      <c r="B9735" t="s">
        <v>2200</v>
      </c>
      <c r="C9735" t="s">
        <v>8727</v>
      </c>
      <c r="D9735" t="s">
        <v>8732</v>
      </c>
    </row>
    <row r="9736" spans="1:4" x14ac:dyDescent="0.4">
      <c r="A9736">
        <v>2210024</v>
      </c>
      <c r="B9736" t="s">
        <v>2200</v>
      </c>
      <c r="C9736" t="s">
        <v>8727</v>
      </c>
      <c r="D9736" t="s">
        <v>8733</v>
      </c>
    </row>
    <row r="9737" spans="1:4" x14ac:dyDescent="0.4">
      <c r="A9737">
        <v>2210002</v>
      </c>
      <c r="B9737" t="s">
        <v>2200</v>
      </c>
      <c r="C9737" t="s">
        <v>8727</v>
      </c>
      <c r="D9737" t="s">
        <v>8734</v>
      </c>
    </row>
    <row r="9738" spans="1:4" x14ac:dyDescent="0.4">
      <c r="A9738">
        <v>2210003</v>
      </c>
      <c r="B9738" t="s">
        <v>2200</v>
      </c>
      <c r="C9738" t="s">
        <v>8727</v>
      </c>
      <c r="D9738" t="s">
        <v>8735</v>
      </c>
    </row>
    <row r="9739" spans="1:4" x14ac:dyDescent="0.4">
      <c r="A9739">
        <v>2210055</v>
      </c>
      <c r="B9739" t="s">
        <v>2200</v>
      </c>
      <c r="C9739" t="s">
        <v>8727</v>
      </c>
      <c r="D9739" t="s">
        <v>7585</v>
      </c>
    </row>
    <row r="9740" spans="1:4" x14ac:dyDescent="0.4">
      <c r="A9740">
        <v>2210865</v>
      </c>
      <c r="B9740" t="s">
        <v>2200</v>
      </c>
      <c r="C9740" t="s">
        <v>8727</v>
      </c>
      <c r="D9740" t="s">
        <v>8736</v>
      </c>
    </row>
    <row r="9741" spans="1:4" x14ac:dyDescent="0.4">
      <c r="A9741">
        <v>2210045</v>
      </c>
      <c r="B9741" t="s">
        <v>2200</v>
      </c>
      <c r="C9741" t="s">
        <v>8727</v>
      </c>
      <c r="D9741" t="s">
        <v>8737</v>
      </c>
    </row>
    <row r="9742" spans="1:4" x14ac:dyDescent="0.4">
      <c r="A9742">
        <v>2210046</v>
      </c>
      <c r="B9742" t="s">
        <v>2200</v>
      </c>
      <c r="C9742" t="s">
        <v>8727</v>
      </c>
      <c r="D9742" t="s">
        <v>8738</v>
      </c>
    </row>
    <row r="9743" spans="1:4" x14ac:dyDescent="0.4">
      <c r="A9743">
        <v>2210831</v>
      </c>
      <c r="B9743" t="s">
        <v>2200</v>
      </c>
      <c r="C9743" t="s">
        <v>8727</v>
      </c>
      <c r="D9743" t="s">
        <v>8739</v>
      </c>
    </row>
    <row r="9744" spans="1:4" x14ac:dyDescent="0.4">
      <c r="A9744">
        <v>2210011</v>
      </c>
      <c r="B9744" t="s">
        <v>2200</v>
      </c>
      <c r="C9744" t="s">
        <v>8727</v>
      </c>
      <c r="D9744" t="s">
        <v>8740</v>
      </c>
    </row>
    <row r="9745" spans="1:4" x14ac:dyDescent="0.4">
      <c r="A9745">
        <v>2210015</v>
      </c>
      <c r="B9745" t="s">
        <v>2200</v>
      </c>
      <c r="C9745" t="s">
        <v>8727</v>
      </c>
      <c r="D9745" t="s">
        <v>8741</v>
      </c>
    </row>
    <row r="9746" spans="1:4" x14ac:dyDescent="0.4">
      <c r="A9746">
        <v>2210041</v>
      </c>
      <c r="B9746" t="s">
        <v>2200</v>
      </c>
      <c r="C9746" t="s">
        <v>8727</v>
      </c>
      <c r="D9746" t="s">
        <v>8742</v>
      </c>
    </row>
    <row r="9747" spans="1:4" x14ac:dyDescent="0.4">
      <c r="A9747">
        <v>2210801</v>
      </c>
      <c r="B9747" t="s">
        <v>2200</v>
      </c>
      <c r="C9747" t="s">
        <v>8727</v>
      </c>
      <c r="D9747" t="s">
        <v>8743</v>
      </c>
    </row>
    <row r="9748" spans="1:4" x14ac:dyDescent="0.4">
      <c r="A9748">
        <v>2210832</v>
      </c>
      <c r="B9748" t="s">
        <v>2200</v>
      </c>
      <c r="C9748" t="s">
        <v>8727</v>
      </c>
      <c r="D9748" t="s">
        <v>8744</v>
      </c>
    </row>
    <row r="9749" spans="1:4" x14ac:dyDescent="0.4">
      <c r="A9749">
        <v>2210056</v>
      </c>
      <c r="B9749" t="s">
        <v>2200</v>
      </c>
      <c r="C9749" t="s">
        <v>8727</v>
      </c>
      <c r="D9749" t="s">
        <v>8745</v>
      </c>
    </row>
    <row r="9750" spans="1:4" x14ac:dyDescent="0.4">
      <c r="A9750">
        <v>2210804</v>
      </c>
      <c r="B9750" t="s">
        <v>2200</v>
      </c>
      <c r="C9750" t="s">
        <v>8727</v>
      </c>
      <c r="D9750" t="s">
        <v>8746</v>
      </c>
    </row>
    <row r="9751" spans="1:4" x14ac:dyDescent="0.4">
      <c r="A9751">
        <v>2210051</v>
      </c>
      <c r="B9751" t="s">
        <v>2200</v>
      </c>
      <c r="C9751" t="s">
        <v>8727</v>
      </c>
      <c r="D9751" t="s">
        <v>8747</v>
      </c>
    </row>
    <row r="9752" spans="1:4" x14ac:dyDescent="0.4">
      <c r="A9752">
        <v>2210012</v>
      </c>
      <c r="B9752" t="s">
        <v>2200</v>
      </c>
      <c r="C9752" t="s">
        <v>8727</v>
      </c>
      <c r="D9752" t="s">
        <v>8748</v>
      </c>
    </row>
    <row r="9753" spans="1:4" x14ac:dyDescent="0.4">
      <c r="A9753">
        <v>2210021</v>
      </c>
      <c r="B9753" t="s">
        <v>2200</v>
      </c>
      <c r="C9753" t="s">
        <v>8727</v>
      </c>
      <c r="D9753" t="s">
        <v>8749</v>
      </c>
    </row>
    <row r="9754" spans="1:4" x14ac:dyDescent="0.4">
      <c r="A9754">
        <v>2210811</v>
      </c>
      <c r="B9754" t="s">
        <v>2200</v>
      </c>
      <c r="C9754" t="s">
        <v>8727</v>
      </c>
      <c r="D9754" t="s">
        <v>8750</v>
      </c>
    </row>
    <row r="9755" spans="1:4" x14ac:dyDescent="0.4">
      <c r="A9755">
        <v>2210052</v>
      </c>
      <c r="B9755" t="s">
        <v>2200</v>
      </c>
      <c r="C9755" t="s">
        <v>8727</v>
      </c>
      <c r="D9755" t="s">
        <v>255</v>
      </c>
    </row>
    <row r="9756" spans="1:4" x14ac:dyDescent="0.4">
      <c r="A9756">
        <v>2210844</v>
      </c>
      <c r="B9756" t="s">
        <v>2200</v>
      </c>
      <c r="C9756" t="s">
        <v>8727</v>
      </c>
      <c r="D9756" t="s">
        <v>8751</v>
      </c>
    </row>
    <row r="9757" spans="1:4" x14ac:dyDescent="0.4">
      <c r="A9757">
        <v>2210862</v>
      </c>
      <c r="B9757" t="s">
        <v>2200</v>
      </c>
      <c r="C9757" t="s">
        <v>8727</v>
      </c>
      <c r="D9757" t="s">
        <v>8752</v>
      </c>
    </row>
    <row r="9758" spans="1:4" x14ac:dyDescent="0.4">
      <c r="A9758">
        <v>2210075</v>
      </c>
      <c r="B9758" t="s">
        <v>2200</v>
      </c>
      <c r="C9758" t="s">
        <v>8727</v>
      </c>
      <c r="D9758" t="s">
        <v>8753</v>
      </c>
    </row>
    <row r="9759" spans="1:4" x14ac:dyDescent="0.4">
      <c r="A9759">
        <v>2210071</v>
      </c>
      <c r="B9759" t="s">
        <v>2200</v>
      </c>
      <c r="C9759" t="s">
        <v>8727</v>
      </c>
      <c r="D9759" t="s">
        <v>8754</v>
      </c>
    </row>
    <row r="9760" spans="1:4" x14ac:dyDescent="0.4">
      <c r="A9760">
        <v>2210072</v>
      </c>
      <c r="B9760" t="s">
        <v>2200</v>
      </c>
      <c r="C9760" t="s">
        <v>8727</v>
      </c>
      <c r="D9760" t="s">
        <v>8755</v>
      </c>
    </row>
    <row r="9761" spans="1:4" x14ac:dyDescent="0.4">
      <c r="A9761">
        <v>2210074</v>
      </c>
      <c r="B9761" t="s">
        <v>2200</v>
      </c>
      <c r="C9761" t="s">
        <v>8727</v>
      </c>
      <c r="D9761" t="s">
        <v>8756</v>
      </c>
    </row>
    <row r="9762" spans="1:4" x14ac:dyDescent="0.4">
      <c r="A9762">
        <v>2210073</v>
      </c>
      <c r="B9762" t="s">
        <v>2200</v>
      </c>
      <c r="C9762" t="s">
        <v>8727</v>
      </c>
      <c r="D9762" t="s">
        <v>8757</v>
      </c>
    </row>
    <row r="9763" spans="1:4" x14ac:dyDescent="0.4">
      <c r="A9763">
        <v>2210077</v>
      </c>
      <c r="B9763" t="s">
        <v>2200</v>
      </c>
      <c r="C9763" t="s">
        <v>8727</v>
      </c>
      <c r="D9763" t="s">
        <v>8758</v>
      </c>
    </row>
    <row r="9764" spans="1:4" x14ac:dyDescent="0.4">
      <c r="A9764">
        <v>2210076</v>
      </c>
      <c r="B9764" t="s">
        <v>2200</v>
      </c>
      <c r="C9764" t="s">
        <v>8727</v>
      </c>
      <c r="D9764" t="s">
        <v>8759</v>
      </c>
    </row>
    <row r="9765" spans="1:4" x14ac:dyDescent="0.4">
      <c r="A9765">
        <v>2210031</v>
      </c>
      <c r="B9765" t="s">
        <v>2200</v>
      </c>
      <c r="C9765" t="s">
        <v>8727</v>
      </c>
      <c r="D9765" t="s">
        <v>8760</v>
      </c>
    </row>
    <row r="9766" spans="1:4" x14ac:dyDescent="0.4">
      <c r="A9766">
        <v>2210013</v>
      </c>
      <c r="B9766" t="s">
        <v>2200</v>
      </c>
      <c r="C9766" t="s">
        <v>8727</v>
      </c>
      <c r="D9766" t="s">
        <v>8761</v>
      </c>
    </row>
    <row r="9767" spans="1:4" x14ac:dyDescent="0.4">
      <c r="A9767">
        <v>2210043</v>
      </c>
      <c r="B9767" t="s">
        <v>2200</v>
      </c>
      <c r="C9767" t="s">
        <v>8727</v>
      </c>
      <c r="D9767" t="s">
        <v>367</v>
      </c>
    </row>
    <row r="9768" spans="1:4" x14ac:dyDescent="0.4">
      <c r="A9768">
        <v>2210864</v>
      </c>
      <c r="B9768" t="s">
        <v>2200</v>
      </c>
      <c r="C9768" t="s">
        <v>8727</v>
      </c>
      <c r="D9768" t="s">
        <v>8762</v>
      </c>
    </row>
    <row r="9769" spans="1:4" x14ac:dyDescent="0.4">
      <c r="A9769">
        <v>2210033</v>
      </c>
      <c r="B9769" t="s">
        <v>2200</v>
      </c>
      <c r="C9769" t="s">
        <v>8727</v>
      </c>
      <c r="D9769" t="s">
        <v>8763</v>
      </c>
    </row>
    <row r="9770" spans="1:4" x14ac:dyDescent="0.4">
      <c r="A9770">
        <v>2210834</v>
      </c>
      <c r="B9770" t="s">
        <v>2200</v>
      </c>
      <c r="C9770" t="s">
        <v>8727</v>
      </c>
      <c r="D9770" t="s">
        <v>1571</v>
      </c>
    </row>
    <row r="9771" spans="1:4" x14ac:dyDescent="0.4">
      <c r="A9771">
        <v>2210833</v>
      </c>
      <c r="B9771" t="s">
        <v>2200</v>
      </c>
      <c r="C9771" t="s">
        <v>8727</v>
      </c>
      <c r="D9771" t="s">
        <v>8764</v>
      </c>
    </row>
    <row r="9772" spans="1:4" x14ac:dyDescent="0.4">
      <c r="A9772">
        <v>2210023</v>
      </c>
      <c r="B9772" t="s">
        <v>2200</v>
      </c>
      <c r="C9772" t="s">
        <v>8727</v>
      </c>
      <c r="D9772" t="s">
        <v>1454</v>
      </c>
    </row>
    <row r="9773" spans="1:4" x14ac:dyDescent="0.4">
      <c r="A9773">
        <v>2210063</v>
      </c>
      <c r="B9773" t="s">
        <v>2200</v>
      </c>
      <c r="C9773" t="s">
        <v>8727</v>
      </c>
      <c r="D9773" t="s">
        <v>8765</v>
      </c>
    </row>
    <row r="9774" spans="1:4" x14ac:dyDescent="0.4">
      <c r="A9774">
        <v>2210825</v>
      </c>
      <c r="B9774" t="s">
        <v>2200</v>
      </c>
      <c r="C9774" t="s">
        <v>8727</v>
      </c>
      <c r="D9774" t="s">
        <v>8766</v>
      </c>
    </row>
    <row r="9775" spans="1:4" x14ac:dyDescent="0.4">
      <c r="A9775">
        <v>2210036</v>
      </c>
      <c r="B9775" t="s">
        <v>2200</v>
      </c>
      <c r="C9775" t="s">
        <v>8727</v>
      </c>
      <c r="D9775" t="s">
        <v>8767</v>
      </c>
    </row>
    <row r="9776" spans="1:4" x14ac:dyDescent="0.4">
      <c r="A9776">
        <v>2210835</v>
      </c>
      <c r="B9776" t="s">
        <v>2200</v>
      </c>
      <c r="C9776" t="s">
        <v>8727</v>
      </c>
      <c r="D9776" t="s">
        <v>8768</v>
      </c>
    </row>
    <row r="9777" spans="1:4" x14ac:dyDescent="0.4">
      <c r="A9777">
        <v>2210821</v>
      </c>
      <c r="B9777" t="s">
        <v>2200</v>
      </c>
      <c r="C9777" t="s">
        <v>8727</v>
      </c>
      <c r="D9777" t="s">
        <v>8769</v>
      </c>
    </row>
    <row r="9778" spans="1:4" x14ac:dyDescent="0.4">
      <c r="A9778">
        <v>2210064</v>
      </c>
      <c r="B9778" t="s">
        <v>2200</v>
      </c>
      <c r="C9778" t="s">
        <v>8727</v>
      </c>
      <c r="D9778" t="s">
        <v>842</v>
      </c>
    </row>
    <row r="9779" spans="1:4" x14ac:dyDescent="0.4">
      <c r="A9779">
        <v>2210803</v>
      </c>
      <c r="B9779" t="s">
        <v>2200</v>
      </c>
      <c r="C9779" t="s">
        <v>8727</v>
      </c>
      <c r="D9779" t="s">
        <v>8770</v>
      </c>
    </row>
    <row r="9780" spans="1:4" x14ac:dyDescent="0.4">
      <c r="A9780">
        <v>2210061</v>
      </c>
      <c r="B9780" t="s">
        <v>2200</v>
      </c>
      <c r="C9780" t="s">
        <v>8727</v>
      </c>
      <c r="D9780" t="s">
        <v>8771</v>
      </c>
    </row>
    <row r="9781" spans="1:4" x14ac:dyDescent="0.4">
      <c r="A9781">
        <v>2210004</v>
      </c>
      <c r="B9781" t="s">
        <v>2200</v>
      </c>
      <c r="C9781" t="s">
        <v>8727</v>
      </c>
      <c r="D9781" t="s">
        <v>8772</v>
      </c>
    </row>
    <row r="9782" spans="1:4" x14ac:dyDescent="0.4">
      <c r="A9782">
        <v>2210822</v>
      </c>
      <c r="B9782" t="s">
        <v>2200</v>
      </c>
      <c r="C9782" t="s">
        <v>8727</v>
      </c>
      <c r="D9782" t="s">
        <v>8773</v>
      </c>
    </row>
    <row r="9783" spans="1:4" x14ac:dyDescent="0.4">
      <c r="A9783">
        <v>2210001</v>
      </c>
      <c r="B9783" t="s">
        <v>2200</v>
      </c>
      <c r="C9783" t="s">
        <v>8727</v>
      </c>
      <c r="D9783" t="s">
        <v>8774</v>
      </c>
    </row>
    <row r="9784" spans="1:4" x14ac:dyDescent="0.4">
      <c r="A9784">
        <v>2210813</v>
      </c>
      <c r="B9784" t="s">
        <v>2200</v>
      </c>
      <c r="C9784" t="s">
        <v>8727</v>
      </c>
      <c r="D9784" t="s">
        <v>8775</v>
      </c>
    </row>
    <row r="9785" spans="1:4" x14ac:dyDescent="0.4">
      <c r="A9785">
        <v>2210065</v>
      </c>
      <c r="B9785" t="s">
        <v>2200</v>
      </c>
      <c r="C9785" t="s">
        <v>8727</v>
      </c>
      <c r="D9785" t="s">
        <v>8776</v>
      </c>
    </row>
    <row r="9786" spans="1:4" x14ac:dyDescent="0.4">
      <c r="A9786">
        <v>2210863</v>
      </c>
      <c r="B9786" t="s">
        <v>2200</v>
      </c>
      <c r="C9786" t="s">
        <v>8727</v>
      </c>
      <c r="D9786" t="s">
        <v>8777</v>
      </c>
    </row>
    <row r="9787" spans="1:4" x14ac:dyDescent="0.4">
      <c r="A9787">
        <v>2210866</v>
      </c>
      <c r="B9787" t="s">
        <v>2200</v>
      </c>
      <c r="C9787" t="s">
        <v>8727</v>
      </c>
      <c r="D9787" t="s">
        <v>8778</v>
      </c>
    </row>
    <row r="9788" spans="1:4" x14ac:dyDescent="0.4">
      <c r="A9788">
        <v>2210053</v>
      </c>
      <c r="B9788" t="s">
        <v>2200</v>
      </c>
      <c r="C9788" t="s">
        <v>8727</v>
      </c>
      <c r="D9788" t="s">
        <v>7560</v>
      </c>
    </row>
    <row r="9789" spans="1:4" x14ac:dyDescent="0.4">
      <c r="A9789">
        <v>2210044</v>
      </c>
      <c r="B9789" t="s">
        <v>2200</v>
      </c>
      <c r="C9789" t="s">
        <v>8727</v>
      </c>
      <c r="D9789" t="s">
        <v>8779</v>
      </c>
    </row>
    <row r="9790" spans="1:4" x14ac:dyDescent="0.4">
      <c r="A9790">
        <v>2210812</v>
      </c>
      <c r="B9790" t="s">
        <v>2200</v>
      </c>
      <c r="C9790" t="s">
        <v>8727</v>
      </c>
      <c r="D9790" t="s">
        <v>61</v>
      </c>
    </row>
    <row r="9791" spans="1:4" x14ac:dyDescent="0.4">
      <c r="A9791">
        <v>2210824</v>
      </c>
      <c r="B9791" t="s">
        <v>2200</v>
      </c>
      <c r="C9791" t="s">
        <v>8727</v>
      </c>
      <c r="D9791" t="s">
        <v>8780</v>
      </c>
    </row>
    <row r="9792" spans="1:4" x14ac:dyDescent="0.4">
      <c r="A9792">
        <v>2210823</v>
      </c>
      <c r="B9792" t="s">
        <v>2200</v>
      </c>
      <c r="C9792" t="s">
        <v>8727</v>
      </c>
      <c r="D9792" t="s">
        <v>8781</v>
      </c>
    </row>
    <row r="9793" spans="1:4" x14ac:dyDescent="0.4">
      <c r="A9793">
        <v>2210035</v>
      </c>
      <c r="B9793" t="s">
        <v>2200</v>
      </c>
      <c r="C9793" t="s">
        <v>8727</v>
      </c>
      <c r="D9793" t="s">
        <v>8782</v>
      </c>
    </row>
    <row r="9794" spans="1:4" x14ac:dyDescent="0.4">
      <c r="A9794">
        <v>2210843</v>
      </c>
      <c r="B9794" t="s">
        <v>2200</v>
      </c>
      <c r="C9794" t="s">
        <v>8727</v>
      </c>
      <c r="D9794" t="s">
        <v>657</v>
      </c>
    </row>
    <row r="9795" spans="1:4" x14ac:dyDescent="0.4">
      <c r="A9795">
        <v>2210005</v>
      </c>
      <c r="B9795" t="s">
        <v>2200</v>
      </c>
      <c r="C9795" t="s">
        <v>8727</v>
      </c>
      <c r="D9795" t="s">
        <v>8783</v>
      </c>
    </row>
    <row r="9796" spans="1:4" x14ac:dyDescent="0.4">
      <c r="A9796">
        <v>2210841</v>
      </c>
      <c r="B9796" t="s">
        <v>2200</v>
      </c>
      <c r="C9796" t="s">
        <v>8727</v>
      </c>
      <c r="D9796" t="s">
        <v>6151</v>
      </c>
    </row>
    <row r="9797" spans="1:4" x14ac:dyDescent="0.4">
      <c r="A9797">
        <v>2210034</v>
      </c>
      <c r="B9797" t="s">
        <v>2200</v>
      </c>
      <c r="C9797" t="s">
        <v>8727</v>
      </c>
      <c r="D9797" t="s">
        <v>8784</v>
      </c>
    </row>
    <row r="9798" spans="1:4" x14ac:dyDescent="0.4">
      <c r="A9798">
        <v>2210856</v>
      </c>
      <c r="B9798" t="s">
        <v>2200</v>
      </c>
      <c r="C9798" t="s">
        <v>8727</v>
      </c>
      <c r="D9798" t="s">
        <v>8785</v>
      </c>
    </row>
    <row r="9799" spans="1:4" x14ac:dyDescent="0.4">
      <c r="A9799">
        <v>2210851</v>
      </c>
      <c r="B9799" t="s">
        <v>2200</v>
      </c>
      <c r="C9799" t="s">
        <v>8727</v>
      </c>
      <c r="D9799" t="s">
        <v>8786</v>
      </c>
    </row>
    <row r="9800" spans="1:4" x14ac:dyDescent="0.4">
      <c r="A9800">
        <v>2210852</v>
      </c>
      <c r="B9800" t="s">
        <v>2200</v>
      </c>
      <c r="C9800" t="s">
        <v>8727</v>
      </c>
      <c r="D9800" t="s">
        <v>8787</v>
      </c>
    </row>
    <row r="9801" spans="1:4" x14ac:dyDescent="0.4">
      <c r="A9801">
        <v>2210853</v>
      </c>
      <c r="B9801" t="s">
        <v>2200</v>
      </c>
      <c r="C9801" t="s">
        <v>8727</v>
      </c>
      <c r="D9801" t="s">
        <v>8788</v>
      </c>
    </row>
    <row r="9802" spans="1:4" x14ac:dyDescent="0.4">
      <c r="A9802">
        <v>2210855</v>
      </c>
      <c r="B9802" t="s">
        <v>2200</v>
      </c>
      <c r="C9802" t="s">
        <v>8727</v>
      </c>
      <c r="D9802" t="s">
        <v>8789</v>
      </c>
    </row>
    <row r="9803" spans="1:4" x14ac:dyDescent="0.4">
      <c r="A9803">
        <v>2210854</v>
      </c>
      <c r="B9803" t="s">
        <v>2200</v>
      </c>
      <c r="C9803" t="s">
        <v>8727</v>
      </c>
      <c r="D9803" t="s">
        <v>8790</v>
      </c>
    </row>
    <row r="9804" spans="1:4" x14ac:dyDescent="0.4">
      <c r="A9804">
        <v>2210022</v>
      </c>
      <c r="B9804" t="s">
        <v>2200</v>
      </c>
      <c r="C9804" t="s">
        <v>8727</v>
      </c>
      <c r="D9804" t="s">
        <v>8791</v>
      </c>
    </row>
    <row r="9805" spans="1:4" x14ac:dyDescent="0.4">
      <c r="A9805">
        <v>2210054</v>
      </c>
      <c r="B9805" t="s">
        <v>2200</v>
      </c>
      <c r="C9805" t="s">
        <v>8727</v>
      </c>
      <c r="D9805" t="s">
        <v>8792</v>
      </c>
    </row>
    <row r="9806" spans="1:4" x14ac:dyDescent="0.4">
      <c r="A9806">
        <v>2210802</v>
      </c>
      <c r="B9806" t="s">
        <v>2200</v>
      </c>
      <c r="C9806" t="s">
        <v>8727</v>
      </c>
      <c r="D9806" t="s">
        <v>8793</v>
      </c>
    </row>
    <row r="9807" spans="1:4" x14ac:dyDescent="0.4">
      <c r="A9807">
        <v>2200000</v>
      </c>
      <c r="B9807" t="s">
        <v>2200</v>
      </c>
      <c r="C9807" t="s">
        <v>2202</v>
      </c>
    </row>
    <row r="9808" spans="1:4" x14ac:dyDescent="0.4">
      <c r="A9808">
        <v>2200034</v>
      </c>
      <c r="B9808" t="s">
        <v>2200</v>
      </c>
      <c r="C9808" t="s">
        <v>2202</v>
      </c>
      <c r="D9808" t="s">
        <v>7748</v>
      </c>
    </row>
    <row r="9809" spans="1:4" x14ac:dyDescent="0.4">
      <c r="A9809">
        <v>2200033</v>
      </c>
      <c r="B9809" t="s">
        <v>2200</v>
      </c>
      <c r="C9809" t="s">
        <v>2202</v>
      </c>
      <c r="D9809" t="s">
        <v>8794</v>
      </c>
    </row>
    <row r="9810" spans="1:4" x14ac:dyDescent="0.4">
      <c r="A9810">
        <v>2200045</v>
      </c>
      <c r="B9810" t="s">
        <v>2200</v>
      </c>
      <c r="C9810" t="s">
        <v>2202</v>
      </c>
      <c r="D9810" t="s">
        <v>2693</v>
      </c>
    </row>
    <row r="9811" spans="1:4" x14ac:dyDescent="0.4">
      <c r="A9811">
        <v>2200032</v>
      </c>
      <c r="B9811" t="s">
        <v>2200</v>
      </c>
      <c r="C9811" t="s">
        <v>2202</v>
      </c>
      <c r="D9811" t="s">
        <v>3094</v>
      </c>
    </row>
    <row r="9812" spans="1:4" x14ac:dyDescent="0.4">
      <c r="A9812">
        <v>2200073</v>
      </c>
      <c r="B9812" t="s">
        <v>2200</v>
      </c>
      <c r="C9812" t="s">
        <v>2202</v>
      </c>
      <c r="D9812" t="s">
        <v>8651</v>
      </c>
    </row>
    <row r="9813" spans="1:4" x14ac:dyDescent="0.4">
      <c r="A9813">
        <v>2200035</v>
      </c>
      <c r="B9813" t="s">
        <v>2200</v>
      </c>
      <c r="C9813" t="s">
        <v>2202</v>
      </c>
      <c r="D9813" t="s">
        <v>8795</v>
      </c>
    </row>
    <row r="9814" spans="1:4" x14ac:dyDescent="0.4">
      <c r="A9814">
        <v>2200001</v>
      </c>
      <c r="B9814" t="s">
        <v>2200</v>
      </c>
      <c r="C9814" t="s">
        <v>2202</v>
      </c>
      <c r="D9814" t="s">
        <v>8796</v>
      </c>
    </row>
    <row r="9815" spans="1:4" x14ac:dyDescent="0.4">
      <c r="A9815">
        <v>2200004</v>
      </c>
      <c r="B9815" t="s">
        <v>2200</v>
      </c>
      <c r="C9815" t="s">
        <v>2202</v>
      </c>
      <c r="D9815" t="s">
        <v>8797</v>
      </c>
    </row>
    <row r="9816" spans="1:4" x14ac:dyDescent="0.4">
      <c r="A9816">
        <v>2200003</v>
      </c>
      <c r="B9816" t="s">
        <v>2200</v>
      </c>
      <c r="C9816" t="s">
        <v>2202</v>
      </c>
      <c r="D9816" t="s">
        <v>8798</v>
      </c>
    </row>
    <row r="9817" spans="1:4" x14ac:dyDescent="0.4">
      <c r="A9817">
        <v>2200061</v>
      </c>
      <c r="B9817" t="s">
        <v>2200</v>
      </c>
      <c r="C9817" t="s">
        <v>2202</v>
      </c>
      <c r="D9817" t="s">
        <v>8799</v>
      </c>
    </row>
    <row r="9818" spans="1:4" x14ac:dyDescent="0.4">
      <c r="A9818">
        <v>2200043</v>
      </c>
      <c r="B9818" t="s">
        <v>2200</v>
      </c>
      <c r="C9818" t="s">
        <v>2202</v>
      </c>
      <c r="D9818" t="s">
        <v>8800</v>
      </c>
    </row>
    <row r="9819" spans="1:4" x14ac:dyDescent="0.4">
      <c r="A9819">
        <v>2200054</v>
      </c>
      <c r="B9819" t="s">
        <v>2200</v>
      </c>
      <c r="C9819" t="s">
        <v>2202</v>
      </c>
      <c r="D9819" t="s">
        <v>8801</v>
      </c>
    </row>
    <row r="9820" spans="1:4" x14ac:dyDescent="0.4">
      <c r="A9820">
        <v>2200021</v>
      </c>
      <c r="B9820" t="s">
        <v>2200</v>
      </c>
      <c r="C9820" t="s">
        <v>2202</v>
      </c>
      <c r="D9820" t="s">
        <v>8802</v>
      </c>
    </row>
    <row r="9821" spans="1:4" x14ac:dyDescent="0.4">
      <c r="A9821">
        <v>2200071</v>
      </c>
      <c r="B9821" t="s">
        <v>2200</v>
      </c>
      <c r="C9821" t="s">
        <v>2202</v>
      </c>
      <c r="D9821" t="s">
        <v>7432</v>
      </c>
    </row>
    <row r="9822" spans="1:4" x14ac:dyDescent="0.4">
      <c r="A9822">
        <v>2590314</v>
      </c>
      <c r="B9822" t="s">
        <v>2200</v>
      </c>
      <c r="C9822" t="s">
        <v>8677</v>
      </c>
      <c r="D9822" t="s">
        <v>8803</v>
      </c>
    </row>
    <row r="9823" spans="1:4" x14ac:dyDescent="0.4">
      <c r="A9823">
        <v>2590304</v>
      </c>
      <c r="B9823" t="s">
        <v>2200</v>
      </c>
      <c r="C9823" t="s">
        <v>8677</v>
      </c>
      <c r="D9823" t="s">
        <v>2058</v>
      </c>
    </row>
    <row r="9824" spans="1:4" x14ac:dyDescent="0.4">
      <c r="A9824">
        <v>2590302</v>
      </c>
      <c r="B9824" t="s">
        <v>2200</v>
      </c>
      <c r="C9824" t="s">
        <v>8677</v>
      </c>
      <c r="D9824" t="s">
        <v>8804</v>
      </c>
    </row>
    <row r="9825" spans="1:4" x14ac:dyDescent="0.4">
      <c r="A9825">
        <v>2590312</v>
      </c>
      <c r="B9825" t="s">
        <v>2200</v>
      </c>
      <c r="C9825" t="s">
        <v>8677</v>
      </c>
      <c r="D9825" t="s">
        <v>7419</v>
      </c>
    </row>
    <row r="9826" spans="1:4" x14ac:dyDescent="0.4">
      <c r="A9826">
        <v>2590318</v>
      </c>
      <c r="B9826" t="s">
        <v>2200</v>
      </c>
      <c r="C9826" t="s">
        <v>8677</v>
      </c>
      <c r="D9826" t="s">
        <v>8805</v>
      </c>
    </row>
    <row r="9827" spans="1:4" x14ac:dyDescent="0.4">
      <c r="A9827">
        <v>2430300</v>
      </c>
      <c r="B9827" t="s">
        <v>2200</v>
      </c>
      <c r="C9827" t="s">
        <v>8806</v>
      </c>
    </row>
    <row r="9828" spans="1:4" x14ac:dyDescent="0.4">
      <c r="A9828">
        <v>2430302</v>
      </c>
      <c r="B9828" t="s">
        <v>2200</v>
      </c>
      <c r="C9828" t="s">
        <v>8806</v>
      </c>
      <c r="D9828" t="s">
        <v>8807</v>
      </c>
    </row>
    <row r="9829" spans="1:4" x14ac:dyDescent="0.4">
      <c r="A9829">
        <v>2430301</v>
      </c>
      <c r="B9829" t="s">
        <v>2200</v>
      </c>
      <c r="C9829" t="s">
        <v>8806</v>
      </c>
      <c r="D9829" t="s">
        <v>5498</v>
      </c>
    </row>
    <row r="9830" spans="1:4" x14ac:dyDescent="0.4">
      <c r="A9830">
        <v>2430306</v>
      </c>
      <c r="B9830" t="s">
        <v>2200</v>
      </c>
      <c r="C9830" t="s">
        <v>8806</v>
      </c>
      <c r="D9830" t="s">
        <v>7316</v>
      </c>
    </row>
    <row r="9831" spans="1:4" x14ac:dyDescent="0.4">
      <c r="A9831">
        <v>2430304</v>
      </c>
      <c r="B9831" t="s">
        <v>2200</v>
      </c>
      <c r="C9831" t="s">
        <v>8806</v>
      </c>
      <c r="D9831" t="s">
        <v>8437</v>
      </c>
    </row>
    <row r="9832" spans="1:4" x14ac:dyDescent="0.4">
      <c r="A9832">
        <v>2430303</v>
      </c>
      <c r="B9832" t="s">
        <v>2200</v>
      </c>
      <c r="C9832" t="s">
        <v>8806</v>
      </c>
      <c r="D9832" t="s">
        <v>8808</v>
      </c>
    </row>
    <row r="9833" spans="1:4" x14ac:dyDescent="0.4">
      <c r="A9833">
        <v>2430305</v>
      </c>
      <c r="B9833" t="s">
        <v>2200</v>
      </c>
      <c r="C9833" t="s">
        <v>8806</v>
      </c>
      <c r="D9833" t="s">
        <v>8809</v>
      </c>
    </row>
    <row r="9834" spans="1:4" x14ac:dyDescent="0.4">
      <c r="A9834">
        <v>2430307</v>
      </c>
      <c r="B9834" t="s">
        <v>2200</v>
      </c>
      <c r="C9834" t="s">
        <v>8806</v>
      </c>
      <c r="D9834" t="s">
        <v>8810</v>
      </c>
    </row>
    <row r="9835" spans="1:4" x14ac:dyDescent="0.4">
      <c r="A9835">
        <v>2430308</v>
      </c>
      <c r="B9835" t="s">
        <v>2200</v>
      </c>
      <c r="C9835" t="s">
        <v>8806</v>
      </c>
      <c r="D9835" t="s">
        <v>8811</v>
      </c>
    </row>
    <row r="9836" spans="1:4" x14ac:dyDescent="0.4">
      <c r="A9836">
        <v>2430100</v>
      </c>
      <c r="B9836" t="s">
        <v>2200</v>
      </c>
      <c r="C9836" t="s">
        <v>8812</v>
      </c>
    </row>
    <row r="9837" spans="1:4" x14ac:dyDescent="0.4">
      <c r="A9837">
        <v>2570061</v>
      </c>
      <c r="B9837" t="s">
        <v>2200</v>
      </c>
      <c r="C9837" t="s">
        <v>8812</v>
      </c>
      <c r="D9837" t="s">
        <v>8813</v>
      </c>
    </row>
    <row r="9838" spans="1:4" x14ac:dyDescent="0.4">
      <c r="A9838">
        <v>2430112</v>
      </c>
      <c r="B9838" t="s">
        <v>2200</v>
      </c>
      <c r="C9838" t="s">
        <v>8812</v>
      </c>
      <c r="D9838" t="s">
        <v>8814</v>
      </c>
    </row>
    <row r="9839" spans="1:4" x14ac:dyDescent="0.4">
      <c r="A9839">
        <v>2430111</v>
      </c>
      <c r="B9839" t="s">
        <v>2200</v>
      </c>
      <c r="C9839" t="s">
        <v>8812</v>
      </c>
      <c r="D9839" t="s">
        <v>8815</v>
      </c>
    </row>
    <row r="9840" spans="1:4" x14ac:dyDescent="0.4">
      <c r="A9840">
        <v>1560044</v>
      </c>
      <c r="B9840" t="s">
        <v>815</v>
      </c>
      <c r="C9840" t="s">
        <v>6389</v>
      </c>
      <c r="D9840" t="s">
        <v>8816</v>
      </c>
    </row>
    <row r="9841" spans="1:4" x14ac:dyDescent="0.4">
      <c r="A9841">
        <v>1540001</v>
      </c>
      <c r="B9841" t="s">
        <v>815</v>
      </c>
      <c r="C9841" t="s">
        <v>6389</v>
      </c>
      <c r="D9841" t="s">
        <v>8817</v>
      </c>
    </row>
    <row r="9842" spans="1:4" x14ac:dyDescent="0.4">
      <c r="A9842">
        <v>1570068</v>
      </c>
      <c r="B9842" t="s">
        <v>815</v>
      </c>
      <c r="C9842" t="s">
        <v>6389</v>
      </c>
      <c r="D9842" t="s">
        <v>8079</v>
      </c>
    </row>
    <row r="9843" spans="1:4" x14ac:dyDescent="0.4">
      <c r="A9843">
        <v>1540022</v>
      </c>
      <c r="B9843" t="s">
        <v>815</v>
      </c>
      <c r="C9843" t="s">
        <v>6389</v>
      </c>
      <c r="D9843" t="s">
        <v>8818</v>
      </c>
    </row>
    <row r="9844" spans="1:4" x14ac:dyDescent="0.4">
      <c r="A9844">
        <v>1570074</v>
      </c>
      <c r="B9844" t="s">
        <v>815</v>
      </c>
      <c r="C9844" t="s">
        <v>6389</v>
      </c>
      <c r="D9844" t="s">
        <v>617</v>
      </c>
    </row>
    <row r="9845" spans="1:4" x14ac:dyDescent="0.4">
      <c r="A9845">
        <v>1560041</v>
      </c>
      <c r="B9845" t="s">
        <v>815</v>
      </c>
      <c r="C9845" t="s">
        <v>6389</v>
      </c>
      <c r="D9845" t="s">
        <v>1827</v>
      </c>
    </row>
    <row r="9846" spans="1:4" x14ac:dyDescent="0.4">
      <c r="A9846">
        <v>1570076</v>
      </c>
      <c r="B9846" t="s">
        <v>815</v>
      </c>
      <c r="C9846" t="s">
        <v>6389</v>
      </c>
      <c r="D9846" t="s">
        <v>3184</v>
      </c>
    </row>
    <row r="9847" spans="1:4" x14ac:dyDescent="0.4">
      <c r="A9847">
        <v>1580083</v>
      </c>
      <c r="B9847" t="s">
        <v>815</v>
      </c>
      <c r="C9847" t="s">
        <v>6389</v>
      </c>
      <c r="D9847" t="s">
        <v>4422</v>
      </c>
    </row>
    <row r="9848" spans="1:4" x14ac:dyDescent="0.4">
      <c r="A9848">
        <v>1580086</v>
      </c>
      <c r="B9848" t="s">
        <v>815</v>
      </c>
      <c r="C9848" t="s">
        <v>6389</v>
      </c>
      <c r="D9848" t="s">
        <v>8819</v>
      </c>
    </row>
    <row r="9849" spans="1:4" x14ac:dyDescent="0.4">
      <c r="A9849">
        <v>1570063</v>
      </c>
      <c r="B9849" t="s">
        <v>815</v>
      </c>
      <c r="C9849" t="s">
        <v>6389</v>
      </c>
      <c r="D9849" t="s">
        <v>8820</v>
      </c>
    </row>
    <row r="9850" spans="1:4" x14ac:dyDescent="0.4">
      <c r="A9850">
        <v>1570077</v>
      </c>
      <c r="B9850" t="s">
        <v>815</v>
      </c>
      <c r="C9850" t="s">
        <v>6389</v>
      </c>
      <c r="D9850" t="s">
        <v>8821</v>
      </c>
    </row>
    <row r="9851" spans="1:4" x14ac:dyDescent="0.4">
      <c r="A9851">
        <v>1540011</v>
      </c>
      <c r="B9851" t="s">
        <v>815</v>
      </c>
      <c r="C9851" t="s">
        <v>6389</v>
      </c>
      <c r="D9851" t="s">
        <v>8822</v>
      </c>
    </row>
    <row r="9852" spans="1:4" x14ac:dyDescent="0.4">
      <c r="A9852">
        <v>1560057</v>
      </c>
      <c r="B9852" t="s">
        <v>815</v>
      </c>
      <c r="C9852" t="s">
        <v>6389</v>
      </c>
      <c r="D9852" t="s">
        <v>8823</v>
      </c>
    </row>
    <row r="9853" spans="1:4" x14ac:dyDescent="0.4">
      <c r="A9853">
        <v>1570065</v>
      </c>
      <c r="B9853" t="s">
        <v>815</v>
      </c>
      <c r="C9853" t="s">
        <v>6389</v>
      </c>
      <c r="D9853" t="s">
        <v>8824</v>
      </c>
    </row>
    <row r="9854" spans="1:4" x14ac:dyDescent="0.4">
      <c r="A9854">
        <v>1580093</v>
      </c>
      <c r="B9854" t="s">
        <v>815</v>
      </c>
      <c r="C9854" t="s">
        <v>6389</v>
      </c>
      <c r="D9854" t="s">
        <v>8825</v>
      </c>
    </row>
    <row r="9855" spans="1:4" x14ac:dyDescent="0.4">
      <c r="A9855">
        <v>1580098</v>
      </c>
      <c r="B9855" t="s">
        <v>815</v>
      </c>
      <c r="C9855" t="s">
        <v>6389</v>
      </c>
      <c r="D9855" t="s">
        <v>8826</v>
      </c>
    </row>
    <row r="9856" spans="1:4" x14ac:dyDescent="0.4">
      <c r="A9856">
        <v>1570061</v>
      </c>
      <c r="B9856" t="s">
        <v>815</v>
      </c>
      <c r="C9856" t="s">
        <v>6389</v>
      </c>
      <c r="D9856" t="s">
        <v>8827</v>
      </c>
    </row>
    <row r="9857" spans="1:4" x14ac:dyDescent="0.4">
      <c r="A9857">
        <v>1550031</v>
      </c>
      <c r="B9857" t="s">
        <v>815</v>
      </c>
      <c r="C9857" t="s">
        <v>6389</v>
      </c>
      <c r="D9857" t="s">
        <v>8828</v>
      </c>
    </row>
    <row r="9858" spans="1:4" x14ac:dyDescent="0.4">
      <c r="A9858">
        <v>1570067</v>
      </c>
      <c r="B9858" t="s">
        <v>815</v>
      </c>
      <c r="C9858" t="s">
        <v>6389</v>
      </c>
      <c r="D9858" t="s">
        <v>8829</v>
      </c>
    </row>
    <row r="9859" spans="1:4" x14ac:dyDescent="0.4">
      <c r="A9859">
        <v>1570073</v>
      </c>
      <c r="B9859" t="s">
        <v>815</v>
      </c>
      <c r="C9859" t="s">
        <v>6389</v>
      </c>
      <c r="D9859" t="s">
        <v>8830</v>
      </c>
    </row>
    <row r="9860" spans="1:4" x14ac:dyDescent="0.4">
      <c r="A9860">
        <v>1570075</v>
      </c>
      <c r="B9860" t="s">
        <v>815</v>
      </c>
      <c r="C9860" t="s">
        <v>6389</v>
      </c>
      <c r="D9860" t="s">
        <v>8831</v>
      </c>
    </row>
    <row r="9861" spans="1:4" x14ac:dyDescent="0.4">
      <c r="A9861">
        <v>1570064</v>
      </c>
      <c r="B9861" t="s">
        <v>815</v>
      </c>
      <c r="C9861" t="s">
        <v>6389</v>
      </c>
      <c r="D9861" t="s">
        <v>7336</v>
      </c>
    </row>
    <row r="9862" spans="1:4" x14ac:dyDescent="0.4">
      <c r="A9862">
        <v>1560052</v>
      </c>
      <c r="B9862" t="s">
        <v>815</v>
      </c>
      <c r="C9862" t="s">
        <v>6389</v>
      </c>
      <c r="D9862" t="s">
        <v>8832</v>
      </c>
    </row>
    <row r="9863" spans="1:4" x14ac:dyDescent="0.4">
      <c r="A9863">
        <v>1540021</v>
      </c>
      <c r="B9863" t="s">
        <v>815</v>
      </c>
      <c r="C9863" t="s">
        <v>6389</v>
      </c>
      <c r="D9863" t="s">
        <v>8833</v>
      </c>
    </row>
    <row r="9864" spans="1:4" x14ac:dyDescent="0.4">
      <c r="A9864">
        <v>1540012</v>
      </c>
      <c r="B9864" t="s">
        <v>815</v>
      </c>
      <c r="C9864" t="s">
        <v>6389</v>
      </c>
      <c r="D9864" t="s">
        <v>8834</v>
      </c>
    </row>
    <row r="9865" spans="1:4" x14ac:dyDescent="0.4">
      <c r="A9865">
        <v>1540013</v>
      </c>
      <c r="B9865" t="s">
        <v>815</v>
      </c>
      <c r="C9865" t="s">
        <v>6389</v>
      </c>
      <c r="D9865" t="s">
        <v>8835</v>
      </c>
    </row>
    <row r="9866" spans="1:4" x14ac:dyDescent="0.4">
      <c r="A9866">
        <v>1560053</v>
      </c>
      <c r="B9866" t="s">
        <v>815</v>
      </c>
      <c r="C9866" t="s">
        <v>6389</v>
      </c>
      <c r="D9866" t="s">
        <v>8836</v>
      </c>
    </row>
    <row r="9867" spans="1:4" x14ac:dyDescent="0.4">
      <c r="A9867">
        <v>1560054</v>
      </c>
      <c r="B9867" t="s">
        <v>815</v>
      </c>
      <c r="C9867" t="s">
        <v>6389</v>
      </c>
      <c r="D9867" t="s">
        <v>8837</v>
      </c>
    </row>
    <row r="9868" spans="1:4" x14ac:dyDescent="0.4">
      <c r="A9868">
        <v>1540015</v>
      </c>
      <c r="B9868" t="s">
        <v>815</v>
      </c>
      <c r="C9868" t="s">
        <v>6389</v>
      </c>
      <c r="D9868" t="s">
        <v>8838</v>
      </c>
    </row>
    <row r="9869" spans="1:4" x14ac:dyDescent="0.4">
      <c r="A9869">
        <v>1560045</v>
      </c>
      <c r="B9869" t="s">
        <v>815</v>
      </c>
      <c r="C9869" t="s">
        <v>6389</v>
      </c>
      <c r="D9869" t="s">
        <v>8839</v>
      </c>
    </row>
    <row r="9870" spans="1:4" x14ac:dyDescent="0.4">
      <c r="A9870">
        <v>1540024</v>
      </c>
      <c r="B9870" t="s">
        <v>815</v>
      </c>
      <c r="C9870" t="s">
        <v>6389</v>
      </c>
      <c r="D9870" t="s">
        <v>8840</v>
      </c>
    </row>
    <row r="9871" spans="1:4" x14ac:dyDescent="0.4">
      <c r="A9871">
        <v>1540002</v>
      </c>
      <c r="B9871" t="s">
        <v>815</v>
      </c>
      <c r="C9871" t="s">
        <v>6389</v>
      </c>
      <c r="D9871" t="s">
        <v>8841</v>
      </c>
    </row>
    <row r="9872" spans="1:4" x14ac:dyDescent="0.4">
      <c r="A9872">
        <v>1540014</v>
      </c>
      <c r="B9872" t="s">
        <v>815</v>
      </c>
      <c r="C9872" t="s">
        <v>6389</v>
      </c>
      <c r="D9872" t="s">
        <v>367</v>
      </c>
    </row>
    <row r="9873" spans="1:4" x14ac:dyDescent="0.4">
      <c r="A9873">
        <v>1570066</v>
      </c>
      <c r="B9873" t="s">
        <v>815</v>
      </c>
      <c r="C9873" t="s">
        <v>6389</v>
      </c>
      <c r="D9873" t="s">
        <v>8842</v>
      </c>
    </row>
    <row r="9874" spans="1:4" x14ac:dyDescent="0.4">
      <c r="A9874">
        <v>1580095</v>
      </c>
      <c r="B9874" t="s">
        <v>815</v>
      </c>
      <c r="C9874" t="s">
        <v>6389</v>
      </c>
      <c r="D9874" t="s">
        <v>8088</v>
      </c>
    </row>
    <row r="9875" spans="1:4" x14ac:dyDescent="0.4">
      <c r="A9875">
        <v>1540017</v>
      </c>
      <c r="B9875" t="s">
        <v>815</v>
      </c>
      <c r="C9875" t="s">
        <v>6389</v>
      </c>
      <c r="D9875" t="s">
        <v>8843</v>
      </c>
    </row>
    <row r="9876" spans="1:4" x14ac:dyDescent="0.4">
      <c r="A9876">
        <v>1570072</v>
      </c>
      <c r="B9876" t="s">
        <v>815</v>
      </c>
      <c r="C9876" t="s">
        <v>6389</v>
      </c>
      <c r="D9876" t="s">
        <v>8844</v>
      </c>
    </row>
    <row r="9877" spans="1:4" x14ac:dyDescent="0.4">
      <c r="A9877">
        <v>1540004</v>
      </c>
      <c r="B9877" t="s">
        <v>815</v>
      </c>
      <c r="C9877" t="s">
        <v>6389</v>
      </c>
      <c r="D9877" t="s">
        <v>8845</v>
      </c>
    </row>
    <row r="9878" spans="1:4" x14ac:dyDescent="0.4">
      <c r="A9878">
        <v>1550032</v>
      </c>
      <c r="B9878" t="s">
        <v>815</v>
      </c>
      <c r="C9878" t="s">
        <v>6389</v>
      </c>
      <c r="D9878" t="s">
        <v>8846</v>
      </c>
    </row>
    <row r="9879" spans="1:4" x14ac:dyDescent="0.4">
      <c r="A9879">
        <v>1550033</v>
      </c>
      <c r="B9879" t="s">
        <v>815</v>
      </c>
      <c r="C9879" t="s">
        <v>6389</v>
      </c>
      <c r="D9879" t="s">
        <v>8847</v>
      </c>
    </row>
    <row r="9880" spans="1:4" x14ac:dyDescent="0.4">
      <c r="A9880">
        <v>1580094</v>
      </c>
      <c r="B9880" t="s">
        <v>815</v>
      </c>
      <c r="C9880" t="s">
        <v>6389</v>
      </c>
      <c r="D9880" t="s">
        <v>4383</v>
      </c>
    </row>
    <row r="9881" spans="1:4" x14ac:dyDescent="0.4">
      <c r="A9881">
        <v>1580096</v>
      </c>
      <c r="B9881" t="s">
        <v>815</v>
      </c>
      <c r="C9881" t="s">
        <v>6389</v>
      </c>
      <c r="D9881" t="s">
        <v>8848</v>
      </c>
    </row>
    <row r="9882" spans="1:4" x14ac:dyDescent="0.4">
      <c r="A9882">
        <v>1580085</v>
      </c>
      <c r="B9882" t="s">
        <v>815</v>
      </c>
      <c r="C9882" t="s">
        <v>6389</v>
      </c>
      <c r="D9882" t="s">
        <v>8849</v>
      </c>
    </row>
    <row r="9883" spans="1:4" x14ac:dyDescent="0.4">
      <c r="A9883">
        <v>1580087</v>
      </c>
      <c r="B9883" t="s">
        <v>815</v>
      </c>
      <c r="C9883" t="s">
        <v>6389</v>
      </c>
      <c r="D9883" t="s">
        <v>8850</v>
      </c>
    </row>
    <row r="9884" spans="1:4" x14ac:dyDescent="0.4">
      <c r="A9884">
        <v>1570071</v>
      </c>
      <c r="B9884" t="s">
        <v>815</v>
      </c>
      <c r="C9884" t="s">
        <v>6389</v>
      </c>
      <c r="D9884" t="s">
        <v>8851</v>
      </c>
    </row>
    <row r="9885" spans="1:4" x14ac:dyDescent="0.4">
      <c r="A9885">
        <v>1540016</v>
      </c>
      <c r="B9885" t="s">
        <v>815</v>
      </c>
      <c r="C9885" t="s">
        <v>6389</v>
      </c>
      <c r="D9885" t="s">
        <v>8852</v>
      </c>
    </row>
    <row r="9886" spans="1:4" x14ac:dyDescent="0.4">
      <c r="A9886">
        <v>1580082</v>
      </c>
      <c r="B9886" t="s">
        <v>815</v>
      </c>
      <c r="C9886" t="s">
        <v>6389</v>
      </c>
      <c r="D9886" t="s">
        <v>8073</v>
      </c>
    </row>
    <row r="9887" spans="1:4" x14ac:dyDescent="0.4">
      <c r="A9887">
        <v>1580091</v>
      </c>
      <c r="B9887" t="s">
        <v>815</v>
      </c>
      <c r="C9887" t="s">
        <v>6389</v>
      </c>
      <c r="D9887" t="s">
        <v>1585</v>
      </c>
    </row>
    <row r="9888" spans="1:4" x14ac:dyDescent="0.4">
      <c r="A9888">
        <v>1580092</v>
      </c>
      <c r="B9888" t="s">
        <v>815</v>
      </c>
      <c r="C9888" t="s">
        <v>6389</v>
      </c>
      <c r="D9888" t="s">
        <v>3945</v>
      </c>
    </row>
    <row r="9889" spans="1:4" x14ac:dyDescent="0.4">
      <c r="A9889">
        <v>1540003</v>
      </c>
      <c r="B9889" t="s">
        <v>815</v>
      </c>
      <c r="C9889" t="s">
        <v>6389</v>
      </c>
      <c r="D9889" t="s">
        <v>4666</v>
      </c>
    </row>
    <row r="9890" spans="1:4" x14ac:dyDescent="0.4">
      <c r="A9890">
        <v>1560056</v>
      </c>
      <c r="B9890" t="s">
        <v>815</v>
      </c>
      <c r="C9890" t="s">
        <v>6389</v>
      </c>
      <c r="D9890" t="s">
        <v>8853</v>
      </c>
    </row>
    <row r="9891" spans="1:4" x14ac:dyDescent="0.4">
      <c r="A9891">
        <v>1560042</v>
      </c>
      <c r="B9891" t="s">
        <v>815</v>
      </c>
      <c r="C9891" t="s">
        <v>6389</v>
      </c>
      <c r="D9891" t="s">
        <v>8854</v>
      </c>
    </row>
    <row r="9892" spans="1:4" x14ac:dyDescent="0.4">
      <c r="A9892">
        <v>1580084</v>
      </c>
      <c r="B9892" t="s">
        <v>815</v>
      </c>
      <c r="C9892" t="s">
        <v>6389</v>
      </c>
      <c r="D9892" t="s">
        <v>8855</v>
      </c>
    </row>
    <row r="9893" spans="1:4" x14ac:dyDescent="0.4">
      <c r="A9893">
        <v>1580081</v>
      </c>
      <c r="B9893" t="s">
        <v>815</v>
      </c>
      <c r="C9893" t="s">
        <v>6389</v>
      </c>
      <c r="D9893" t="s">
        <v>7345</v>
      </c>
    </row>
    <row r="9894" spans="1:4" x14ac:dyDescent="0.4">
      <c r="A9894">
        <v>1560055</v>
      </c>
      <c r="B9894" t="s">
        <v>815</v>
      </c>
      <c r="C9894" t="s">
        <v>6389</v>
      </c>
      <c r="D9894" t="s">
        <v>8856</v>
      </c>
    </row>
    <row r="9895" spans="1:4" x14ac:dyDescent="0.4">
      <c r="A9895">
        <v>1560043</v>
      </c>
      <c r="B9895" t="s">
        <v>815</v>
      </c>
      <c r="C9895" t="s">
        <v>6389</v>
      </c>
      <c r="D9895" t="s">
        <v>1702</v>
      </c>
    </row>
    <row r="9896" spans="1:4" x14ac:dyDescent="0.4">
      <c r="A9896">
        <v>1540005</v>
      </c>
      <c r="B9896" t="s">
        <v>815</v>
      </c>
      <c r="C9896" t="s">
        <v>6389</v>
      </c>
      <c r="D9896" t="s">
        <v>8857</v>
      </c>
    </row>
    <row r="9897" spans="1:4" x14ac:dyDescent="0.4">
      <c r="A9897">
        <v>1570062</v>
      </c>
      <c r="B9897" t="s">
        <v>815</v>
      </c>
      <c r="C9897" t="s">
        <v>6389</v>
      </c>
      <c r="D9897" t="s">
        <v>8858</v>
      </c>
    </row>
    <row r="9898" spans="1:4" x14ac:dyDescent="0.4">
      <c r="A9898">
        <v>1560051</v>
      </c>
      <c r="B9898" t="s">
        <v>815</v>
      </c>
      <c r="C9898" t="s">
        <v>6389</v>
      </c>
      <c r="D9898" t="s">
        <v>8859</v>
      </c>
    </row>
    <row r="9899" spans="1:4" x14ac:dyDescent="0.4">
      <c r="A9899">
        <v>1580097</v>
      </c>
      <c r="B9899" t="s">
        <v>815</v>
      </c>
      <c r="C9899" t="s">
        <v>6389</v>
      </c>
      <c r="D9899" t="s">
        <v>8860</v>
      </c>
    </row>
    <row r="9900" spans="1:4" x14ac:dyDescent="0.4">
      <c r="A9900">
        <v>1540023</v>
      </c>
      <c r="B9900" t="s">
        <v>815</v>
      </c>
      <c r="C9900" t="s">
        <v>6389</v>
      </c>
      <c r="D9900" t="s">
        <v>8861</v>
      </c>
    </row>
    <row r="9901" spans="1:4" x14ac:dyDescent="0.4">
      <c r="A9901">
        <v>1500000</v>
      </c>
      <c r="B9901" t="s">
        <v>815</v>
      </c>
      <c r="C9901" t="s">
        <v>8862</v>
      </c>
    </row>
    <row r="9902" spans="1:4" x14ac:dyDescent="0.4">
      <c r="A9902">
        <v>1510064</v>
      </c>
      <c r="B9902" t="s">
        <v>815</v>
      </c>
      <c r="C9902" t="s">
        <v>8862</v>
      </c>
      <c r="D9902" t="s">
        <v>611</v>
      </c>
    </row>
    <row r="9903" spans="1:4" x14ac:dyDescent="0.4">
      <c r="A9903">
        <v>1500032</v>
      </c>
      <c r="B9903" t="s">
        <v>815</v>
      </c>
      <c r="C9903" t="s">
        <v>8862</v>
      </c>
      <c r="D9903" t="s">
        <v>8863</v>
      </c>
    </row>
    <row r="9904" spans="1:4" x14ac:dyDescent="0.4">
      <c r="A9904">
        <v>1500042</v>
      </c>
      <c r="B9904" t="s">
        <v>815</v>
      </c>
      <c r="C9904" t="s">
        <v>8862</v>
      </c>
      <c r="D9904" t="s">
        <v>8864</v>
      </c>
    </row>
    <row r="9905" spans="1:4" x14ac:dyDescent="0.4">
      <c r="A9905">
        <v>1500013</v>
      </c>
      <c r="B9905" t="s">
        <v>815</v>
      </c>
      <c r="C9905" t="s">
        <v>8862</v>
      </c>
      <c r="D9905" t="s">
        <v>8865</v>
      </c>
    </row>
    <row r="9906" spans="1:4" x14ac:dyDescent="0.4">
      <c r="A9906">
        <v>1506090</v>
      </c>
      <c r="B9906" t="s">
        <v>815</v>
      </c>
      <c r="C9906" t="s">
        <v>8862</v>
      </c>
      <c r="D9906" t="s">
        <v>8866</v>
      </c>
    </row>
    <row r="9907" spans="1:4" x14ac:dyDescent="0.4">
      <c r="A9907">
        <v>1506001</v>
      </c>
      <c r="B9907" t="s">
        <v>815</v>
      </c>
      <c r="C9907" t="s">
        <v>8862</v>
      </c>
      <c r="D9907" t="s">
        <v>8867</v>
      </c>
    </row>
    <row r="9908" spans="1:4" x14ac:dyDescent="0.4">
      <c r="A9908">
        <v>1506002</v>
      </c>
      <c r="B9908" t="s">
        <v>815</v>
      </c>
      <c r="C9908" t="s">
        <v>8862</v>
      </c>
      <c r="D9908" t="s">
        <v>8868</v>
      </c>
    </row>
    <row r="9909" spans="1:4" x14ac:dyDescent="0.4">
      <c r="A9909">
        <v>1506003</v>
      </c>
      <c r="B9909" t="s">
        <v>815</v>
      </c>
      <c r="C9909" t="s">
        <v>8862</v>
      </c>
      <c r="D9909" t="s">
        <v>8869</v>
      </c>
    </row>
    <row r="9910" spans="1:4" x14ac:dyDescent="0.4">
      <c r="A9910">
        <v>1506004</v>
      </c>
      <c r="B9910" t="s">
        <v>815</v>
      </c>
      <c r="C9910" t="s">
        <v>8862</v>
      </c>
      <c r="D9910" t="s">
        <v>8870</v>
      </c>
    </row>
    <row r="9911" spans="1:4" x14ac:dyDescent="0.4">
      <c r="A9911">
        <v>1506005</v>
      </c>
      <c r="B9911" t="s">
        <v>815</v>
      </c>
      <c r="C9911" t="s">
        <v>8862</v>
      </c>
      <c r="D9911" t="s">
        <v>8871</v>
      </c>
    </row>
    <row r="9912" spans="1:4" x14ac:dyDescent="0.4">
      <c r="A9912">
        <v>1506006</v>
      </c>
      <c r="B9912" t="s">
        <v>815</v>
      </c>
      <c r="C9912" t="s">
        <v>8862</v>
      </c>
      <c r="D9912" t="s">
        <v>8872</v>
      </c>
    </row>
    <row r="9913" spans="1:4" x14ac:dyDescent="0.4">
      <c r="A9913">
        <v>1506007</v>
      </c>
      <c r="B9913" t="s">
        <v>815</v>
      </c>
      <c r="C9913" t="s">
        <v>8862</v>
      </c>
      <c r="D9913" t="s">
        <v>8873</v>
      </c>
    </row>
    <row r="9914" spans="1:4" x14ac:dyDescent="0.4">
      <c r="A9914">
        <v>1506008</v>
      </c>
      <c r="B9914" t="s">
        <v>815</v>
      </c>
      <c r="C9914" t="s">
        <v>8862</v>
      </c>
      <c r="D9914" t="s">
        <v>8874</v>
      </c>
    </row>
    <row r="9915" spans="1:4" x14ac:dyDescent="0.4">
      <c r="A9915">
        <v>1506009</v>
      </c>
      <c r="B9915" t="s">
        <v>815</v>
      </c>
      <c r="C9915" t="s">
        <v>8862</v>
      </c>
      <c r="D9915" t="s">
        <v>8875</v>
      </c>
    </row>
    <row r="9916" spans="1:4" x14ac:dyDescent="0.4">
      <c r="A9916">
        <v>1506010</v>
      </c>
      <c r="B9916" t="s">
        <v>815</v>
      </c>
      <c r="C9916" t="s">
        <v>8862</v>
      </c>
      <c r="D9916" t="s">
        <v>8876</v>
      </c>
    </row>
    <row r="9917" spans="1:4" x14ac:dyDescent="0.4">
      <c r="A9917">
        <v>1506011</v>
      </c>
      <c r="B9917" t="s">
        <v>815</v>
      </c>
      <c r="C9917" t="s">
        <v>8862</v>
      </c>
      <c r="D9917" t="s">
        <v>8877</v>
      </c>
    </row>
    <row r="9918" spans="1:4" x14ac:dyDescent="0.4">
      <c r="A9918">
        <v>1506012</v>
      </c>
      <c r="B9918" t="s">
        <v>815</v>
      </c>
      <c r="C9918" t="s">
        <v>8862</v>
      </c>
      <c r="D9918" t="s">
        <v>8878</v>
      </c>
    </row>
    <row r="9919" spans="1:4" x14ac:dyDescent="0.4">
      <c r="A9919">
        <v>1506013</v>
      </c>
      <c r="B9919" t="s">
        <v>815</v>
      </c>
      <c r="C9919" t="s">
        <v>8862</v>
      </c>
      <c r="D9919" t="s">
        <v>8879</v>
      </c>
    </row>
    <row r="9920" spans="1:4" x14ac:dyDescent="0.4">
      <c r="A9920">
        <v>1506014</v>
      </c>
      <c r="B9920" t="s">
        <v>815</v>
      </c>
      <c r="C9920" t="s">
        <v>8862</v>
      </c>
      <c r="D9920" t="s">
        <v>8880</v>
      </c>
    </row>
    <row r="9921" spans="1:4" x14ac:dyDescent="0.4">
      <c r="A9921">
        <v>1506015</v>
      </c>
      <c r="B9921" t="s">
        <v>815</v>
      </c>
      <c r="C9921" t="s">
        <v>8862</v>
      </c>
      <c r="D9921" t="s">
        <v>8881</v>
      </c>
    </row>
    <row r="9922" spans="1:4" x14ac:dyDescent="0.4">
      <c r="A9922">
        <v>1506016</v>
      </c>
      <c r="B9922" t="s">
        <v>815</v>
      </c>
      <c r="C9922" t="s">
        <v>8862</v>
      </c>
      <c r="D9922" t="s">
        <v>8882</v>
      </c>
    </row>
    <row r="9923" spans="1:4" x14ac:dyDescent="0.4">
      <c r="A9923">
        <v>1506017</v>
      </c>
      <c r="B9923" t="s">
        <v>815</v>
      </c>
      <c r="C9923" t="s">
        <v>8862</v>
      </c>
      <c r="D9923" t="s">
        <v>8883</v>
      </c>
    </row>
    <row r="9924" spans="1:4" x14ac:dyDescent="0.4">
      <c r="A9924">
        <v>1506018</v>
      </c>
      <c r="B9924" t="s">
        <v>815</v>
      </c>
      <c r="C9924" t="s">
        <v>8862</v>
      </c>
      <c r="D9924" t="s">
        <v>8884</v>
      </c>
    </row>
    <row r="9925" spans="1:4" x14ac:dyDescent="0.4">
      <c r="A9925">
        <v>1506019</v>
      </c>
      <c r="B9925" t="s">
        <v>815</v>
      </c>
      <c r="C9925" t="s">
        <v>8862</v>
      </c>
      <c r="D9925" t="s">
        <v>8885</v>
      </c>
    </row>
    <row r="9926" spans="1:4" x14ac:dyDescent="0.4">
      <c r="A9926">
        <v>1506020</v>
      </c>
      <c r="B9926" t="s">
        <v>815</v>
      </c>
      <c r="C9926" t="s">
        <v>8862</v>
      </c>
      <c r="D9926" t="s">
        <v>8886</v>
      </c>
    </row>
    <row r="9927" spans="1:4" x14ac:dyDescent="0.4">
      <c r="A9927">
        <v>1506021</v>
      </c>
      <c r="B9927" t="s">
        <v>815</v>
      </c>
      <c r="C9927" t="s">
        <v>8862</v>
      </c>
      <c r="D9927" t="s">
        <v>8887</v>
      </c>
    </row>
    <row r="9928" spans="1:4" x14ac:dyDescent="0.4">
      <c r="A9928">
        <v>1506022</v>
      </c>
      <c r="B9928" t="s">
        <v>815</v>
      </c>
      <c r="C9928" t="s">
        <v>8862</v>
      </c>
      <c r="D9928" t="s">
        <v>8888</v>
      </c>
    </row>
    <row r="9929" spans="1:4" x14ac:dyDescent="0.4">
      <c r="A9929">
        <v>1506023</v>
      </c>
      <c r="B9929" t="s">
        <v>815</v>
      </c>
      <c r="C9929" t="s">
        <v>8862</v>
      </c>
      <c r="D9929" t="s">
        <v>8889</v>
      </c>
    </row>
    <row r="9930" spans="1:4" x14ac:dyDescent="0.4">
      <c r="A9930">
        <v>1506024</v>
      </c>
      <c r="B9930" t="s">
        <v>815</v>
      </c>
      <c r="C9930" t="s">
        <v>8862</v>
      </c>
      <c r="D9930" t="s">
        <v>8890</v>
      </c>
    </row>
    <row r="9931" spans="1:4" x14ac:dyDescent="0.4">
      <c r="A9931">
        <v>1506025</v>
      </c>
      <c r="B9931" t="s">
        <v>815</v>
      </c>
      <c r="C9931" t="s">
        <v>8862</v>
      </c>
      <c r="D9931" t="s">
        <v>8891</v>
      </c>
    </row>
    <row r="9932" spans="1:4" x14ac:dyDescent="0.4">
      <c r="A9932">
        <v>1506026</v>
      </c>
      <c r="B9932" t="s">
        <v>815</v>
      </c>
      <c r="C9932" t="s">
        <v>8862</v>
      </c>
      <c r="D9932" t="s">
        <v>8892</v>
      </c>
    </row>
    <row r="9933" spans="1:4" x14ac:dyDescent="0.4">
      <c r="A9933">
        <v>1506027</v>
      </c>
      <c r="B9933" t="s">
        <v>815</v>
      </c>
      <c r="C9933" t="s">
        <v>8862</v>
      </c>
      <c r="D9933" t="s">
        <v>8893</v>
      </c>
    </row>
    <row r="9934" spans="1:4" x14ac:dyDescent="0.4">
      <c r="A9934">
        <v>1506028</v>
      </c>
      <c r="B9934" t="s">
        <v>815</v>
      </c>
      <c r="C9934" t="s">
        <v>8862</v>
      </c>
      <c r="D9934" t="s">
        <v>8894</v>
      </c>
    </row>
    <row r="9935" spans="1:4" x14ac:dyDescent="0.4">
      <c r="A9935">
        <v>1506029</v>
      </c>
      <c r="B9935" t="s">
        <v>815</v>
      </c>
      <c r="C9935" t="s">
        <v>8862</v>
      </c>
      <c r="D9935" t="s">
        <v>8895</v>
      </c>
    </row>
    <row r="9936" spans="1:4" x14ac:dyDescent="0.4">
      <c r="A9936">
        <v>1506030</v>
      </c>
      <c r="B9936" t="s">
        <v>815</v>
      </c>
      <c r="C9936" t="s">
        <v>8862</v>
      </c>
      <c r="D9936" t="s">
        <v>8896</v>
      </c>
    </row>
    <row r="9937" spans="1:4" x14ac:dyDescent="0.4">
      <c r="A9937">
        <v>1506031</v>
      </c>
      <c r="B9937" t="s">
        <v>815</v>
      </c>
      <c r="C9937" t="s">
        <v>8862</v>
      </c>
      <c r="D9937" t="s">
        <v>8897</v>
      </c>
    </row>
    <row r="9938" spans="1:4" x14ac:dyDescent="0.4">
      <c r="A9938">
        <v>1506032</v>
      </c>
      <c r="B9938" t="s">
        <v>815</v>
      </c>
      <c r="C9938" t="s">
        <v>8862</v>
      </c>
      <c r="D9938" t="s">
        <v>8898</v>
      </c>
    </row>
    <row r="9939" spans="1:4" x14ac:dyDescent="0.4">
      <c r="A9939">
        <v>1506033</v>
      </c>
      <c r="B9939" t="s">
        <v>815</v>
      </c>
      <c r="C9939" t="s">
        <v>8862</v>
      </c>
      <c r="D9939" t="s">
        <v>8899</v>
      </c>
    </row>
    <row r="9940" spans="1:4" x14ac:dyDescent="0.4">
      <c r="A9940">
        <v>1506034</v>
      </c>
      <c r="B9940" t="s">
        <v>815</v>
      </c>
      <c r="C9940" t="s">
        <v>8862</v>
      </c>
      <c r="D9940" t="s">
        <v>8900</v>
      </c>
    </row>
    <row r="9941" spans="1:4" x14ac:dyDescent="0.4">
      <c r="A9941">
        <v>1506035</v>
      </c>
      <c r="B9941" t="s">
        <v>815</v>
      </c>
      <c r="C9941" t="s">
        <v>8862</v>
      </c>
      <c r="D9941" t="s">
        <v>8901</v>
      </c>
    </row>
    <row r="9942" spans="1:4" x14ac:dyDescent="0.4">
      <c r="A9942">
        <v>1506036</v>
      </c>
      <c r="B9942" t="s">
        <v>815</v>
      </c>
      <c r="C9942" t="s">
        <v>8862</v>
      </c>
      <c r="D9942" t="s">
        <v>8902</v>
      </c>
    </row>
    <row r="9943" spans="1:4" x14ac:dyDescent="0.4">
      <c r="A9943">
        <v>1506037</v>
      </c>
      <c r="B9943" t="s">
        <v>815</v>
      </c>
      <c r="C9943" t="s">
        <v>8862</v>
      </c>
      <c r="D9943" t="s">
        <v>8903</v>
      </c>
    </row>
    <row r="9944" spans="1:4" x14ac:dyDescent="0.4">
      <c r="A9944">
        <v>1506038</v>
      </c>
      <c r="B9944" t="s">
        <v>815</v>
      </c>
      <c r="C9944" t="s">
        <v>8862</v>
      </c>
      <c r="D9944" t="s">
        <v>8904</v>
      </c>
    </row>
    <row r="9945" spans="1:4" x14ac:dyDescent="0.4">
      <c r="A9945">
        <v>1506039</v>
      </c>
      <c r="B9945" t="s">
        <v>815</v>
      </c>
      <c r="C9945" t="s">
        <v>8862</v>
      </c>
      <c r="D9945" t="s">
        <v>8905</v>
      </c>
    </row>
    <row r="9946" spans="1:4" x14ac:dyDescent="0.4">
      <c r="A9946">
        <v>1500021</v>
      </c>
      <c r="B9946" t="s">
        <v>815</v>
      </c>
      <c r="C9946" t="s">
        <v>8862</v>
      </c>
      <c r="D9946" t="s">
        <v>8906</v>
      </c>
    </row>
    <row r="9947" spans="1:4" x14ac:dyDescent="0.4">
      <c r="A9947">
        <v>1500022</v>
      </c>
      <c r="B9947" t="s">
        <v>815</v>
      </c>
      <c r="C9947" t="s">
        <v>8862</v>
      </c>
      <c r="D9947" t="s">
        <v>8907</v>
      </c>
    </row>
    <row r="9948" spans="1:4" x14ac:dyDescent="0.4">
      <c r="A9948">
        <v>1510065</v>
      </c>
      <c r="B9948" t="s">
        <v>815</v>
      </c>
      <c r="C9948" t="s">
        <v>8862</v>
      </c>
      <c r="D9948" t="s">
        <v>8268</v>
      </c>
    </row>
    <row r="9949" spans="1:4" x14ac:dyDescent="0.4">
      <c r="A9949">
        <v>1500047</v>
      </c>
      <c r="B9949" t="s">
        <v>815</v>
      </c>
      <c r="C9949" t="s">
        <v>8862</v>
      </c>
      <c r="D9949" t="s">
        <v>8908</v>
      </c>
    </row>
    <row r="9950" spans="1:4" x14ac:dyDescent="0.4">
      <c r="A9950">
        <v>1500031</v>
      </c>
      <c r="B9950" t="s">
        <v>815</v>
      </c>
      <c r="C9950" t="s">
        <v>8862</v>
      </c>
      <c r="D9950" t="s">
        <v>8909</v>
      </c>
    </row>
    <row r="9951" spans="1:4" x14ac:dyDescent="0.4">
      <c r="A9951">
        <v>1510073</v>
      </c>
      <c r="B9951" t="s">
        <v>815</v>
      </c>
      <c r="C9951" t="s">
        <v>8862</v>
      </c>
      <c r="D9951" t="s">
        <v>2017</v>
      </c>
    </row>
    <row r="9952" spans="1:4" x14ac:dyDescent="0.4">
      <c r="A9952">
        <v>1500033</v>
      </c>
      <c r="B9952" t="s">
        <v>815</v>
      </c>
      <c r="C9952" t="s">
        <v>8862</v>
      </c>
      <c r="D9952" t="s">
        <v>8910</v>
      </c>
    </row>
    <row r="9953" spans="1:4" x14ac:dyDescent="0.4">
      <c r="A9953">
        <v>1500002</v>
      </c>
      <c r="B9953" t="s">
        <v>815</v>
      </c>
      <c r="C9953" t="s">
        <v>8862</v>
      </c>
      <c r="D9953" t="s">
        <v>3683</v>
      </c>
    </row>
    <row r="9954" spans="1:4" x14ac:dyDescent="0.4">
      <c r="A9954">
        <v>1500046</v>
      </c>
      <c r="B9954" t="s">
        <v>815</v>
      </c>
      <c r="C9954" t="s">
        <v>8862</v>
      </c>
      <c r="D9954" t="s">
        <v>8911</v>
      </c>
    </row>
    <row r="9955" spans="1:4" x14ac:dyDescent="0.4">
      <c r="A9955">
        <v>1500001</v>
      </c>
      <c r="B9955" t="s">
        <v>815</v>
      </c>
      <c r="C9955" t="s">
        <v>8862</v>
      </c>
      <c r="D9955" t="s">
        <v>8912</v>
      </c>
    </row>
    <row r="9956" spans="1:4" x14ac:dyDescent="0.4">
      <c r="A9956">
        <v>1500045</v>
      </c>
      <c r="B9956" t="s">
        <v>815</v>
      </c>
      <c r="C9956" t="s">
        <v>8862</v>
      </c>
      <c r="D9956" t="s">
        <v>8913</v>
      </c>
    </row>
    <row r="9957" spans="1:4" x14ac:dyDescent="0.4">
      <c r="A9957">
        <v>1500041</v>
      </c>
      <c r="B9957" t="s">
        <v>815</v>
      </c>
      <c r="C9957" t="s">
        <v>8862</v>
      </c>
      <c r="D9957" t="s">
        <v>8914</v>
      </c>
    </row>
    <row r="9958" spans="1:4" x14ac:dyDescent="0.4">
      <c r="A9958">
        <v>1510051</v>
      </c>
      <c r="B9958" t="s">
        <v>815</v>
      </c>
      <c r="C9958" t="s">
        <v>8862</v>
      </c>
      <c r="D9958" t="s">
        <v>8915</v>
      </c>
    </row>
    <row r="9959" spans="1:4" x14ac:dyDescent="0.4">
      <c r="A9959">
        <v>1500034</v>
      </c>
      <c r="B9959" t="s">
        <v>815</v>
      </c>
      <c r="C9959" t="s">
        <v>8862</v>
      </c>
      <c r="D9959" t="s">
        <v>8916</v>
      </c>
    </row>
    <row r="9960" spans="1:4" x14ac:dyDescent="0.4">
      <c r="A9960">
        <v>1500043</v>
      </c>
      <c r="B9960" t="s">
        <v>815</v>
      </c>
      <c r="C9960" t="s">
        <v>8862</v>
      </c>
      <c r="D9960" t="s">
        <v>8917</v>
      </c>
    </row>
    <row r="9961" spans="1:4" x14ac:dyDescent="0.4">
      <c r="A9961">
        <v>1510063</v>
      </c>
      <c r="B9961" t="s">
        <v>815</v>
      </c>
      <c r="C9961" t="s">
        <v>8862</v>
      </c>
      <c r="D9961" t="s">
        <v>8918</v>
      </c>
    </row>
    <row r="9962" spans="1:4" x14ac:dyDescent="0.4">
      <c r="A9962">
        <v>1500036</v>
      </c>
      <c r="B9962" t="s">
        <v>815</v>
      </c>
      <c r="C9962" t="s">
        <v>8862</v>
      </c>
      <c r="D9962" t="s">
        <v>8919</v>
      </c>
    </row>
    <row r="9963" spans="1:4" x14ac:dyDescent="0.4">
      <c r="A9963">
        <v>1076217</v>
      </c>
      <c r="B9963" t="s">
        <v>815</v>
      </c>
      <c r="C9963" t="s">
        <v>818</v>
      </c>
      <c r="D9963" t="s">
        <v>8920</v>
      </c>
    </row>
    <row r="9964" spans="1:4" x14ac:dyDescent="0.4">
      <c r="A9964">
        <v>1076218</v>
      </c>
      <c r="B9964" t="s">
        <v>815</v>
      </c>
      <c r="C9964" t="s">
        <v>818</v>
      </c>
      <c r="D9964" t="s">
        <v>8921</v>
      </c>
    </row>
    <row r="9965" spans="1:4" x14ac:dyDescent="0.4">
      <c r="A9965">
        <v>1076219</v>
      </c>
      <c r="B9965" t="s">
        <v>815</v>
      </c>
      <c r="C9965" t="s">
        <v>818</v>
      </c>
      <c r="D9965" t="s">
        <v>8922</v>
      </c>
    </row>
    <row r="9966" spans="1:4" x14ac:dyDescent="0.4">
      <c r="A9966">
        <v>1076220</v>
      </c>
      <c r="B9966" t="s">
        <v>815</v>
      </c>
      <c r="C9966" t="s">
        <v>818</v>
      </c>
      <c r="D9966" t="s">
        <v>8923</v>
      </c>
    </row>
    <row r="9967" spans="1:4" x14ac:dyDescent="0.4">
      <c r="A9967">
        <v>1076221</v>
      </c>
      <c r="B9967" t="s">
        <v>815</v>
      </c>
      <c r="C9967" t="s">
        <v>818</v>
      </c>
      <c r="D9967" t="s">
        <v>8924</v>
      </c>
    </row>
    <row r="9968" spans="1:4" x14ac:dyDescent="0.4">
      <c r="A9968">
        <v>1076222</v>
      </c>
      <c r="B9968" t="s">
        <v>815</v>
      </c>
      <c r="C9968" t="s">
        <v>818</v>
      </c>
      <c r="D9968" t="s">
        <v>8925</v>
      </c>
    </row>
    <row r="9969" spans="1:4" x14ac:dyDescent="0.4">
      <c r="A9969">
        <v>1076223</v>
      </c>
      <c r="B9969" t="s">
        <v>815</v>
      </c>
      <c r="C9969" t="s">
        <v>818</v>
      </c>
      <c r="D9969" t="s">
        <v>8926</v>
      </c>
    </row>
    <row r="9970" spans="1:4" x14ac:dyDescent="0.4">
      <c r="A9970">
        <v>1076224</v>
      </c>
      <c r="B9970" t="s">
        <v>815</v>
      </c>
      <c r="C9970" t="s">
        <v>818</v>
      </c>
      <c r="D9970" t="s">
        <v>8927</v>
      </c>
    </row>
    <row r="9971" spans="1:4" x14ac:dyDescent="0.4">
      <c r="A9971">
        <v>1076225</v>
      </c>
      <c r="B9971" t="s">
        <v>815</v>
      </c>
      <c r="C9971" t="s">
        <v>818</v>
      </c>
      <c r="D9971" t="s">
        <v>8928</v>
      </c>
    </row>
    <row r="9972" spans="1:4" x14ac:dyDescent="0.4">
      <c r="A9972">
        <v>1076226</v>
      </c>
      <c r="B9972" t="s">
        <v>815</v>
      </c>
      <c r="C9972" t="s">
        <v>818</v>
      </c>
      <c r="D9972" t="s">
        <v>8929</v>
      </c>
    </row>
    <row r="9973" spans="1:4" x14ac:dyDescent="0.4">
      <c r="A9973">
        <v>1076227</v>
      </c>
      <c r="B9973" t="s">
        <v>815</v>
      </c>
      <c r="C9973" t="s">
        <v>818</v>
      </c>
      <c r="D9973" t="s">
        <v>8930</v>
      </c>
    </row>
    <row r="9974" spans="1:4" x14ac:dyDescent="0.4">
      <c r="A9974">
        <v>1076228</v>
      </c>
      <c r="B9974" t="s">
        <v>815</v>
      </c>
      <c r="C9974" t="s">
        <v>818</v>
      </c>
      <c r="D9974" t="s">
        <v>8931</v>
      </c>
    </row>
    <row r="9975" spans="1:4" x14ac:dyDescent="0.4">
      <c r="A9975">
        <v>1076229</v>
      </c>
      <c r="B9975" t="s">
        <v>815</v>
      </c>
      <c r="C9975" t="s">
        <v>818</v>
      </c>
      <c r="D9975" t="s">
        <v>8932</v>
      </c>
    </row>
    <row r="9976" spans="1:4" x14ac:dyDescent="0.4">
      <c r="A9976">
        <v>1076230</v>
      </c>
      <c r="B9976" t="s">
        <v>815</v>
      </c>
      <c r="C9976" t="s">
        <v>818</v>
      </c>
      <c r="D9976" t="s">
        <v>8933</v>
      </c>
    </row>
    <row r="9977" spans="1:4" x14ac:dyDescent="0.4">
      <c r="A9977">
        <v>1076231</v>
      </c>
      <c r="B9977" t="s">
        <v>815</v>
      </c>
      <c r="C9977" t="s">
        <v>818</v>
      </c>
      <c r="D9977" t="s">
        <v>8934</v>
      </c>
    </row>
    <row r="9978" spans="1:4" x14ac:dyDescent="0.4">
      <c r="A9978">
        <v>1076232</v>
      </c>
      <c r="B9978" t="s">
        <v>815</v>
      </c>
      <c r="C9978" t="s">
        <v>818</v>
      </c>
      <c r="D9978" t="s">
        <v>8935</v>
      </c>
    </row>
    <row r="9979" spans="1:4" x14ac:dyDescent="0.4">
      <c r="A9979">
        <v>1076233</v>
      </c>
      <c r="B9979" t="s">
        <v>815</v>
      </c>
      <c r="C9979" t="s">
        <v>818</v>
      </c>
      <c r="D9979" t="s">
        <v>8936</v>
      </c>
    </row>
    <row r="9980" spans="1:4" x14ac:dyDescent="0.4">
      <c r="A9980">
        <v>1076234</v>
      </c>
      <c r="B9980" t="s">
        <v>815</v>
      </c>
      <c r="C9980" t="s">
        <v>818</v>
      </c>
      <c r="D9980" t="s">
        <v>8937</v>
      </c>
    </row>
    <row r="9981" spans="1:4" x14ac:dyDescent="0.4">
      <c r="A9981">
        <v>1076235</v>
      </c>
      <c r="B9981" t="s">
        <v>815</v>
      </c>
      <c r="C9981" t="s">
        <v>818</v>
      </c>
      <c r="D9981" t="s">
        <v>8938</v>
      </c>
    </row>
    <row r="9982" spans="1:4" x14ac:dyDescent="0.4">
      <c r="A9982">
        <v>1076236</v>
      </c>
      <c r="B9982" t="s">
        <v>815</v>
      </c>
      <c r="C9982" t="s">
        <v>818</v>
      </c>
      <c r="D9982" t="s">
        <v>8939</v>
      </c>
    </row>
    <row r="9983" spans="1:4" x14ac:dyDescent="0.4">
      <c r="A9983">
        <v>1076237</v>
      </c>
      <c r="B9983" t="s">
        <v>815</v>
      </c>
      <c r="C9983" t="s">
        <v>818</v>
      </c>
      <c r="D9983" t="s">
        <v>8940</v>
      </c>
    </row>
    <row r="9984" spans="1:4" x14ac:dyDescent="0.4">
      <c r="A9984">
        <v>1076238</v>
      </c>
      <c r="B9984" t="s">
        <v>815</v>
      </c>
      <c r="C9984" t="s">
        <v>818</v>
      </c>
      <c r="D9984" t="s">
        <v>8941</v>
      </c>
    </row>
    <row r="9985" spans="1:4" x14ac:dyDescent="0.4">
      <c r="A9985">
        <v>1076239</v>
      </c>
      <c r="B9985" t="s">
        <v>815</v>
      </c>
      <c r="C9985" t="s">
        <v>818</v>
      </c>
      <c r="D9985" t="s">
        <v>8942</v>
      </c>
    </row>
    <row r="9986" spans="1:4" x14ac:dyDescent="0.4">
      <c r="A9986">
        <v>1076240</v>
      </c>
      <c r="B9986" t="s">
        <v>815</v>
      </c>
      <c r="C9986" t="s">
        <v>818</v>
      </c>
      <c r="D9986" t="s">
        <v>8943</v>
      </c>
    </row>
    <row r="9987" spans="1:4" x14ac:dyDescent="0.4">
      <c r="A9987">
        <v>1076241</v>
      </c>
      <c r="B9987" t="s">
        <v>815</v>
      </c>
      <c r="C9987" t="s">
        <v>818</v>
      </c>
      <c r="D9987" t="s">
        <v>8944</v>
      </c>
    </row>
    <row r="9988" spans="1:4" x14ac:dyDescent="0.4">
      <c r="A9988">
        <v>1076242</v>
      </c>
      <c r="B9988" t="s">
        <v>815</v>
      </c>
      <c r="C9988" t="s">
        <v>818</v>
      </c>
      <c r="D9988" t="s">
        <v>8945</v>
      </c>
    </row>
    <row r="9989" spans="1:4" x14ac:dyDescent="0.4">
      <c r="A9989">
        <v>1076243</v>
      </c>
      <c r="B9989" t="s">
        <v>815</v>
      </c>
      <c r="C9989" t="s">
        <v>818</v>
      </c>
      <c r="D9989" t="s">
        <v>8946</v>
      </c>
    </row>
    <row r="9990" spans="1:4" x14ac:dyDescent="0.4">
      <c r="A9990">
        <v>1076244</v>
      </c>
      <c r="B9990" t="s">
        <v>815</v>
      </c>
      <c r="C9990" t="s">
        <v>818</v>
      </c>
      <c r="D9990" t="s">
        <v>8947</v>
      </c>
    </row>
    <row r="9991" spans="1:4" x14ac:dyDescent="0.4">
      <c r="A9991">
        <v>1076245</v>
      </c>
      <c r="B9991" t="s">
        <v>815</v>
      </c>
      <c r="C9991" t="s">
        <v>818</v>
      </c>
      <c r="D9991" t="s">
        <v>8948</v>
      </c>
    </row>
    <row r="9992" spans="1:4" x14ac:dyDescent="0.4">
      <c r="A9992">
        <v>1060045</v>
      </c>
      <c r="B9992" t="s">
        <v>815</v>
      </c>
      <c r="C9992" t="s">
        <v>818</v>
      </c>
      <c r="D9992" t="s">
        <v>8949</v>
      </c>
    </row>
    <row r="9993" spans="1:4" x14ac:dyDescent="0.4">
      <c r="A9993">
        <v>1060041</v>
      </c>
      <c r="B9993" t="s">
        <v>815</v>
      </c>
      <c r="C9993" t="s">
        <v>818</v>
      </c>
      <c r="D9993" t="s">
        <v>8950</v>
      </c>
    </row>
    <row r="9994" spans="1:4" x14ac:dyDescent="0.4">
      <c r="A9994">
        <v>1060043</v>
      </c>
      <c r="B9994" t="s">
        <v>815</v>
      </c>
      <c r="C9994" t="s">
        <v>818</v>
      </c>
      <c r="D9994" t="s">
        <v>8951</v>
      </c>
    </row>
    <row r="9995" spans="1:4" x14ac:dyDescent="0.4">
      <c r="A9995">
        <v>1060042</v>
      </c>
      <c r="B9995" t="s">
        <v>815</v>
      </c>
      <c r="C9995" t="s">
        <v>818</v>
      </c>
      <c r="D9995" t="s">
        <v>8952</v>
      </c>
    </row>
    <row r="9996" spans="1:4" x14ac:dyDescent="0.4">
      <c r="A9996">
        <v>1050002</v>
      </c>
      <c r="B9996" t="s">
        <v>815</v>
      </c>
      <c r="C9996" t="s">
        <v>818</v>
      </c>
      <c r="D9996" t="s">
        <v>8953</v>
      </c>
    </row>
    <row r="9997" spans="1:4" x14ac:dyDescent="0.4">
      <c r="A9997">
        <v>1056290</v>
      </c>
      <c r="B9997" t="s">
        <v>815</v>
      </c>
      <c r="C9997" t="s">
        <v>818</v>
      </c>
      <c r="D9997" t="s">
        <v>8954</v>
      </c>
    </row>
    <row r="9998" spans="1:4" x14ac:dyDescent="0.4">
      <c r="A9998">
        <v>1056201</v>
      </c>
      <c r="B9998" t="s">
        <v>815</v>
      </c>
      <c r="C9998" t="s">
        <v>818</v>
      </c>
      <c r="D9998" t="s">
        <v>8955</v>
      </c>
    </row>
    <row r="9999" spans="1:4" x14ac:dyDescent="0.4">
      <c r="A9999">
        <v>1056202</v>
      </c>
      <c r="B9999" t="s">
        <v>815</v>
      </c>
      <c r="C9999" t="s">
        <v>818</v>
      </c>
      <c r="D9999" t="s">
        <v>8956</v>
      </c>
    </row>
    <row r="10000" spans="1:4" x14ac:dyDescent="0.4">
      <c r="A10000">
        <v>1056203</v>
      </c>
      <c r="B10000" t="s">
        <v>815</v>
      </c>
      <c r="C10000" t="s">
        <v>818</v>
      </c>
      <c r="D10000" t="s">
        <v>8957</v>
      </c>
    </row>
    <row r="10001" spans="1:4" x14ac:dyDescent="0.4">
      <c r="A10001">
        <v>1056204</v>
      </c>
      <c r="B10001" t="s">
        <v>815</v>
      </c>
      <c r="C10001" t="s">
        <v>818</v>
      </c>
      <c r="D10001" t="s">
        <v>8958</v>
      </c>
    </row>
    <row r="10002" spans="1:4" x14ac:dyDescent="0.4">
      <c r="A10002">
        <v>1056205</v>
      </c>
      <c r="B10002" t="s">
        <v>815</v>
      </c>
      <c r="C10002" t="s">
        <v>818</v>
      </c>
      <c r="D10002" t="s">
        <v>8959</v>
      </c>
    </row>
    <row r="10003" spans="1:4" x14ac:dyDescent="0.4">
      <c r="A10003">
        <v>1056206</v>
      </c>
      <c r="B10003" t="s">
        <v>815</v>
      </c>
      <c r="C10003" t="s">
        <v>818</v>
      </c>
      <c r="D10003" t="s">
        <v>8960</v>
      </c>
    </row>
    <row r="10004" spans="1:4" x14ac:dyDescent="0.4">
      <c r="A10004">
        <v>1056207</v>
      </c>
      <c r="B10004" t="s">
        <v>815</v>
      </c>
      <c r="C10004" t="s">
        <v>818</v>
      </c>
      <c r="D10004" t="s">
        <v>8961</v>
      </c>
    </row>
    <row r="10005" spans="1:4" x14ac:dyDescent="0.4">
      <c r="A10005">
        <v>1056208</v>
      </c>
      <c r="B10005" t="s">
        <v>815</v>
      </c>
      <c r="C10005" t="s">
        <v>818</v>
      </c>
      <c r="D10005" t="s">
        <v>8962</v>
      </c>
    </row>
    <row r="10006" spans="1:4" x14ac:dyDescent="0.4">
      <c r="A10006">
        <v>1056209</v>
      </c>
      <c r="B10006" t="s">
        <v>815</v>
      </c>
      <c r="C10006" t="s">
        <v>818</v>
      </c>
      <c r="D10006" t="s">
        <v>8963</v>
      </c>
    </row>
    <row r="10007" spans="1:4" x14ac:dyDescent="0.4">
      <c r="A10007">
        <v>1056210</v>
      </c>
      <c r="B10007" t="s">
        <v>815</v>
      </c>
      <c r="C10007" t="s">
        <v>818</v>
      </c>
      <c r="D10007" t="s">
        <v>8964</v>
      </c>
    </row>
    <row r="10008" spans="1:4" x14ac:dyDescent="0.4">
      <c r="A10008">
        <v>1056211</v>
      </c>
      <c r="B10008" t="s">
        <v>815</v>
      </c>
      <c r="C10008" t="s">
        <v>818</v>
      </c>
      <c r="D10008" t="s">
        <v>8965</v>
      </c>
    </row>
    <row r="10009" spans="1:4" x14ac:dyDescent="0.4">
      <c r="A10009">
        <v>1056212</v>
      </c>
      <c r="B10009" t="s">
        <v>815</v>
      </c>
      <c r="C10009" t="s">
        <v>818</v>
      </c>
      <c r="D10009" t="s">
        <v>8966</v>
      </c>
    </row>
    <row r="10010" spans="1:4" x14ac:dyDescent="0.4">
      <c r="A10010">
        <v>1056213</v>
      </c>
      <c r="B10010" t="s">
        <v>815</v>
      </c>
      <c r="C10010" t="s">
        <v>818</v>
      </c>
      <c r="D10010" t="s">
        <v>8967</v>
      </c>
    </row>
    <row r="10011" spans="1:4" x14ac:dyDescent="0.4">
      <c r="A10011">
        <v>1056214</v>
      </c>
      <c r="B10011" t="s">
        <v>815</v>
      </c>
      <c r="C10011" t="s">
        <v>818</v>
      </c>
      <c r="D10011" t="s">
        <v>8968</v>
      </c>
    </row>
    <row r="10012" spans="1:4" x14ac:dyDescent="0.4">
      <c r="A10012">
        <v>1056215</v>
      </c>
      <c r="B10012" t="s">
        <v>815</v>
      </c>
      <c r="C10012" t="s">
        <v>818</v>
      </c>
      <c r="D10012" t="s">
        <v>8969</v>
      </c>
    </row>
    <row r="10013" spans="1:4" x14ac:dyDescent="0.4">
      <c r="A10013">
        <v>1056216</v>
      </c>
      <c r="B10013" t="s">
        <v>815</v>
      </c>
      <c r="C10013" t="s">
        <v>818</v>
      </c>
      <c r="D10013" t="s">
        <v>8970</v>
      </c>
    </row>
    <row r="10014" spans="1:4" x14ac:dyDescent="0.4">
      <c r="A10014">
        <v>1056217</v>
      </c>
      <c r="B10014" t="s">
        <v>815</v>
      </c>
      <c r="C10014" t="s">
        <v>818</v>
      </c>
      <c r="D10014" t="s">
        <v>8971</v>
      </c>
    </row>
    <row r="10015" spans="1:4" x14ac:dyDescent="0.4">
      <c r="A10015">
        <v>1056218</v>
      </c>
      <c r="B10015" t="s">
        <v>815</v>
      </c>
      <c r="C10015" t="s">
        <v>818</v>
      </c>
      <c r="D10015" t="s">
        <v>8972</v>
      </c>
    </row>
    <row r="10016" spans="1:4" x14ac:dyDescent="0.4">
      <c r="A10016">
        <v>1056219</v>
      </c>
      <c r="B10016" t="s">
        <v>815</v>
      </c>
      <c r="C10016" t="s">
        <v>818</v>
      </c>
      <c r="D10016" t="s">
        <v>8973</v>
      </c>
    </row>
    <row r="10017" spans="1:4" x14ac:dyDescent="0.4">
      <c r="A10017">
        <v>1056220</v>
      </c>
      <c r="B10017" t="s">
        <v>815</v>
      </c>
      <c r="C10017" t="s">
        <v>818</v>
      </c>
      <c r="D10017" t="s">
        <v>8974</v>
      </c>
    </row>
    <row r="10018" spans="1:4" x14ac:dyDescent="0.4">
      <c r="A10018">
        <v>1056221</v>
      </c>
      <c r="B10018" t="s">
        <v>815</v>
      </c>
      <c r="C10018" t="s">
        <v>818</v>
      </c>
      <c r="D10018" t="s">
        <v>8975</v>
      </c>
    </row>
    <row r="10019" spans="1:4" x14ac:dyDescent="0.4">
      <c r="A10019">
        <v>1056222</v>
      </c>
      <c r="B10019" t="s">
        <v>815</v>
      </c>
      <c r="C10019" t="s">
        <v>818</v>
      </c>
      <c r="D10019" t="s">
        <v>8976</v>
      </c>
    </row>
    <row r="10020" spans="1:4" x14ac:dyDescent="0.4">
      <c r="A10020">
        <v>1056223</v>
      </c>
      <c r="B10020" t="s">
        <v>815</v>
      </c>
      <c r="C10020" t="s">
        <v>818</v>
      </c>
      <c r="D10020" t="s">
        <v>8977</v>
      </c>
    </row>
    <row r="10021" spans="1:4" x14ac:dyDescent="0.4">
      <c r="A10021">
        <v>1056224</v>
      </c>
      <c r="B10021" t="s">
        <v>815</v>
      </c>
      <c r="C10021" t="s">
        <v>818</v>
      </c>
      <c r="D10021" t="s">
        <v>8978</v>
      </c>
    </row>
    <row r="10022" spans="1:4" x14ac:dyDescent="0.4">
      <c r="A10022">
        <v>1056225</v>
      </c>
      <c r="B10022" t="s">
        <v>815</v>
      </c>
      <c r="C10022" t="s">
        <v>818</v>
      </c>
      <c r="D10022" t="s">
        <v>8979</v>
      </c>
    </row>
    <row r="10023" spans="1:4" x14ac:dyDescent="0.4">
      <c r="A10023">
        <v>1056226</v>
      </c>
      <c r="B10023" t="s">
        <v>815</v>
      </c>
      <c r="C10023" t="s">
        <v>818</v>
      </c>
      <c r="D10023" t="s">
        <v>8980</v>
      </c>
    </row>
    <row r="10024" spans="1:4" x14ac:dyDescent="0.4">
      <c r="A10024">
        <v>1056227</v>
      </c>
      <c r="B10024" t="s">
        <v>815</v>
      </c>
      <c r="C10024" t="s">
        <v>818</v>
      </c>
      <c r="D10024" t="s">
        <v>8981</v>
      </c>
    </row>
    <row r="10025" spans="1:4" x14ac:dyDescent="0.4">
      <c r="A10025">
        <v>1056228</v>
      </c>
      <c r="B10025" t="s">
        <v>815</v>
      </c>
      <c r="C10025" t="s">
        <v>818</v>
      </c>
      <c r="D10025" t="s">
        <v>8982</v>
      </c>
    </row>
    <row r="10026" spans="1:4" x14ac:dyDescent="0.4">
      <c r="A10026">
        <v>1056229</v>
      </c>
      <c r="B10026" t="s">
        <v>815</v>
      </c>
      <c r="C10026" t="s">
        <v>818</v>
      </c>
      <c r="D10026" t="s">
        <v>8983</v>
      </c>
    </row>
    <row r="10027" spans="1:4" x14ac:dyDescent="0.4">
      <c r="A10027">
        <v>1056230</v>
      </c>
      <c r="B10027" t="s">
        <v>815</v>
      </c>
      <c r="C10027" t="s">
        <v>818</v>
      </c>
      <c r="D10027" t="s">
        <v>8984</v>
      </c>
    </row>
    <row r="10028" spans="1:4" x14ac:dyDescent="0.4">
      <c r="A10028">
        <v>1056231</v>
      </c>
      <c r="B10028" t="s">
        <v>815</v>
      </c>
      <c r="C10028" t="s">
        <v>818</v>
      </c>
      <c r="D10028" t="s">
        <v>8985</v>
      </c>
    </row>
    <row r="10029" spans="1:4" x14ac:dyDescent="0.4">
      <c r="A10029">
        <v>1056232</v>
      </c>
      <c r="B10029" t="s">
        <v>815</v>
      </c>
      <c r="C10029" t="s">
        <v>818</v>
      </c>
      <c r="D10029" t="s">
        <v>8986</v>
      </c>
    </row>
    <row r="10030" spans="1:4" x14ac:dyDescent="0.4">
      <c r="A10030">
        <v>1056233</v>
      </c>
      <c r="B10030" t="s">
        <v>815</v>
      </c>
      <c r="C10030" t="s">
        <v>818</v>
      </c>
      <c r="D10030" t="s">
        <v>8987</v>
      </c>
    </row>
    <row r="10031" spans="1:4" x14ac:dyDescent="0.4">
      <c r="A10031">
        <v>1056234</v>
      </c>
      <c r="B10031" t="s">
        <v>815</v>
      </c>
      <c r="C10031" t="s">
        <v>818</v>
      </c>
      <c r="D10031" t="s">
        <v>8988</v>
      </c>
    </row>
    <row r="10032" spans="1:4" x14ac:dyDescent="0.4">
      <c r="A10032">
        <v>1056235</v>
      </c>
      <c r="B10032" t="s">
        <v>815</v>
      </c>
      <c r="C10032" t="s">
        <v>818</v>
      </c>
      <c r="D10032" t="s">
        <v>8989</v>
      </c>
    </row>
    <row r="10033" spans="1:4" x14ac:dyDescent="0.4">
      <c r="A10033">
        <v>1056236</v>
      </c>
      <c r="B10033" t="s">
        <v>815</v>
      </c>
      <c r="C10033" t="s">
        <v>818</v>
      </c>
      <c r="D10033" t="s">
        <v>8990</v>
      </c>
    </row>
    <row r="10034" spans="1:4" x14ac:dyDescent="0.4">
      <c r="A10034">
        <v>1056237</v>
      </c>
      <c r="B10034" t="s">
        <v>815</v>
      </c>
      <c r="C10034" t="s">
        <v>818</v>
      </c>
      <c r="D10034" t="s">
        <v>8991</v>
      </c>
    </row>
    <row r="10035" spans="1:4" x14ac:dyDescent="0.4">
      <c r="A10035">
        <v>1056238</v>
      </c>
      <c r="B10035" t="s">
        <v>815</v>
      </c>
      <c r="C10035" t="s">
        <v>818</v>
      </c>
      <c r="D10035" t="s">
        <v>8992</v>
      </c>
    </row>
    <row r="10036" spans="1:4" x14ac:dyDescent="0.4">
      <c r="A10036">
        <v>1056239</v>
      </c>
      <c r="B10036" t="s">
        <v>815</v>
      </c>
      <c r="C10036" t="s">
        <v>818</v>
      </c>
      <c r="D10036" t="s">
        <v>8993</v>
      </c>
    </row>
    <row r="10037" spans="1:4" x14ac:dyDescent="0.4">
      <c r="A10037">
        <v>1056240</v>
      </c>
      <c r="B10037" t="s">
        <v>815</v>
      </c>
      <c r="C10037" t="s">
        <v>818</v>
      </c>
      <c r="D10037" t="s">
        <v>8994</v>
      </c>
    </row>
    <row r="10038" spans="1:4" x14ac:dyDescent="0.4">
      <c r="A10038">
        <v>1056241</v>
      </c>
      <c r="B10038" t="s">
        <v>815</v>
      </c>
      <c r="C10038" t="s">
        <v>818</v>
      </c>
      <c r="D10038" t="s">
        <v>8995</v>
      </c>
    </row>
    <row r="10039" spans="1:4" x14ac:dyDescent="0.4">
      <c r="A10039">
        <v>1056242</v>
      </c>
      <c r="B10039" t="s">
        <v>815</v>
      </c>
      <c r="C10039" t="s">
        <v>818</v>
      </c>
      <c r="D10039" t="s">
        <v>8996</v>
      </c>
    </row>
    <row r="10040" spans="1:4" x14ac:dyDescent="0.4">
      <c r="A10040">
        <v>1050022</v>
      </c>
      <c r="B10040" t="s">
        <v>815</v>
      </c>
      <c r="C10040" t="s">
        <v>818</v>
      </c>
      <c r="D10040" t="s">
        <v>8997</v>
      </c>
    </row>
    <row r="10041" spans="1:4" x14ac:dyDescent="0.4">
      <c r="A10041">
        <v>1080022</v>
      </c>
      <c r="B10041" t="s">
        <v>815</v>
      </c>
      <c r="C10041" t="s">
        <v>818</v>
      </c>
      <c r="D10041" t="s">
        <v>8998</v>
      </c>
    </row>
    <row r="10042" spans="1:4" x14ac:dyDescent="0.4">
      <c r="A10042">
        <v>1070061</v>
      </c>
      <c r="B10042" t="s">
        <v>815</v>
      </c>
      <c r="C10042" t="s">
        <v>818</v>
      </c>
      <c r="D10042" t="s">
        <v>8999</v>
      </c>
    </row>
    <row r="10043" spans="1:4" x14ac:dyDescent="0.4">
      <c r="A10043">
        <v>1080075</v>
      </c>
      <c r="B10043" t="s">
        <v>815</v>
      </c>
      <c r="C10043" t="s">
        <v>818</v>
      </c>
      <c r="D10043" t="s">
        <v>9000</v>
      </c>
    </row>
    <row r="10044" spans="1:4" x14ac:dyDescent="0.4">
      <c r="A10044">
        <v>1086090</v>
      </c>
      <c r="B10044" t="s">
        <v>815</v>
      </c>
      <c r="C10044" t="s">
        <v>818</v>
      </c>
      <c r="D10044" t="s">
        <v>9001</v>
      </c>
    </row>
    <row r="10045" spans="1:4" x14ac:dyDescent="0.4">
      <c r="A10045">
        <v>1086001</v>
      </c>
      <c r="B10045" t="s">
        <v>815</v>
      </c>
      <c r="C10045" t="s">
        <v>818</v>
      </c>
      <c r="D10045" t="s">
        <v>9002</v>
      </c>
    </row>
    <row r="10046" spans="1:4" x14ac:dyDescent="0.4">
      <c r="A10046">
        <v>1086002</v>
      </c>
      <c r="B10046" t="s">
        <v>815</v>
      </c>
      <c r="C10046" t="s">
        <v>818</v>
      </c>
      <c r="D10046" t="s">
        <v>9003</v>
      </c>
    </row>
    <row r="10047" spans="1:4" x14ac:dyDescent="0.4">
      <c r="A10047">
        <v>1086003</v>
      </c>
      <c r="B10047" t="s">
        <v>815</v>
      </c>
      <c r="C10047" t="s">
        <v>818</v>
      </c>
      <c r="D10047" t="s">
        <v>9004</v>
      </c>
    </row>
    <row r="10048" spans="1:4" x14ac:dyDescent="0.4">
      <c r="A10048">
        <v>1086004</v>
      </c>
      <c r="B10048" t="s">
        <v>815</v>
      </c>
      <c r="C10048" t="s">
        <v>818</v>
      </c>
      <c r="D10048" t="s">
        <v>9005</v>
      </c>
    </row>
    <row r="10049" spans="1:4" x14ac:dyDescent="0.4">
      <c r="A10049">
        <v>1086005</v>
      </c>
      <c r="B10049" t="s">
        <v>815</v>
      </c>
      <c r="C10049" t="s">
        <v>818</v>
      </c>
      <c r="D10049" t="s">
        <v>9006</v>
      </c>
    </row>
    <row r="10050" spans="1:4" x14ac:dyDescent="0.4">
      <c r="A10050">
        <v>1086006</v>
      </c>
      <c r="B10050" t="s">
        <v>815</v>
      </c>
      <c r="C10050" t="s">
        <v>818</v>
      </c>
      <c r="D10050" t="s">
        <v>9007</v>
      </c>
    </row>
    <row r="10051" spans="1:4" x14ac:dyDescent="0.4">
      <c r="A10051">
        <v>1086007</v>
      </c>
      <c r="B10051" t="s">
        <v>815</v>
      </c>
      <c r="C10051" t="s">
        <v>818</v>
      </c>
      <c r="D10051" t="s">
        <v>9008</v>
      </c>
    </row>
    <row r="10052" spans="1:4" x14ac:dyDescent="0.4">
      <c r="A10052">
        <v>1086008</v>
      </c>
      <c r="B10052" t="s">
        <v>815</v>
      </c>
      <c r="C10052" t="s">
        <v>818</v>
      </c>
      <c r="D10052" t="s">
        <v>9009</v>
      </c>
    </row>
    <row r="10053" spans="1:4" x14ac:dyDescent="0.4">
      <c r="A10053">
        <v>1086009</v>
      </c>
      <c r="B10053" t="s">
        <v>815</v>
      </c>
      <c r="C10053" t="s">
        <v>818</v>
      </c>
      <c r="D10053" t="s">
        <v>9010</v>
      </c>
    </row>
    <row r="10054" spans="1:4" x14ac:dyDescent="0.4">
      <c r="A10054">
        <v>1086010</v>
      </c>
      <c r="B10054" t="s">
        <v>815</v>
      </c>
      <c r="C10054" t="s">
        <v>818</v>
      </c>
      <c r="D10054" t="s">
        <v>9011</v>
      </c>
    </row>
    <row r="10055" spans="1:4" x14ac:dyDescent="0.4">
      <c r="A10055">
        <v>1086011</v>
      </c>
      <c r="B10055" t="s">
        <v>815</v>
      </c>
      <c r="C10055" t="s">
        <v>818</v>
      </c>
      <c r="D10055" t="s">
        <v>9012</v>
      </c>
    </row>
    <row r="10056" spans="1:4" x14ac:dyDescent="0.4">
      <c r="A10056">
        <v>1086012</v>
      </c>
      <c r="B10056" t="s">
        <v>815</v>
      </c>
      <c r="C10056" t="s">
        <v>818</v>
      </c>
      <c r="D10056" t="s">
        <v>9013</v>
      </c>
    </row>
    <row r="10057" spans="1:4" x14ac:dyDescent="0.4">
      <c r="A10057">
        <v>1086013</v>
      </c>
      <c r="B10057" t="s">
        <v>815</v>
      </c>
      <c r="C10057" t="s">
        <v>818</v>
      </c>
      <c r="D10057" t="s">
        <v>9014</v>
      </c>
    </row>
    <row r="10058" spans="1:4" x14ac:dyDescent="0.4">
      <c r="A10058">
        <v>1086014</v>
      </c>
      <c r="B10058" t="s">
        <v>815</v>
      </c>
      <c r="C10058" t="s">
        <v>818</v>
      </c>
      <c r="D10058" t="s">
        <v>9015</v>
      </c>
    </row>
    <row r="10059" spans="1:4" x14ac:dyDescent="0.4">
      <c r="A10059">
        <v>1086015</v>
      </c>
      <c r="B10059" t="s">
        <v>815</v>
      </c>
      <c r="C10059" t="s">
        <v>818</v>
      </c>
      <c r="D10059" t="s">
        <v>9016</v>
      </c>
    </row>
    <row r="10060" spans="1:4" x14ac:dyDescent="0.4">
      <c r="A10060">
        <v>1086016</v>
      </c>
      <c r="B10060" t="s">
        <v>815</v>
      </c>
      <c r="C10060" t="s">
        <v>818</v>
      </c>
      <c r="D10060" t="s">
        <v>9017</v>
      </c>
    </row>
    <row r="10061" spans="1:4" x14ac:dyDescent="0.4">
      <c r="A10061">
        <v>1086017</v>
      </c>
      <c r="B10061" t="s">
        <v>815</v>
      </c>
      <c r="C10061" t="s">
        <v>818</v>
      </c>
      <c r="D10061" t="s">
        <v>9018</v>
      </c>
    </row>
    <row r="10062" spans="1:4" x14ac:dyDescent="0.4">
      <c r="A10062">
        <v>1086018</v>
      </c>
      <c r="B10062" t="s">
        <v>815</v>
      </c>
      <c r="C10062" t="s">
        <v>818</v>
      </c>
      <c r="D10062" t="s">
        <v>9019</v>
      </c>
    </row>
    <row r="10063" spans="1:4" x14ac:dyDescent="0.4">
      <c r="A10063">
        <v>1086019</v>
      </c>
      <c r="B10063" t="s">
        <v>815</v>
      </c>
      <c r="C10063" t="s">
        <v>818</v>
      </c>
      <c r="D10063" t="s">
        <v>9020</v>
      </c>
    </row>
    <row r="10064" spans="1:4" x14ac:dyDescent="0.4">
      <c r="A10064">
        <v>1086020</v>
      </c>
      <c r="B10064" t="s">
        <v>815</v>
      </c>
      <c r="C10064" t="s">
        <v>818</v>
      </c>
      <c r="D10064" t="s">
        <v>9021</v>
      </c>
    </row>
    <row r="10065" spans="1:4" x14ac:dyDescent="0.4">
      <c r="A10065">
        <v>1086021</v>
      </c>
      <c r="B10065" t="s">
        <v>815</v>
      </c>
      <c r="C10065" t="s">
        <v>818</v>
      </c>
      <c r="D10065" t="s">
        <v>9022</v>
      </c>
    </row>
    <row r="10066" spans="1:4" x14ac:dyDescent="0.4">
      <c r="A10066">
        <v>1086022</v>
      </c>
      <c r="B10066" t="s">
        <v>815</v>
      </c>
      <c r="C10066" t="s">
        <v>818</v>
      </c>
      <c r="D10066" t="s">
        <v>9023</v>
      </c>
    </row>
    <row r="10067" spans="1:4" x14ac:dyDescent="0.4">
      <c r="A10067">
        <v>1086023</v>
      </c>
      <c r="B10067" t="s">
        <v>815</v>
      </c>
      <c r="C10067" t="s">
        <v>818</v>
      </c>
      <c r="D10067" t="s">
        <v>9024</v>
      </c>
    </row>
    <row r="10068" spans="1:4" x14ac:dyDescent="0.4">
      <c r="A10068">
        <v>1066104</v>
      </c>
      <c r="B10068" t="s">
        <v>815</v>
      </c>
      <c r="C10068" t="s">
        <v>818</v>
      </c>
      <c r="D10068" t="s">
        <v>9025</v>
      </c>
    </row>
    <row r="10069" spans="1:4" x14ac:dyDescent="0.4">
      <c r="A10069">
        <v>1066105</v>
      </c>
      <c r="B10069" t="s">
        <v>815</v>
      </c>
      <c r="C10069" t="s">
        <v>818</v>
      </c>
      <c r="D10069" t="s">
        <v>9026</v>
      </c>
    </row>
    <row r="10070" spans="1:4" x14ac:dyDescent="0.4">
      <c r="A10070">
        <v>1066106</v>
      </c>
      <c r="B10070" t="s">
        <v>815</v>
      </c>
      <c r="C10070" t="s">
        <v>818</v>
      </c>
      <c r="D10070" t="s">
        <v>9027</v>
      </c>
    </row>
    <row r="10071" spans="1:4" x14ac:dyDescent="0.4">
      <c r="A10071">
        <v>1066107</v>
      </c>
      <c r="B10071" t="s">
        <v>815</v>
      </c>
      <c r="C10071" t="s">
        <v>818</v>
      </c>
      <c r="D10071" t="s">
        <v>9028</v>
      </c>
    </row>
    <row r="10072" spans="1:4" x14ac:dyDescent="0.4">
      <c r="A10072">
        <v>1066108</v>
      </c>
      <c r="B10072" t="s">
        <v>815</v>
      </c>
      <c r="C10072" t="s">
        <v>818</v>
      </c>
      <c r="D10072" t="s">
        <v>9029</v>
      </c>
    </row>
    <row r="10073" spans="1:4" x14ac:dyDescent="0.4">
      <c r="A10073">
        <v>1066109</v>
      </c>
      <c r="B10073" t="s">
        <v>815</v>
      </c>
      <c r="C10073" t="s">
        <v>818</v>
      </c>
      <c r="D10073" t="s">
        <v>9030</v>
      </c>
    </row>
    <row r="10074" spans="1:4" x14ac:dyDescent="0.4">
      <c r="A10074">
        <v>1066110</v>
      </c>
      <c r="B10074" t="s">
        <v>815</v>
      </c>
      <c r="C10074" t="s">
        <v>818</v>
      </c>
      <c r="D10074" t="s">
        <v>9031</v>
      </c>
    </row>
    <row r="10075" spans="1:4" x14ac:dyDescent="0.4">
      <c r="A10075">
        <v>1066111</v>
      </c>
      <c r="B10075" t="s">
        <v>815</v>
      </c>
      <c r="C10075" t="s">
        <v>818</v>
      </c>
      <c r="D10075" t="s">
        <v>9032</v>
      </c>
    </row>
    <row r="10076" spans="1:4" x14ac:dyDescent="0.4">
      <c r="A10076">
        <v>1066112</v>
      </c>
      <c r="B10076" t="s">
        <v>815</v>
      </c>
      <c r="C10076" t="s">
        <v>818</v>
      </c>
      <c r="D10076" t="s">
        <v>9033</v>
      </c>
    </row>
    <row r="10077" spans="1:4" x14ac:dyDescent="0.4">
      <c r="A10077">
        <v>1066113</v>
      </c>
      <c r="B10077" t="s">
        <v>815</v>
      </c>
      <c r="C10077" t="s">
        <v>818</v>
      </c>
      <c r="D10077" t="s">
        <v>9034</v>
      </c>
    </row>
    <row r="10078" spans="1:4" x14ac:dyDescent="0.4">
      <c r="A10078">
        <v>1066114</v>
      </c>
      <c r="B10078" t="s">
        <v>815</v>
      </c>
      <c r="C10078" t="s">
        <v>818</v>
      </c>
      <c r="D10078" t="s">
        <v>9035</v>
      </c>
    </row>
    <row r="10079" spans="1:4" x14ac:dyDescent="0.4">
      <c r="A10079">
        <v>1066115</v>
      </c>
      <c r="B10079" t="s">
        <v>815</v>
      </c>
      <c r="C10079" t="s">
        <v>818</v>
      </c>
      <c r="D10079" t="s">
        <v>9036</v>
      </c>
    </row>
    <row r="10080" spans="1:4" x14ac:dyDescent="0.4">
      <c r="A10080">
        <v>1066116</v>
      </c>
      <c r="B10080" t="s">
        <v>815</v>
      </c>
      <c r="C10080" t="s">
        <v>818</v>
      </c>
      <c r="D10080" t="s">
        <v>9037</v>
      </c>
    </row>
    <row r="10081" spans="1:4" x14ac:dyDescent="0.4">
      <c r="A10081">
        <v>1066117</v>
      </c>
      <c r="B10081" t="s">
        <v>815</v>
      </c>
      <c r="C10081" t="s">
        <v>818</v>
      </c>
      <c r="D10081" t="s">
        <v>9038</v>
      </c>
    </row>
    <row r="10082" spans="1:4" x14ac:dyDescent="0.4">
      <c r="A10082">
        <v>1066118</v>
      </c>
      <c r="B10082" t="s">
        <v>815</v>
      </c>
      <c r="C10082" t="s">
        <v>818</v>
      </c>
      <c r="D10082" t="s">
        <v>9039</v>
      </c>
    </row>
    <row r="10083" spans="1:4" x14ac:dyDescent="0.4">
      <c r="A10083">
        <v>1066119</v>
      </c>
      <c r="B10083" t="s">
        <v>815</v>
      </c>
      <c r="C10083" t="s">
        <v>818</v>
      </c>
      <c r="D10083" t="s">
        <v>9040</v>
      </c>
    </row>
    <row r="10084" spans="1:4" x14ac:dyDescent="0.4">
      <c r="A10084">
        <v>1066120</v>
      </c>
      <c r="B10084" t="s">
        <v>815</v>
      </c>
      <c r="C10084" t="s">
        <v>818</v>
      </c>
      <c r="D10084" t="s">
        <v>9041</v>
      </c>
    </row>
    <row r="10085" spans="1:4" x14ac:dyDescent="0.4">
      <c r="A10085">
        <v>1066121</v>
      </c>
      <c r="B10085" t="s">
        <v>815</v>
      </c>
      <c r="C10085" t="s">
        <v>818</v>
      </c>
      <c r="D10085" t="s">
        <v>9042</v>
      </c>
    </row>
    <row r="10086" spans="1:4" x14ac:dyDescent="0.4">
      <c r="A10086">
        <v>1066122</v>
      </c>
      <c r="B10086" t="s">
        <v>815</v>
      </c>
      <c r="C10086" t="s">
        <v>818</v>
      </c>
      <c r="D10086" t="s">
        <v>9043</v>
      </c>
    </row>
    <row r="10087" spans="1:4" x14ac:dyDescent="0.4">
      <c r="A10087">
        <v>1066123</v>
      </c>
      <c r="B10087" t="s">
        <v>815</v>
      </c>
      <c r="C10087" t="s">
        <v>818</v>
      </c>
      <c r="D10087" t="s">
        <v>9044</v>
      </c>
    </row>
    <row r="10088" spans="1:4" x14ac:dyDescent="0.4">
      <c r="A10088">
        <v>1066124</v>
      </c>
      <c r="B10088" t="s">
        <v>815</v>
      </c>
      <c r="C10088" t="s">
        <v>818</v>
      </c>
      <c r="D10088" t="s">
        <v>9045</v>
      </c>
    </row>
    <row r="10089" spans="1:4" x14ac:dyDescent="0.4">
      <c r="A10089">
        <v>1066125</v>
      </c>
      <c r="B10089" t="s">
        <v>815</v>
      </c>
      <c r="C10089" t="s">
        <v>818</v>
      </c>
      <c r="D10089" t="s">
        <v>9046</v>
      </c>
    </row>
    <row r="10090" spans="1:4" x14ac:dyDescent="0.4">
      <c r="A10090">
        <v>1066126</v>
      </c>
      <c r="B10090" t="s">
        <v>815</v>
      </c>
      <c r="C10090" t="s">
        <v>818</v>
      </c>
      <c r="D10090" t="s">
        <v>9047</v>
      </c>
    </row>
    <row r="10091" spans="1:4" x14ac:dyDescent="0.4">
      <c r="A10091">
        <v>1066127</v>
      </c>
      <c r="B10091" t="s">
        <v>815</v>
      </c>
      <c r="C10091" t="s">
        <v>818</v>
      </c>
      <c r="D10091" t="s">
        <v>9048</v>
      </c>
    </row>
    <row r="10092" spans="1:4" x14ac:dyDescent="0.4">
      <c r="A10092">
        <v>1066128</v>
      </c>
      <c r="B10092" t="s">
        <v>815</v>
      </c>
      <c r="C10092" t="s">
        <v>818</v>
      </c>
      <c r="D10092" t="s">
        <v>9049</v>
      </c>
    </row>
    <row r="10093" spans="1:4" x14ac:dyDescent="0.4">
      <c r="A10093">
        <v>1066129</v>
      </c>
      <c r="B10093" t="s">
        <v>815</v>
      </c>
      <c r="C10093" t="s">
        <v>818</v>
      </c>
      <c r="D10093" t="s">
        <v>9050</v>
      </c>
    </row>
    <row r="10094" spans="1:4" x14ac:dyDescent="0.4">
      <c r="A10094">
        <v>1066130</v>
      </c>
      <c r="B10094" t="s">
        <v>815</v>
      </c>
      <c r="C10094" t="s">
        <v>818</v>
      </c>
      <c r="D10094" t="s">
        <v>9051</v>
      </c>
    </row>
    <row r="10095" spans="1:4" x14ac:dyDescent="0.4">
      <c r="A10095">
        <v>1066131</v>
      </c>
      <c r="B10095" t="s">
        <v>815</v>
      </c>
      <c r="C10095" t="s">
        <v>818</v>
      </c>
      <c r="D10095" t="s">
        <v>9052</v>
      </c>
    </row>
    <row r="10096" spans="1:4" x14ac:dyDescent="0.4">
      <c r="A10096">
        <v>1066132</v>
      </c>
      <c r="B10096" t="s">
        <v>815</v>
      </c>
      <c r="C10096" t="s">
        <v>818</v>
      </c>
      <c r="D10096" t="s">
        <v>9053</v>
      </c>
    </row>
    <row r="10097" spans="1:4" x14ac:dyDescent="0.4">
      <c r="A10097">
        <v>1066133</v>
      </c>
      <c r="B10097" t="s">
        <v>815</v>
      </c>
      <c r="C10097" t="s">
        <v>818</v>
      </c>
      <c r="D10097" t="s">
        <v>9054</v>
      </c>
    </row>
    <row r="10098" spans="1:4" x14ac:dyDescent="0.4">
      <c r="A10098">
        <v>1066134</v>
      </c>
      <c r="B10098" t="s">
        <v>815</v>
      </c>
      <c r="C10098" t="s">
        <v>818</v>
      </c>
      <c r="D10098" t="s">
        <v>9055</v>
      </c>
    </row>
    <row r="10099" spans="1:4" x14ac:dyDescent="0.4">
      <c r="A10099">
        <v>1066135</v>
      </c>
      <c r="B10099" t="s">
        <v>815</v>
      </c>
      <c r="C10099" t="s">
        <v>818</v>
      </c>
      <c r="D10099" t="s">
        <v>9056</v>
      </c>
    </row>
    <row r="10100" spans="1:4" x14ac:dyDescent="0.4">
      <c r="A10100">
        <v>1066136</v>
      </c>
      <c r="B10100" t="s">
        <v>815</v>
      </c>
      <c r="C10100" t="s">
        <v>818</v>
      </c>
      <c r="D10100" t="s">
        <v>9057</v>
      </c>
    </row>
    <row r="10101" spans="1:4" x14ac:dyDescent="0.4">
      <c r="A10101">
        <v>1066137</v>
      </c>
      <c r="B10101" t="s">
        <v>815</v>
      </c>
      <c r="C10101" t="s">
        <v>818</v>
      </c>
      <c r="D10101" t="s">
        <v>9058</v>
      </c>
    </row>
    <row r="10102" spans="1:4" x14ac:dyDescent="0.4">
      <c r="A10102">
        <v>1066138</v>
      </c>
      <c r="B10102" t="s">
        <v>815</v>
      </c>
      <c r="C10102" t="s">
        <v>818</v>
      </c>
      <c r="D10102" t="s">
        <v>9059</v>
      </c>
    </row>
    <row r="10103" spans="1:4" x14ac:dyDescent="0.4">
      <c r="A10103">
        <v>1066139</v>
      </c>
      <c r="B10103" t="s">
        <v>815</v>
      </c>
      <c r="C10103" t="s">
        <v>818</v>
      </c>
      <c r="D10103" t="s">
        <v>9060</v>
      </c>
    </row>
    <row r="10104" spans="1:4" x14ac:dyDescent="0.4">
      <c r="A10104">
        <v>1066140</v>
      </c>
      <c r="B10104" t="s">
        <v>815</v>
      </c>
      <c r="C10104" t="s">
        <v>818</v>
      </c>
      <c r="D10104" t="s">
        <v>9061</v>
      </c>
    </row>
    <row r="10105" spans="1:4" x14ac:dyDescent="0.4">
      <c r="A10105">
        <v>1066141</v>
      </c>
      <c r="B10105" t="s">
        <v>815</v>
      </c>
      <c r="C10105" t="s">
        <v>818</v>
      </c>
      <c r="D10105" t="s">
        <v>9062</v>
      </c>
    </row>
    <row r="10106" spans="1:4" x14ac:dyDescent="0.4">
      <c r="A10106">
        <v>1066142</v>
      </c>
      <c r="B10106" t="s">
        <v>815</v>
      </c>
      <c r="C10106" t="s">
        <v>818</v>
      </c>
      <c r="D10106" t="s">
        <v>9063</v>
      </c>
    </row>
    <row r="10107" spans="1:4" x14ac:dyDescent="0.4">
      <c r="A10107">
        <v>1066143</v>
      </c>
      <c r="B10107" t="s">
        <v>815</v>
      </c>
      <c r="C10107" t="s">
        <v>818</v>
      </c>
      <c r="D10107" t="s">
        <v>9064</v>
      </c>
    </row>
    <row r="10108" spans="1:4" x14ac:dyDescent="0.4">
      <c r="A10108">
        <v>1066144</v>
      </c>
      <c r="B10108" t="s">
        <v>815</v>
      </c>
      <c r="C10108" t="s">
        <v>818</v>
      </c>
      <c r="D10108" t="s">
        <v>9065</v>
      </c>
    </row>
    <row r="10109" spans="1:4" x14ac:dyDescent="0.4">
      <c r="A10109">
        <v>1066145</v>
      </c>
      <c r="B10109" t="s">
        <v>815</v>
      </c>
      <c r="C10109" t="s">
        <v>818</v>
      </c>
      <c r="D10109" t="s">
        <v>9066</v>
      </c>
    </row>
    <row r="10110" spans="1:4" x14ac:dyDescent="0.4">
      <c r="A10110">
        <v>1066146</v>
      </c>
      <c r="B10110" t="s">
        <v>815</v>
      </c>
      <c r="C10110" t="s">
        <v>818</v>
      </c>
      <c r="D10110" t="s">
        <v>9067</v>
      </c>
    </row>
    <row r="10111" spans="1:4" x14ac:dyDescent="0.4">
      <c r="A10111">
        <v>1066147</v>
      </c>
      <c r="B10111" t="s">
        <v>815</v>
      </c>
      <c r="C10111" t="s">
        <v>818</v>
      </c>
      <c r="D10111" t="s">
        <v>9068</v>
      </c>
    </row>
    <row r="10112" spans="1:4" x14ac:dyDescent="0.4">
      <c r="A10112">
        <v>1066148</v>
      </c>
      <c r="B10112" t="s">
        <v>815</v>
      </c>
      <c r="C10112" t="s">
        <v>818</v>
      </c>
      <c r="D10112" t="s">
        <v>9069</v>
      </c>
    </row>
    <row r="10113" spans="1:4" x14ac:dyDescent="0.4">
      <c r="A10113">
        <v>1066149</v>
      </c>
      <c r="B10113" t="s">
        <v>815</v>
      </c>
      <c r="C10113" t="s">
        <v>818</v>
      </c>
      <c r="D10113" t="s">
        <v>9070</v>
      </c>
    </row>
    <row r="10114" spans="1:4" x14ac:dyDescent="0.4">
      <c r="A10114">
        <v>1066150</v>
      </c>
      <c r="B10114" t="s">
        <v>815</v>
      </c>
      <c r="C10114" t="s">
        <v>818</v>
      </c>
      <c r="D10114" t="s">
        <v>9071</v>
      </c>
    </row>
    <row r="10115" spans="1:4" x14ac:dyDescent="0.4">
      <c r="A10115">
        <v>1066151</v>
      </c>
      <c r="B10115" t="s">
        <v>815</v>
      </c>
      <c r="C10115" t="s">
        <v>818</v>
      </c>
      <c r="D10115" t="s">
        <v>9072</v>
      </c>
    </row>
    <row r="10116" spans="1:4" x14ac:dyDescent="0.4">
      <c r="A10116">
        <v>1066152</v>
      </c>
      <c r="B10116" t="s">
        <v>815</v>
      </c>
      <c r="C10116" t="s">
        <v>818</v>
      </c>
      <c r="D10116" t="s">
        <v>9073</v>
      </c>
    </row>
    <row r="10117" spans="1:4" x14ac:dyDescent="0.4">
      <c r="A10117">
        <v>1066153</v>
      </c>
      <c r="B10117" t="s">
        <v>815</v>
      </c>
      <c r="C10117" t="s">
        <v>818</v>
      </c>
      <c r="D10117" t="s">
        <v>9074</v>
      </c>
    </row>
    <row r="10118" spans="1:4" x14ac:dyDescent="0.4">
      <c r="A10118">
        <v>1066154</v>
      </c>
      <c r="B10118" t="s">
        <v>815</v>
      </c>
      <c r="C10118" t="s">
        <v>818</v>
      </c>
      <c r="D10118" t="s">
        <v>9075</v>
      </c>
    </row>
    <row r="10119" spans="1:4" x14ac:dyDescent="0.4">
      <c r="A10119">
        <v>1600000</v>
      </c>
      <c r="B10119" t="s">
        <v>815</v>
      </c>
      <c r="C10119" t="s">
        <v>820</v>
      </c>
    </row>
    <row r="10120" spans="1:4" x14ac:dyDescent="0.4">
      <c r="A10120">
        <v>1600005</v>
      </c>
      <c r="B10120" t="s">
        <v>815</v>
      </c>
      <c r="C10120" t="s">
        <v>820</v>
      </c>
      <c r="D10120" t="s">
        <v>9076</v>
      </c>
    </row>
    <row r="10121" spans="1:4" x14ac:dyDescent="0.4">
      <c r="A10121">
        <v>1620803</v>
      </c>
      <c r="B10121" t="s">
        <v>815</v>
      </c>
      <c r="C10121" t="s">
        <v>820</v>
      </c>
      <c r="D10121" t="s">
        <v>9077</v>
      </c>
    </row>
    <row r="10122" spans="1:4" x14ac:dyDescent="0.4">
      <c r="A10122">
        <v>1620817</v>
      </c>
      <c r="B10122" t="s">
        <v>815</v>
      </c>
      <c r="C10122" t="s">
        <v>820</v>
      </c>
      <c r="D10122" t="s">
        <v>9078</v>
      </c>
    </row>
    <row r="10123" spans="1:4" x14ac:dyDescent="0.4">
      <c r="A10123">
        <v>1620824</v>
      </c>
      <c r="B10123" t="s">
        <v>815</v>
      </c>
      <c r="C10123" t="s">
        <v>820</v>
      </c>
      <c r="D10123" t="s">
        <v>9079</v>
      </c>
    </row>
    <row r="10124" spans="1:4" x14ac:dyDescent="0.4">
      <c r="A10124">
        <v>1600007</v>
      </c>
      <c r="B10124" t="s">
        <v>815</v>
      </c>
      <c r="C10124" t="s">
        <v>820</v>
      </c>
      <c r="D10124" t="s">
        <v>9080</v>
      </c>
    </row>
    <row r="10125" spans="1:4" x14ac:dyDescent="0.4">
      <c r="A10125">
        <v>1620062</v>
      </c>
      <c r="B10125" t="s">
        <v>815</v>
      </c>
      <c r="C10125" t="s">
        <v>820</v>
      </c>
      <c r="D10125" t="s">
        <v>9081</v>
      </c>
    </row>
    <row r="10126" spans="1:4" x14ac:dyDescent="0.4">
      <c r="A10126">
        <v>1620856</v>
      </c>
      <c r="B10126" t="s">
        <v>815</v>
      </c>
      <c r="C10126" t="s">
        <v>820</v>
      </c>
      <c r="D10126" t="s">
        <v>9082</v>
      </c>
    </row>
    <row r="10127" spans="1:4" x14ac:dyDescent="0.4">
      <c r="A10127">
        <v>1620842</v>
      </c>
      <c r="B10127" t="s">
        <v>815</v>
      </c>
      <c r="C10127" t="s">
        <v>820</v>
      </c>
      <c r="D10127" t="s">
        <v>9083</v>
      </c>
    </row>
    <row r="10128" spans="1:4" x14ac:dyDescent="0.4">
      <c r="A10128">
        <v>1620846</v>
      </c>
      <c r="B10128" t="s">
        <v>815</v>
      </c>
      <c r="C10128" t="s">
        <v>820</v>
      </c>
      <c r="D10128" t="s">
        <v>9084</v>
      </c>
    </row>
    <row r="10129" spans="1:4" x14ac:dyDescent="0.4">
      <c r="A10129">
        <v>1620848</v>
      </c>
      <c r="B10129" t="s">
        <v>815</v>
      </c>
      <c r="C10129" t="s">
        <v>820</v>
      </c>
      <c r="D10129" t="s">
        <v>9085</v>
      </c>
    </row>
    <row r="10130" spans="1:4" x14ac:dyDescent="0.4">
      <c r="A10130">
        <v>1620843</v>
      </c>
      <c r="B10130" t="s">
        <v>815</v>
      </c>
      <c r="C10130" t="s">
        <v>820</v>
      </c>
      <c r="D10130" t="s">
        <v>9086</v>
      </c>
    </row>
    <row r="10131" spans="1:4" x14ac:dyDescent="0.4">
      <c r="A10131">
        <v>1620066</v>
      </c>
      <c r="B10131" t="s">
        <v>815</v>
      </c>
      <c r="C10131" t="s">
        <v>820</v>
      </c>
      <c r="D10131" t="s">
        <v>9087</v>
      </c>
    </row>
    <row r="10132" spans="1:4" x14ac:dyDescent="0.4">
      <c r="A10132">
        <v>1620847</v>
      </c>
      <c r="B10132" t="s">
        <v>815</v>
      </c>
      <c r="C10132" t="s">
        <v>820</v>
      </c>
      <c r="D10132" t="s">
        <v>9088</v>
      </c>
    </row>
    <row r="10133" spans="1:4" x14ac:dyDescent="0.4">
      <c r="A10133">
        <v>1620064</v>
      </c>
      <c r="B10133" t="s">
        <v>815</v>
      </c>
      <c r="C10133" t="s">
        <v>820</v>
      </c>
      <c r="D10133" t="s">
        <v>9089</v>
      </c>
    </row>
    <row r="10134" spans="1:4" x14ac:dyDescent="0.4">
      <c r="A10134">
        <v>1620844</v>
      </c>
      <c r="B10134" t="s">
        <v>815</v>
      </c>
      <c r="C10134" t="s">
        <v>820</v>
      </c>
      <c r="D10134" t="s">
        <v>9090</v>
      </c>
    </row>
    <row r="10135" spans="1:4" x14ac:dyDescent="0.4">
      <c r="A10135">
        <v>1620826</v>
      </c>
      <c r="B10135" t="s">
        <v>815</v>
      </c>
      <c r="C10135" t="s">
        <v>820</v>
      </c>
      <c r="D10135" t="s">
        <v>9091</v>
      </c>
    </row>
    <row r="10136" spans="1:4" x14ac:dyDescent="0.4">
      <c r="A10136">
        <v>1620845</v>
      </c>
      <c r="B10136" t="s">
        <v>815</v>
      </c>
      <c r="C10136" t="s">
        <v>820</v>
      </c>
      <c r="D10136" t="s">
        <v>9092</v>
      </c>
    </row>
    <row r="10137" spans="1:4" x14ac:dyDescent="0.4">
      <c r="A10137">
        <v>1620063</v>
      </c>
      <c r="B10137" t="s">
        <v>815</v>
      </c>
      <c r="C10137" t="s">
        <v>820</v>
      </c>
      <c r="D10137" t="s">
        <v>9093</v>
      </c>
    </row>
    <row r="10138" spans="1:4" x14ac:dyDescent="0.4">
      <c r="A10138">
        <v>1620061</v>
      </c>
      <c r="B10138" t="s">
        <v>815</v>
      </c>
      <c r="C10138" t="s">
        <v>820</v>
      </c>
      <c r="D10138" t="s">
        <v>9094</v>
      </c>
    </row>
    <row r="10139" spans="1:4" x14ac:dyDescent="0.4">
      <c r="A10139">
        <v>1620857</v>
      </c>
      <c r="B10139" t="s">
        <v>815</v>
      </c>
      <c r="C10139" t="s">
        <v>820</v>
      </c>
      <c r="D10139" t="s">
        <v>9095</v>
      </c>
    </row>
    <row r="10140" spans="1:4" x14ac:dyDescent="0.4">
      <c r="A10140">
        <v>1620832</v>
      </c>
      <c r="B10140" t="s">
        <v>815</v>
      </c>
      <c r="C10140" t="s">
        <v>820</v>
      </c>
      <c r="D10140" t="s">
        <v>9096</v>
      </c>
    </row>
    <row r="10141" spans="1:4" x14ac:dyDescent="0.4">
      <c r="A10141">
        <v>1620806</v>
      </c>
      <c r="B10141" t="s">
        <v>815</v>
      </c>
      <c r="C10141" t="s">
        <v>820</v>
      </c>
      <c r="D10141" t="s">
        <v>2696</v>
      </c>
    </row>
    <row r="10142" spans="1:4" x14ac:dyDescent="0.4">
      <c r="A10142">
        <v>1690072</v>
      </c>
      <c r="B10142" t="s">
        <v>815</v>
      </c>
      <c r="C10142" t="s">
        <v>820</v>
      </c>
      <c r="D10142" t="s">
        <v>139</v>
      </c>
    </row>
    <row r="10143" spans="1:4" x14ac:dyDescent="0.4">
      <c r="A10143">
        <v>1620802</v>
      </c>
      <c r="B10143" t="s">
        <v>815</v>
      </c>
      <c r="C10143" t="s">
        <v>820</v>
      </c>
      <c r="D10143" t="s">
        <v>9097</v>
      </c>
    </row>
    <row r="10144" spans="1:4" x14ac:dyDescent="0.4">
      <c r="A10144">
        <v>1620823</v>
      </c>
      <c r="B10144" t="s">
        <v>815</v>
      </c>
      <c r="C10144" t="s">
        <v>820</v>
      </c>
      <c r="D10144" t="s">
        <v>9098</v>
      </c>
    </row>
    <row r="10145" spans="1:4" x14ac:dyDescent="0.4">
      <c r="A10145">
        <v>1620825</v>
      </c>
      <c r="B10145" t="s">
        <v>815</v>
      </c>
      <c r="C10145" t="s">
        <v>820</v>
      </c>
      <c r="D10145" t="s">
        <v>9099</v>
      </c>
    </row>
    <row r="10146" spans="1:4" x14ac:dyDescent="0.4">
      <c r="A10146">
        <v>1600013</v>
      </c>
      <c r="B10146" t="s">
        <v>815</v>
      </c>
      <c r="C10146" t="s">
        <v>820</v>
      </c>
      <c r="D10146" t="s">
        <v>9100</v>
      </c>
    </row>
    <row r="10147" spans="1:4" x14ac:dyDescent="0.4">
      <c r="A10147">
        <v>1600001</v>
      </c>
      <c r="B10147" t="s">
        <v>815</v>
      </c>
      <c r="C10147" t="s">
        <v>820</v>
      </c>
      <c r="D10147" t="s">
        <v>3389</v>
      </c>
    </row>
    <row r="10148" spans="1:4" x14ac:dyDescent="0.4">
      <c r="A10148">
        <v>1600021</v>
      </c>
      <c r="B10148" t="s">
        <v>815</v>
      </c>
      <c r="C10148" t="s">
        <v>820</v>
      </c>
      <c r="D10148" t="s">
        <v>9101</v>
      </c>
    </row>
    <row r="10149" spans="1:4" x14ac:dyDescent="0.4">
      <c r="A10149">
        <v>1610034</v>
      </c>
      <c r="B10149" t="s">
        <v>815</v>
      </c>
      <c r="C10149" t="s">
        <v>820</v>
      </c>
      <c r="D10149" t="s">
        <v>8427</v>
      </c>
    </row>
    <row r="10150" spans="1:4" x14ac:dyDescent="0.4">
      <c r="A10150">
        <v>1620054</v>
      </c>
      <c r="B10150" t="s">
        <v>815</v>
      </c>
      <c r="C10150" t="s">
        <v>820</v>
      </c>
      <c r="D10150" t="s">
        <v>9102</v>
      </c>
    </row>
    <row r="10151" spans="1:4" x14ac:dyDescent="0.4">
      <c r="A10151">
        <v>1620044</v>
      </c>
      <c r="B10151" t="s">
        <v>815</v>
      </c>
      <c r="C10151" t="s">
        <v>820</v>
      </c>
      <c r="D10151" t="s">
        <v>9103</v>
      </c>
    </row>
    <row r="10152" spans="1:4" x14ac:dyDescent="0.4">
      <c r="A10152">
        <v>1690074</v>
      </c>
      <c r="B10152" t="s">
        <v>815</v>
      </c>
      <c r="C10152" t="s">
        <v>820</v>
      </c>
      <c r="D10152" t="s">
        <v>1664</v>
      </c>
    </row>
    <row r="10153" spans="1:4" x14ac:dyDescent="0.4">
      <c r="A10153">
        <v>1620834</v>
      </c>
      <c r="B10153" t="s">
        <v>815</v>
      </c>
      <c r="C10153" t="s">
        <v>820</v>
      </c>
      <c r="D10153" t="s">
        <v>3548</v>
      </c>
    </row>
    <row r="10154" spans="1:4" x14ac:dyDescent="0.4">
      <c r="A10154">
        <v>1620853</v>
      </c>
      <c r="B10154" t="s">
        <v>815</v>
      </c>
      <c r="C10154" t="s">
        <v>820</v>
      </c>
      <c r="D10154" t="s">
        <v>9104</v>
      </c>
    </row>
    <row r="10155" spans="1:4" x14ac:dyDescent="0.4">
      <c r="A10155">
        <v>1620838</v>
      </c>
      <c r="B10155" t="s">
        <v>815</v>
      </c>
      <c r="C10155" t="s">
        <v>820</v>
      </c>
      <c r="D10155" t="s">
        <v>9105</v>
      </c>
    </row>
    <row r="10156" spans="1:4" x14ac:dyDescent="0.4">
      <c r="A10156">
        <v>1600002</v>
      </c>
      <c r="B10156" t="s">
        <v>815</v>
      </c>
      <c r="C10156" t="s">
        <v>820</v>
      </c>
      <c r="D10156" t="s">
        <v>9106</v>
      </c>
    </row>
    <row r="10157" spans="1:4" x14ac:dyDescent="0.4">
      <c r="A10157">
        <v>1600017</v>
      </c>
      <c r="B10157" t="s">
        <v>815</v>
      </c>
      <c r="C10157" t="s">
        <v>820</v>
      </c>
      <c r="D10157" t="s">
        <v>9107</v>
      </c>
    </row>
    <row r="10158" spans="1:4" x14ac:dyDescent="0.4">
      <c r="A10158">
        <v>1600008</v>
      </c>
      <c r="B10158" t="s">
        <v>815</v>
      </c>
      <c r="C10158" t="s">
        <v>820</v>
      </c>
      <c r="D10158" t="s">
        <v>9108</v>
      </c>
    </row>
    <row r="10159" spans="1:4" x14ac:dyDescent="0.4">
      <c r="A10159">
        <v>1600016</v>
      </c>
      <c r="B10159" t="s">
        <v>815</v>
      </c>
      <c r="C10159" t="s">
        <v>820</v>
      </c>
      <c r="D10159" t="s">
        <v>9109</v>
      </c>
    </row>
    <row r="10160" spans="1:4" x14ac:dyDescent="0.4">
      <c r="A10160">
        <v>1610033</v>
      </c>
      <c r="B10160" t="s">
        <v>815</v>
      </c>
      <c r="C10160" t="s">
        <v>820</v>
      </c>
      <c r="D10160" t="s">
        <v>8383</v>
      </c>
    </row>
    <row r="10161" spans="1:4" x14ac:dyDescent="0.4">
      <c r="A10161">
        <v>1620822</v>
      </c>
      <c r="B10161" t="s">
        <v>815</v>
      </c>
      <c r="C10161" t="s">
        <v>820</v>
      </c>
      <c r="D10161" t="s">
        <v>9110</v>
      </c>
    </row>
    <row r="10162" spans="1:4" x14ac:dyDescent="0.4">
      <c r="A10162">
        <v>1620816</v>
      </c>
      <c r="B10162" t="s">
        <v>815</v>
      </c>
      <c r="C10162" t="s">
        <v>820</v>
      </c>
      <c r="D10162" t="s">
        <v>5336</v>
      </c>
    </row>
    <row r="10163" spans="1:4" x14ac:dyDescent="0.4">
      <c r="A10163">
        <v>1620814</v>
      </c>
      <c r="B10163" t="s">
        <v>815</v>
      </c>
      <c r="C10163" t="s">
        <v>820</v>
      </c>
      <c r="D10163" t="s">
        <v>9111</v>
      </c>
    </row>
    <row r="10164" spans="1:4" x14ac:dyDescent="0.4">
      <c r="A10164">
        <v>1600022</v>
      </c>
      <c r="B10164" t="s">
        <v>815</v>
      </c>
      <c r="C10164" t="s">
        <v>820</v>
      </c>
      <c r="D10164" t="s">
        <v>177</v>
      </c>
    </row>
    <row r="10165" spans="1:4" x14ac:dyDescent="0.4">
      <c r="A10165">
        <v>1620811</v>
      </c>
      <c r="B10165" t="s">
        <v>815</v>
      </c>
      <c r="C10165" t="s">
        <v>820</v>
      </c>
      <c r="D10165" t="s">
        <v>9112</v>
      </c>
    </row>
    <row r="10166" spans="1:4" x14ac:dyDescent="0.4">
      <c r="A10166">
        <v>1600018</v>
      </c>
      <c r="B10166" t="s">
        <v>815</v>
      </c>
      <c r="C10166" t="s">
        <v>820</v>
      </c>
      <c r="D10166" t="s">
        <v>9113</v>
      </c>
    </row>
    <row r="10167" spans="1:4" x14ac:dyDescent="0.4">
      <c r="A10167">
        <v>1620065</v>
      </c>
      <c r="B10167" t="s">
        <v>815</v>
      </c>
      <c r="C10167" t="s">
        <v>820</v>
      </c>
      <c r="D10167" t="s">
        <v>3395</v>
      </c>
    </row>
    <row r="10168" spans="1:4" x14ac:dyDescent="0.4">
      <c r="A10168">
        <v>1600015</v>
      </c>
      <c r="B10168" t="s">
        <v>815</v>
      </c>
      <c r="C10168" t="s">
        <v>820</v>
      </c>
      <c r="D10168" t="s">
        <v>9114</v>
      </c>
    </row>
    <row r="10169" spans="1:4" x14ac:dyDescent="0.4">
      <c r="A10169">
        <v>1690075</v>
      </c>
      <c r="B10169" t="s">
        <v>815</v>
      </c>
      <c r="C10169" t="s">
        <v>820</v>
      </c>
      <c r="D10169" t="s">
        <v>9115</v>
      </c>
    </row>
    <row r="10170" spans="1:4" x14ac:dyDescent="0.4">
      <c r="A10170">
        <v>1620833</v>
      </c>
      <c r="B10170" t="s">
        <v>815</v>
      </c>
      <c r="C10170" t="s">
        <v>820</v>
      </c>
      <c r="D10170" t="s">
        <v>9116</v>
      </c>
    </row>
    <row r="10171" spans="1:4" x14ac:dyDescent="0.4">
      <c r="A10171">
        <v>1620818</v>
      </c>
      <c r="B10171" t="s">
        <v>815</v>
      </c>
      <c r="C10171" t="s">
        <v>820</v>
      </c>
      <c r="D10171" t="s">
        <v>3418</v>
      </c>
    </row>
    <row r="10172" spans="1:4" x14ac:dyDescent="0.4">
      <c r="A10172">
        <v>1620821</v>
      </c>
      <c r="B10172" t="s">
        <v>815</v>
      </c>
      <c r="C10172" t="s">
        <v>820</v>
      </c>
      <c r="D10172" t="s">
        <v>9117</v>
      </c>
    </row>
    <row r="10173" spans="1:4" x14ac:dyDescent="0.4">
      <c r="A10173">
        <v>1620815</v>
      </c>
      <c r="B10173" t="s">
        <v>815</v>
      </c>
      <c r="C10173" t="s">
        <v>820</v>
      </c>
      <c r="D10173" t="s">
        <v>9118</v>
      </c>
    </row>
    <row r="10174" spans="1:4" x14ac:dyDescent="0.4">
      <c r="A10174">
        <v>1620808</v>
      </c>
      <c r="B10174" t="s">
        <v>815</v>
      </c>
      <c r="C10174" t="s">
        <v>820</v>
      </c>
      <c r="D10174" t="s">
        <v>1582</v>
      </c>
    </row>
    <row r="10175" spans="1:4" x14ac:dyDescent="0.4">
      <c r="A10175">
        <v>1690071</v>
      </c>
      <c r="B10175" t="s">
        <v>815</v>
      </c>
      <c r="C10175" t="s">
        <v>820</v>
      </c>
      <c r="D10175" t="s">
        <v>2577</v>
      </c>
    </row>
    <row r="10176" spans="1:4" x14ac:dyDescent="0.4">
      <c r="A10176">
        <v>1620067</v>
      </c>
      <c r="B10176" t="s">
        <v>815</v>
      </c>
      <c r="C10176" t="s">
        <v>820</v>
      </c>
      <c r="D10176" t="s">
        <v>9119</v>
      </c>
    </row>
    <row r="10177" spans="1:4" x14ac:dyDescent="0.4">
      <c r="A10177">
        <v>1690052</v>
      </c>
      <c r="B10177" t="s">
        <v>815</v>
      </c>
      <c r="C10177" t="s">
        <v>820</v>
      </c>
      <c r="D10177" t="s">
        <v>9120</v>
      </c>
    </row>
    <row r="10178" spans="1:4" x14ac:dyDescent="0.4">
      <c r="A10178">
        <v>1620052</v>
      </c>
      <c r="B10178" t="s">
        <v>815</v>
      </c>
      <c r="C10178" t="s">
        <v>820</v>
      </c>
      <c r="D10178" t="s">
        <v>4598</v>
      </c>
    </row>
    <row r="10179" spans="1:4" x14ac:dyDescent="0.4">
      <c r="A10179">
        <v>1600014</v>
      </c>
      <c r="B10179" t="s">
        <v>815</v>
      </c>
      <c r="C10179" t="s">
        <v>820</v>
      </c>
      <c r="D10179" t="s">
        <v>9121</v>
      </c>
    </row>
    <row r="10180" spans="1:4" x14ac:dyDescent="0.4">
      <c r="A10180">
        <v>1610035</v>
      </c>
      <c r="B10180" t="s">
        <v>815</v>
      </c>
      <c r="C10180" t="s">
        <v>820</v>
      </c>
      <c r="D10180" t="s">
        <v>1684</v>
      </c>
    </row>
    <row r="10181" spans="1:4" x14ac:dyDescent="0.4">
      <c r="A10181">
        <v>1610032</v>
      </c>
      <c r="B10181" t="s">
        <v>815</v>
      </c>
      <c r="C10181" t="s">
        <v>820</v>
      </c>
      <c r="D10181" t="s">
        <v>9122</v>
      </c>
    </row>
    <row r="10182" spans="1:4" x14ac:dyDescent="0.4">
      <c r="A10182">
        <v>1620804</v>
      </c>
      <c r="B10182" t="s">
        <v>815</v>
      </c>
      <c r="C10182" t="s">
        <v>820</v>
      </c>
      <c r="D10182" t="s">
        <v>7847</v>
      </c>
    </row>
    <row r="10183" spans="1:4" x14ac:dyDescent="0.4">
      <c r="A10183">
        <v>1620835</v>
      </c>
      <c r="B10183" t="s">
        <v>815</v>
      </c>
      <c r="C10183" t="s">
        <v>820</v>
      </c>
      <c r="D10183" t="s">
        <v>1585</v>
      </c>
    </row>
    <row r="10184" spans="1:4" x14ac:dyDescent="0.4">
      <c r="A10184">
        <v>1620837</v>
      </c>
      <c r="B10184" t="s">
        <v>815</v>
      </c>
      <c r="C10184" t="s">
        <v>820</v>
      </c>
      <c r="D10184" t="s">
        <v>9123</v>
      </c>
    </row>
    <row r="10185" spans="1:4" x14ac:dyDescent="0.4">
      <c r="A10185">
        <v>1610031</v>
      </c>
      <c r="B10185" t="s">
        <v>815</v>
      </c>
      <c r="C10185" t="s">
        <v>820</v>
      </c>
      <c r="D10185" t="s">
        <v>9124</v>
      </c>
    </row>
    <row r="10186" spans="1:4" x14ac:dyDescent="0.4">
      <c r="A10186">
        <v>1620812</v>
      </c>
      <c r="B10186" t="s">
        <v>815</v>
      </c>
      <c r="C10186" t="s">
        <v>820</v>
      </c>
      <c r="D10186" t="s">
        <v>9125</v>
      </c>
    </row>
    <row r="10187" spans="1:4" x14ac:dyDescent="0.4">
      <c r="A10187">
        <v>1600023</v>
      </c>
      <c r="B10187" t="s">
        <v>815</v>
      </c>
      <c r="C10187" t="s">
        <v>820</v>
      </c>
      <c r="D10187" t="s">
        <v>9126</v>
      </c>
    </row>
    <row r="10188" spans="1:4" x14ac:dyDescent="0.4">
      <c r="A10188">
        <v>1631390</v>
      </c>
      <c r="B10188" t="s">
        <v>815</v>
      </c>
      <c r="C10188" t="s">
        <v>820</v>
      </c>
      <c r="D10188" t="s">
        <v>9127</v>
      </c>
    </row>
    <row r="10189" spans="1:4" x14ac:dyDescent="0.4">
      <c r="A10189">
        <v>1631301</v>
      </c>
      <c r="B10189" t="s">
        <v>815</v>
      </c>
      <c r="C10189" t="s">
        <v>820</v>
      </c>
      <c r="D10189" t="s">
        <v>9128</v>
      </c>
    </row>
    <row r="10190" spans="1:4" x14ac:dyDescent="0.4">
      <c r="A10190">
        <v>1631302</v>
      </c>
      <c r="B10190" t="s">
        <v>815</v>
      </c>
      <c r="C10190" t="s">
        <v>820</v>
      </c>
      <c r="D10190" t="s">
        <v>9129</v>
      </c>
    </row>
    <row r="10191" spans="1:4" x14ac:dyDescent="0.4">
      <c r="A10191">
        <v>1631303</v>
      </c>
      <c r="B10191" t="s">
        <v>815</v>
      </c>
      <c r="C10191" t="s">
        <v>820</v>
      </c>
      <c r="D10191" t="s">
        <v>9130</v>
      </c>
    </row>
    <row r="10192" spans="1:4" x14ac:dyDescent="0.4">
      <c r="A10192">
        <v>1631304</v>
      </c>
      <c r="B10192" t="s">
        <v>815</v>
      </c>
      <c r="C10192" t="s">
        <v>820</v>
      </c>
      <c r="D10192" t="s">
        <v>9131</v>
      </c>
    </row>
    <row r="10193" spans="1:4" x14ac:dyDescent="0.4">
      <c r="A10193">
        <v>1631305</v>
      </c>
      <c r="B10193" t="s">
        <v>815</v>
      </c>
      <c r="C10193" t="s">
        <v>820</v>
      </c>
      <c r="D10193" t="s">
        <v>9132</v>
      </c>
    </row>
    <row r="10194" spans="1:4" x14ac:dyDescent="0.4">
      <c r="A10194">
        <v>1631306</v>
      </c>
      <c r="B10194" t="s">
        <v>815</v>
      </c>
      <c r="C10194" t="s">
        <v>820</v>
      </c>
      <c r="D10194" t="s">
        <v>9133</v>
      </c>
    </row>
    <row r="10195" spans="1:4" x14ac:dyDescent="0.4">
      <c r="A10195">
        <v>1631307</v>
      </c>
      <c r="B10195" t="s">
        <v>815</v>
      </c>
      <c r="C10195" t="s">
        <v>820</v>
      </c>
      <c r="D10195" t="s">
        <v>9134</v>
      </c>
    </row>
    <row r="10196" spans="1:4" x14ac:dyDescent="0.4">
      <c r="A10196">
        <v>1631308</v>
      </c>
      <c r="B10196" t="s">
        <v>815</v>
      </c>
      <c r="C10196" t="s">
        <v>820</v>
      </c>
      <c r="D10196" t="s">
        <v>9135</v>
      </c>
    </row>
    <row r="10197" spans="1:4" x14ac:dyDescent="0.4">
      <c r="A10197">
        <v>1631309</v>
      </c>
      <c r="B10197" t="s">
        <v>815</v>
      </c>
      <c r="C10197" t="s">
        <v>820</v>
      </c>
      <c r="D10197" t="s">
        <v>9136</v>
      </c>
    </row>
    <row r="10198" spans="1:4" x14ac:dyDescent="0.4">
      <c r="A10198">
        <v>1631310</v>
      </c>
      <c r="B10198" t="s">
        <v>815</v>
      </c>
      <c r="C10198" t="s">
        <v>820</v>
      </c>
      <c r="D10198" t="s">
        <v>9137</v>
      </c>
    </row>
    <row r="10199" spans="1:4" x14ac:dyDescent="0.4">
      <c r="A10199">
        <v>1631311</v>
      </c>
      <c r="B10199" t="s">
        <v>815</v>
      </c>
      <c r="C10199" t="s">
        <v>820</v>
      </c>
      <c r="D10199" t="s">
        <v>9138</v>
      </c>
    </row>
    <row r="10200" spans="1:4" x14ac:dyDescent="0.4">
      <c r="A10200">
        <v>1631312</v>
      </c>
      <c r="B10200" t="s">
        <v>815</v>
      </c>
      <c r="C10200" t="s">
        <v>820</v>
      </c>
      <c r="D10200" t="s">
        <v>9139</v>
      </c>
    </row>
    <row r="10201" spans="1:4" x14ac:dyDescent="0.4">
      <c r="A10201">
        <v>2010016</v>
      </c>
      <c r="B10201" t="s">
        <v>815</v>
      </c>
      <c r="C10201" t="s">
        <v>3576</v>
      </c>
      <c r="D10201" t="s">
        <v>9140</v>
      </c>
    </row>
    <row r="10202" spans="1:4" x14ac:dyDescent="0.4">
      <c r="A10202">
        <v>2010012</v>
      </c>
      <c r="B10202" t="s">
        <v>815</v>
      </c>
      <c r="C10202" t="s">
        <v>3576</v>
      </c>
      <c r="D10202" t="s">
        <v>9141</v>
      </c>
    </row>
    <row r="10203" spans="1:4" x14ac:dyDescent="0.4">
      <c r="A10203">
        <v>2010011</v>
      </c>
      <c r="B10203" t="s">
        <v>815</v>
      </c>
      <c r="C10203" t="s">
        <v>3576</v>
      </c>
      <c r="D10203" t="s">
        <v>7720</v>
      </c>
    </row>
    <row r="10204" spans="1:4" x14ac:dyDescent="0.4">
      <c r="A10204">
        <v>2010001</v>
      </c>
      <c r="B10204" t="s">
        <v>815</v>
      </c>
      <c r="C10204" t="s">
        <v>3576</v>
      </c>
      <c r="D10204" t="s">
        <v>9142</v>
      </c>
    </row>
    <row r="10205" spans="1:4" x14ac:dyDescent="0.4">
      <c r="A10205">
        <v>2010014</v>
      </c>
      <c r="B10205" t="s">
        <v>815</v>
      </c>
      <c r="C10205" t="s">
        <v>3576</v>
      </c>
      <c r="D10205" t="s">
        <v>7730</v>
      </c>
    </row>
    <row r="10206" spans="1:4" x14ac:dyDescent="0.4">
      <c r="A10206">
        <v>2010002</v>
      </c>
      <c r="B10206" t="s">
        <v>815</v>
      </c>
      <c r="C10206" t="s">
        <v>3576</v>
      </c>
      <c r="D10206" t="s">
        <v>9143</v>
      </c>
    </row>
    <row r="10207" spans="1:4" x14ac:dyDescent="0.4">
      <c r="A10207">
        <v>2010013</v>
      </c>
      <c r="B10207" t="s">
        <v>815</v>
      </c>
      <c r="C10207" t="s">
        <v>3576</v>
      </c>
      <c r="D10207" t="s">
        <v>9144</v>
      </c>
    </row>
    <row r="10208" spans="1:4" x14ac:dyDescent="0.4">
      <c r="A10208">
        <v>2070000</v>
      </c>
      <c r="B10208" t="s">
        <v>815</v>
      </c>
      <c r="C10208" t="s">
        <v>9145</v>
      </c>
    </row>
    <row r="10209" spans="1:4" x14ac:dyDescent="0.4">
      <c r="A10209">
        <v>2070033</v>
      </c>
      <c r="B10209" t="s">
        <v>815</v>
      </c>
      <c r="C10209" t="s">
        <v>9145</v>
      </c>
      <c r="D10209" t="s">
        <v>4078</v>
      </c>
    </row>
    <row r="10210" spans="1:4" x14ac:dyDescent="0.4">
      <c r="A10210">
        <v>2070023</v>
      </c>
      <c r="B10210" t="s">
        <v>815</v>
      </c>
      <c r="C10210" t="s">
        <v>9145</v>
      </c>
      <c r="D10210" t="s">
        <v>9146</v>
      </c>
    </row>
    <row r="10211" spans="1:4" x14ac:dyDescent="0.4">
      <c r="A10211">
        <v>2070011</v>
      </c>
      <c r="B10211" t="s">
        <v>815</v>
      </c>
      <c r="C10211" t="s">
        <v>9145</v>
      </c>
      <c r="D10211" t="s">
        <v>4865</v>
      </c>
    </row>
    <row r="10212" spans="1:4" x14ac:dyDescent="0.4">
      <c r="A10212">
        <v>2070002</v>
      </c>
      <c r="B10212" t="s">
        <v>815</v>
      </c>
      <c r="C10212" t="s">
        <v>9145</v>
      </c>
      <c r="D10212" t="s">
        <v>9147</v>
      </c>
    </row>
    <row r="10213" spans="1:4" x14ac:dyDescent="0.4">
      <c r="A10213">
        <v>2070022</v>
      </c>
      <c r="B10213" t="s">
        <v>815</v>
      </c>
      <c r="C10213" t="s">
        <v>9145</v>
      </c>
      <c r="D10213" t="s">
        <v>2313</v>
      </c>
    </row>
    <row r="10214" spans="1:4" x14ac:dyDescent="0.4">
      <c r="A10214">
        <v>2070003</v>
      </c>
      <c r="B10214" t="s">
        <v>815</v>
      </c>
      <c r="C10214" t="s">
        <v>9145</v>
      </c>
      <c r="D10214" t="s">
        <v>9148</v>
      </c>
    </row>
    <row r="10215" spans="1:4" x14ac:dyDescent="0.4">
      <c r="A10215">
        <v>2070004</v>
      </c>
      <c r="B10215" t="s">
        <v>815</v>
      </c>
      <c r="C10215" t="s">
        <v>9145</v>
      </c>
      <c r="D10215" t="s">
        <v>3619</v>
      </c>
    </row>
    <row r="10216" spans="1:4" x14ac:dyDescent="0.4">
      <c r="A10216">
        <v>2070012</v>
      </c>
      <c r="B10216" t="s">
        <v>815</v>
      </c>
      <c r="C10216" t="s">
        <v>9145</v>
      </c>
      <c r="D10216" t="s">
        <v>1493</v>
      </c>
    </row>
    <row r="10217" spans="1:4" x14ac:dyDescent="0.4">
      <c r="A10217">
        <v>2070032</v>
      </c>
      <c r="B10217" t="s">
        <v>815</v>
      </c>
      <c r="C10217" t="s">
        <v>9145</v>
      </c>
      <c r="D10217" t="s">
        <v>9149</v>
      </c>
    </row>
    <row r="10218" spans="1:4" x14ac:dyDescent="0.4">
      <c r="A10218">
        <v>2070005</v>
      </c>
      <c r="B10218" t="s">
        <v>815</v>
      </c>
      <c r="C10218" t="s">
        <v>9145</v>
      </c>
      <c r="D10218" t="s">
        <v>9150</v>
      </c>
    </row>
    <row r="10219" spans="1:4" x14ac:dyDescent="0.4">
      <c r="A10219">
        <v>2070021</v>
      </c>
      <c r="B10219" t="s">
        <v>815</v>
      </c>
      <c r="C10219" t="s">
        <v>9145</v>
      </c>
      <c r="D10219" t="s">
        <v>3916</v>
      </c>
    </row>
    <row r="10220" spans="1:4" x14ac:dyDescent="0.4">
      <c r="A10220">
        <v>2070001</v>
      </c>
      <c r="B10220" t="s">
        <v>815</v>
      </c>
      <c r="C10220" t="s">
        <v>9145</v>
      </c>
      <c r="D10220" t="s">
        <v>9151</v>
      </c>
    </row>
    <row r="10221" spans="1:4" x14ac:dyDescent="0.4">
      <c r="A10221">
        <v>2070015</v>
      </c>
      <c r="B10221" t="s">
        <v>815</v>
      </c>
      <c r="C10221" t="s">
        <v>9145</v>
      </c>
      <c r="D10221" t="s">
        <v>184</v>
      </c>
    </row>
    <row r="10222" spans="1:4" x14ac:dyDescent="0.4">
      <c r="A10222">
        <v>2070016</v>
      </c>
      <c r="B10222" t="s">
        <v>815</v>
      </c>
      <c r="C10222" t="s">
        <v>9145</v>
      </c>
      <c r="D10222" t="s">
        <v>9152</v>
      </c>
    </row>
    <row r="10223" spans="1:4" x14ac:dyDescent="0.4">
      <c r="A10223">
        <v>2070031</v>
      </c>
      <c r="B10223" t="s">
        <v>815</v>
      </c>
      <c r="C10223" t="s">
        <v>9145</v>
      </c>
      <c r="D10223" t="s">
        <v>9153</v>
      </c>
    </row>
    <row r="10224" spans="1:4" x14ac:dyDescent="0.4">
      <c r="A10224">
        <v>2070014</v>
      </c>
      <c r="B10224" t="s">
        <v>815</v>
      </c>
      <c r="C10224" t="s">
        <v>9145</v>
      </c>
      <c r="D10224" t="s">
        <v>9154</v>
      </c>
    </row>
    <row r="10225" spans="1:4" x14ac:dyDescent="0.4">
      <c r="A10225">
        <v>2070013</v>
      </c>
      <c r="B10225" t="s">
        <v>815</v>
      </c>
      <c r="C10225" t="s">
        <v>9145</v>
      </c>
      <c r="D10225" t="s">
        <v>2268</v>
      </c>
    </row>
    <row r="10226" spans="1:4" x14ac:dyDescent="0.4">
      <c r="A10226">
        <v>2040000</v>
      </c>
      <c r="B10226" t="s">
        <v>815</v>
      </c>
      <c r="C10226" t="s">
        <v>9155</v>
      </c>
    </row>
    <row r="10227" spans="1:4" x14ac:dyDescent="0.4">
      <c r="A10227">
        <v>2040002</v>
      </c>
      <c r="B10227" t="s">
        <v>815</v>
      </c>
      <c r="C10227" t="s">
        <v>9155</v>
      </c>
      <c r="D10227" t="s">
        <v>3513</v>
      </c>
    </row>
    <row r="10228" spans="1:4" x14ac:dyDescent="0.4">
      <c r="A10228">
        <v>2040024</v>
      </c>
      <c r="B10228" t="s">
        <v>815</v>
      </c>
      <c r="C10228" t="s">
        <v>9155</v>
      </c>
      <c r="D10228" t="s">
        <v>9156</v>
      </c>
    </row>
    <row r="10229" spans="1:4" x14ac:dyDescent="0.4">
      <c r="A10229">
        <v>2040013</v>
      </c>
      <c r="B10229" t="s">
        <v>815</v>
      </c>
      <c r="C10229" t="s">
        <v>9155</v>
      </c>
      <c r="D10229" t="s">
        <v>9157</v>
      </c>
    </row>
    <row r="10230" spans="1:4" x14ac:dyDescent="0.4">
      <c r="A10230">
        <v>2040001</v>
      </c>
      <c r="B10230" t="s">
        <v>815</v>
      </c>
      <c r="C10230" t="s">
        <v>9155</v>
      </c>
      <c r="D10230" t="s">
        <v>9158</v>
      </c>
    </row>
    <row r="10231" spans="1:4" x14ac:dyDescent="0.4">
      <c r="A10231">
        <v>2040011</v>
      </c>
      <c r="B10231" t="s">
        <v>815</v>
      </c>
      <c r="C10231" t="s">
        <v>9155</v>
      </c>
      <c r="D10231" t="s">
        <v>9159</v>
      </c>
    </row>
    <row r="10232" spans="1:4" x14ac:dyDescent="0.4">
      <c r="A10232">
        <v>2040023</v>
      </c>
      <c r="B10232" t="s">
        <v>815</v>
      </c>
      <c r="C10232" t="s">
        <v>9155</v>
      </c>
      <c r="D10232" t="s">
        <v>9160</v>
      </c>
    </row>
    <row r="10233" spans="1:4" x14ac:dyDescent="0.4">
      <c r="A10233">
        <v>2040012</v>
      </c>
      <c r="B10233" t="s">
        <v>815</v>
      </c>
      <c r="C10233" t="s">
        <v>9155</v>
      </c>
      <c r="D10233" t="s">
        <v>9161</v>
      </c>
    </row>
    <row r="10234" spans="1:4" x14ac:dyDescent="0.4">
      <c r="A10234">
        <v>2040003</v>
      </c>
      <c r="B10234" t="s">
        <v>815</v>
      </c>
      <c r="C10234" t="s">
        <v>9155</v>
      </c>
      <c r="D10234" t="s">
        <v>191</v>
      </c>
    </row>
    <row r="10235" spans="1:4" x14ac:dyDescent="0.4">
      <c r="A10235">
        <v>2040004</v>
      </c>
      <c r="B10235" t="s">
        <v>815</v>
      </c>
      <c r="C10235" t="s">
        <v>9155</v>
      </c>
      <c r="D10235" t="s">
        <v>9162</v>
      </c>
    </row>
    <row r="10236" spans="1:4" x14ac:dyDescent="0.4">
      <c r="A10236">
        <v>2040022</v>
      </c>
      <c r="B10236" t="s">
        <v>815</v>
      </c>
      <c r="C10236" t="s">
        <v>9155</v>
      </c>
      <c r="D10236" t="s">
        <v>6152</v>
      </c>
    </row>
    <row r="10237" spans="1:4" x14ac:dyDescent="0.4">
      <c r="A10237">
        <v>2040021</v>
      </c>
      <c r="B10237" t="s">
        <v>815</v>
      </c>
      <c r="C10237" t="s">
        <v>9155</v>
      </c>
      <c r="D10237" t="s">
        <v>1841</v>
      </c>
    </row>
    <row r="10238" spans="1:4" x14ac:dyDescent="0.4">
      <c r="A10238">
        <v>2030000</v>
      </c>
      <c r="B10238" t="s">
        <v>815</v>
      </c>
      <c r="C10238" t="s">
        <v>9163</v>
      </c>
    </row>
    <row r="10239" spans="1:4" x14ac:dyDescent="0.4">
      <c r="A10239">
        <v>2030001</v>
      </c>
      <c r="B10239" t="s">
        <v>815</v>
      </c>
      <c r="C10239" t="s">
        <v>9163</v>
      </c>
      <c r="D10239" t="s">
        <v>9164</v>
      </c>
    </row>
    <row r="10240" spans="1:4" x14ac:dyDescent="0.4">
      <c r="A10240">
        <v>2030021</v>
      </c>
      <c r="B10240" t="s">
        <v>815</v>
      </c>
      <c r="C10240" t="s">
        <v>9163</v>
      </c>
      <c r="D10240" t="s">
        <v>4813</v>
      </c>
    </row>
    <row r="10241" spans="1:4" x14ac:dyDescent="0.4">
      <c r="A10241">
        <v>2030003</v>
      </c>
      <c r="B10241" t="s">
        <v>815</v>
      </c>
      <c r="C10241" t="s">
        <v>9163</v>
      </c>
      <c r="D10241" t="s">
        <v>4282</v>
      </c>
    </row>
    <row r="10242" spans="1:4" x14ac:dyDescent="0.4">
      <c r="A10242">
        <v>2030051</v>
      </c>
      <c r="B10242" t="s">
        <v>815</v>
      </c>
      <c r="C10242" t="s">
        <v>9163</v>
      </c>
      <c r="D10242" t="s">
        <v>253</v>
      </c>
    </row>
    <row r="10243" spans="1:4" x14ac:dyDescent="0.4">
      <c r="A10243">
        <v>2030052</v>
      </c>
      <c r="B10243" t="s">
        <v>815</v>
      </c>
      <c r="C10243" t="s">
        <v>9163</v>
      </c>
      <c r="D10243" t="s">
        <v>72</v>
      </c>
    </row>
    <row r="10244" spans="1:4" x14ac:dyDescent="0.4">
      <c r="A10244">
        <v>2030043</v>
      </c>
      <c r="B10244" t="s">
        <v>815</v>
      </c>
      <c r="C10244" t="s">
        <v>9163</v>
      </c>
      <c r="D10244" t="s">
        <v>6493</v>
      </c>
    </row>
    <row r="10245" spans="1:4" x14ac:dyDescent="0.4">
      <c r="A10245">
        <v>2030013</v>
      </c>
      <c r="B10245" t="s">
        <v>815</v>
      </c>
      <c r="C10245" t="s">
        <v>9163</v>
      </c>
      <c r="D10245" t="s">
        <v>7516</v>
      </c>
    </row>
    <row r="10246" spans="1:4" x14ac:dyDescent="0.4">
      <c r="A10246">
        <v>2030002</v>
      </c>
      <c r="B10246" t="s">
        <v>815</v>
      </c>
      <c r="C10246" t="s">
        <v>9163</v>
      </c>
      <c r="D10246" t="s">
        <v>9165</v>
      </c>
    </row>
    <row r="10247" spans="1:4" x14ac:dyDescent="0.4">
      <c r="A10247">
        <v>2030012</v>
      </c>
      <c r="B10247" t="s">
        <v>815</v>
      </c>
      <c r="C10247" t="s">
        <v>9163</v>
      </c>
      <c r="D10247" t="s">
        <v>3116</v>
      </c>
    </row>
    <row r="10248" spans="1:4" x14ac:dyDescent="0.4">
      <c r="A10248">
        <v>2030011</v>
      </c>
      <c r="B10248" t="s">
        <v>815</v>
      </c>
      <c r="C10248" t="s">
        <v>9163</v>
      </c>
      <c r="D10248" t="s">
        <v>5913</v>
      </c>
    </row>
    <row r="10249" spans="1:4" x14ac:dyDescent="0.4">
      <c r="A10249">
        <v>2030033</v>
      </c>
      <c r="B10249" t="s">
        <v>815</v>
      </c>
      <c r="C10249" t="s">
        <v>9163</v>
      </c>
      <c r="D10249" t="s">
        <v>9166</v>
      </c>
    </row>
    <row r="10250" spans="1:4" x14ac:dyDescent="0.4">
      <c r="A10250">
        <v>2030054</v>
      </c>
      <c r="B10250" t="s">
        <v>815</v>
      </c>
      <c r="C10250" t="s">
        <v>9163</v>
      </c>
      <c r="D10250" t="s">
        <v>2780</v>
      </c>
    </row>
    <row r="10251" spans="1:4" x14ac:dyDescent="0.4">
      <c r="A10251">
        <v>2030041</v>
      </c>
      <c r="B10251" t="s">
        <v>815</v>
      </c>
      <c r="C10251" t="s">
        <v>9163</v>
      </c>
      <c r="D10251" t="s">
        <v>9167</v>
      </c>
    </row>
    <row r="10252" spans="1:4" x14ac:dyDescent="0.4">
      <c r="A10252">
        <v>2030042</v>
      </c>
      <c r="B10252" t="s">
        <v>815</v>
      </c>
      <c r="C10252" t="s">
        <v>9163</v>
      </c>
      <c r="D10252" t="s">
        <v>479</v>
      </c>
    </row>
    <row r="10253" spans="1:4" x14ac:dyDescent="0.4">
      <c r="A10253">
        <v>2030004</v>
      </c>
      <c r="B10253" t="s">
        <v>815</v>
      </c>
      <c r="C10253" t="s">
        <v>9163</v>
      </c>
      <c r="D10253" t="s">
        <v>1352</v>
      </c>
    </row>
    <row r="10254" spans="1:4" x14ac:dyDescent="0.4">
      <c r="A10254">
        <v>2030014</v>
      </c>
      <c r="B10254" t="s">
        <v>815</v>
      </c>
      <c r="C10254" t="s">
        <v>9163</v>
      </c>
      <c r="D10254" t="s">
        <v>7199</v>
      </c>
    </row>
    <row r="10255" spans="1:4" x14ac:dyDescent="0.4">
      <c r="A10255">
        <v>2030022</v>
      </c>
      <c r="B10255" t="s">
        <v>815</v>
      </c>
      <c r="C10255" t="s">
        <v>9163</v>
      </c>
      <c r="D10255" t="s">
        <v>9168</v>
      </c>
    </row>
    <row r="10256" spans="1:4" x14ac:dyDescent="0.4">
      <c r="A10256">
        <v>2030053</v>
      </c>
      <c r="B10256" t="s">
        <v>815</v>
      </c>
      <c r="C10256" t="s">
        <v>9163</v>
      </c>
      <c r="D10256" t="s">
        <v>403</v>
      </c>
    </row>
    <row r="10257" spans="1:4" x14ac:dyDescent="0.4">
      <c r="A10257">
        <v>2030032</v>
      </c>
      <c r="B10257" t="s">
        <v>815</v>
      </c>
      <c r="C10257" t="s">
        <v>9163</v>
      </c>
      <c r="D10257" t="s">
        <v>9169</v>
      </c>
    </row>
    <row r="10258" spans="1:4" x14ac:dyDescent="0.4">
      <c r="A10258">
        <v>2030023</v>
      </c>
      <c r="B10258" t="s">
        <v>815</v>
      </c>
      <c r="C10258" t="s">
        <v>9163</v>
      </c>
      <c r="D10258" t="s">
        <v>9170</v>
      </c>
    </row>
    <row r="10259" spans="1:4" x14ac:dyDescent="0.4">
      <c r="A10259">
        <v>2030031</v>
      </c>
      <c r="B10259" t="s">
        <v>815</v>
      </c>
      <c r="C10259" t="s">
        <v>9163</v>
      </c>
      <c r="D10259" t="s">
        <v>1615</v>
      </c>
    </row>
    <row r="10260" spans="1:4" x14ac:dyDescent="0.4">
      <c r="A10260">
        <v>2030044</v>
      </c>
      <c r="B10260" t="s">
        <v>815</v>
      </c>
      <c r="C10260" t="s">
        <v>9163</v>
      </c>
      <c r="D10260" t="s">
        <v>9171</v>
      </c>
    </row>
    <row r="10261" spans="1:4" x14ac:dyDescent="0.4">
      <c r="A10261">
        <v>2030034</v>
      </c>
      <c r="B10261" t="s">
        <v>815</v>
      </c>
      <c r="C10261" t="s">
        <v>9163</v>
      </c>
      <c r="D10261" t="s">
        <v>824</v>
      </c>
    </row>
    <row r="10262" spans="1:4" x14ac:dyDescent="0.4">
      <c r="A10262">
        <v>2080000</v>
      </c>
      <c r="B10262" t="s">
        <v>815</v>
      </c>
      <c r="C10262" t="s">
        <v>9172</v>
      </c>
    </row>
    <row r="10263" spans="1:4" x14ac:dyDescent="0.4">
      <c r="A10263">
        <v>2080023</v>
      </c>
      <c r="B10263" t="s">
        <v>815</v>
      </c>
      <c r="C10263" t="s">
        <v>9172</v>
      </c>
      <c r="D10263" t="s">
        <v>9173</v>
      </c>
    </row>
    <row r="10264" spans="1:4" x14ac:dyDescent="0.4">
      <c r="A10264">
        <v>2080022</v>
      </c>
      <c r="B10264" t="s">
        <v>815</v>
      </c>
      <c r="C10264" t="s">
        <v>9172</v>
      </c>
      <c r="D10264" t="s">
        <v>6166</v>
      </c>
    </row>
    <row r="10265" spans="1:4" x14ac:dyDescent="0.4">
      <c r="A10265">
        <v>2080013</v>
      </c>
      <c r="B10265" t="s">
        <v>815</v>
      </c>
      <c r="C10265" t="s">
        <v>9172</v>
      </c>
      <c r="D10265" t="s">
        <v>9174</v>
      </c>
    </row>
    <row r="10266" spans="1:4" x14ac:dyDescent="0.4">
      <c r="A10266">
        <v>2080011</v>
      </c>
      <c r="B10266" t="s">
        <v>815</v>
      </c>
      <c r="C10266" t="s">
        <v>9172</v>
      </c>
      <c r="D10266" t="s">
        <v>9175</v>
      </c>
    </row>
    <row r="10267" spans="1:4" x14ac:dyDescent="0.4">
      <c r="A10267">
        <v>2080031</v>
      </c>
      <c r="B10267" t="s">
        <v>815</v>
      </c>
      <c r="C10267" t="s">
        <v>9172</v>
      </c>
      <c r="D10267" t="s">
        <v>8640</v>
      </c>
    </row>
    <row r="10268" spans="1:4" x14ac:dyDescent="0.4">
      <c r="A10268">
        <v>2080034</v>
      </c>
      <c r="B10268" t="s">
        <v>815</v>
      </c>
      <c r="C10268" t="s">
        <v>9172</v>
      </c>
      <c r="D10268" t="s">
        <v>9176</v>
      </c>
    </row>
    <row r="10269" spans="1:4" x14ac:dyDescent="0.4">
      <c r="A10269">
        <v>2080002</v>
      </c>
      <c r="B10269" t="s">
        <v>815</v>
      </c>
      <c r="C10269" t="s">
        <v>9172</v>
      </c>
      <c r="D10269" t="s">
        <v>1383</v>
      </c>
    </row>
    <row r="10270" spans="1:4" x14ac:dyDescent="0.4">
      <c r="A10270">
        <v>2080003</v>
      </c>
      <c r="B10270" t="s">
        <v>815</v>
      </c>
      <c r="C10270" t="s">
        <v>9172</v>
      </c>
      <c r="D10270" t="s">
        <v>184</v>
      </c>
    </row>
    <row r="10271" spans="1:4" x14ac:dyDescent="0.4">
      <c r="A10271">
        <v>2080001</v>
      </c>
      <c r="B10271" t="s">
        <v>815</v>
      </c>
      <c r="C10271" t="s">
        <v>9172</v>
      </c>
      <c r="D10271" t="s">
        <v>9177</v>
      </c>
    </row>
    <row r="10272" spans="1:4" x14ac:dyDescent="0.4">
      <c r="A10272">
        <v>2080035</v>
      </c>
      <c r="B10272" t="s">
        <v>815</v>
      </c>
      <c r="C10272" t="s">
        <v>9172</v>
      </c>
      <c r="D10272" t="s">
        <v>2477</v>
      </c>
    </row>
    <row r="10273" spans="1:4" x14ac:dyDescent="0.4">
      <c r="A10273">
        <v>2080004</v>
      </c>
      <c r="B10273" t="s">
        <v>815</v>
      </c>
      <c r="C10273" t="s">
        <v>9172</v>
      </c>
      <c r="D10273" t="s">
        <v>403</v>
      </c>
    </row>
    <row r="10274" spans="1:4" x14ac:dyDescent="0.4">
      <c r="A10274">
        <v>2080033</v>
      </c>
      <c r="B10274" t="s">
        <v>815</v>
      </c>
      <c r="C10274" t="s">
        <v>9172</v>
      </c>
      <c r="D10274" t="s">
        <v>9178</v>
      </c>
    </row>
    <row r="10275" spans="1:4" x14ac:dyDescent="0.4">
      <c r="A10275">
        <v>2080032</v>
      </c>
      <c r="B10275" t="s">
        <v>815</v>
      </c>
      <c r="C10275" t="s">
        <v>9172</v>
      </c>
      <c r="D10275" t="s">
        <v>9179</v>
      </c>
    </row>
    <row r="10276" spans="1:4" x14ac:dyDescent="0.4">
      <c r="A10276">
        <v>2080021</v>
      </c>
      <c r="B10276" t="s">
        <v>815</v>
      </c>
      <c r="C10276" t="s">
        <v>9172</v>
      </c>
      <c r="D10276" t="s">
        <v>9180</v>
      </c>
    </row>
    <row r="10277" spans="1:4" x14ac:dyDescent="0.4">
      <c r="A10277">
        <v>2080012</v>
      </c>
      <c r="B10277" t="s">
        <v>815</v>
      </c>
      <c r="C10277" t="s">
        <v>9172</v>
      </c>
      <c r="D10277" t="s">
        <v>693</v>
      </c>
    </row>
    <row r="10278" spans="1:4" x14ac:dyDescent="0.4">
      <c r="A10278">
        <v>2060000</v>
      </c>
      <c r="B10278" t="s">
        <v>815</v>
      </c>
      <c r="C10278" t="s">
        <v>9181</v>
      </c>
    </row>
    <row r="10279" spans="1:4" x14ac:dyDescent="0.4">
      <c r="A10279">
        <v>2060041</v>
      </c>
      <c r="B10279" t="s">
        <v>815</v>
      </c>
      <c r="C10279" t="s">
        <v>9181</v>
      </c>
      <c r="D10279" t="s">
        <v>4075</v>
      </c>
    </row>
    <row r="10280" spans="1:4" x14ac:dyDescent="0.4">
      <c r="A10280">
        <v>2060002</v>
      </c>
      <c r="B10280" t="s">
        <v>815</v>
      </c>
      <c r="C10280" t="s">
        <v>9181</v>
      </c>
      <c r="D10280" t="s">
        <v>9182</v>
      </c>
    </row>
    <row r="10281" spans="1:4" x14ac:dyDescent="0.4">
      <c r="A10281">
        <v>2060033</v>
      </c>
      <c r="B10281" t="s">
        <v>815</v>
      </c>
      <c r="C10281" t="s">
        <v>9181</v>
      </c>
      <c r="D10281" t="s">
        <v>5856</v>
      </c>
    </row>
    <row r="10282" spans="1:4" x14ac:dyDescent="0.4">
      <c r="A10282">
        <v>2060015</v>
      </c>
      <c r="B10282" t="s">
        <v>815</v>
      </c>
      <c r="C10282" t="s">
        <v>9181</v>
      </c>
      <c r="D10282" t="s">
        <v>3516</v>
      </c>
    </row>
    <row r="10283" spans="1:4" x14ac:dyDescent="0.4">
      <c r="A10283">
        <v>2060012</v>
      </c>
      <c r="B10283" t="s">
        <v>815</v>
      </c>
      <c r="C10283" t="s">
        <v>9181</v>
      </c>
      <c r="D10283" t="s">
        <v>9183</v>
      </c>
    </row>
    <row r="10284" spans="1:4" x14ac:dyDescent="0.4">
      <c r="A10284">
        <v>2060035</v>
      </c>
      <c r="B10284" t="s">
        <v>815</v>
      </c>
      <c r="C10284" t="s">
        <v>9181</v>
      </c>
      <c r="D10284" t="s">
        <v>9184</v>
      </c>
    </row>
    <row r="10285" spans="1:4" x14ac:dyDescent="0.4">
      <c r="A10285">
        <v>2060014</v>
      </c>
      <c r="B10285" t="s">
        <v>815</v>
      </c>
      <c r="C10285" t="s">
        <v>9181</v>
      </c>
      <c r="D10285" t="s">
        <v>9185</v>
      </c>
    </row>
    <row r="10286" spans="1:4" x14ac:dyDescent="0.4">
      <c r="A10286">
        <v>2060013</v>
      </c>
      <c r="B10286" t="s">
        <v>815</v>
      </c>
      <c r="C10286" t="s">
        <v>9181</v>
      </c>
      <c r="D10286" t="s">
        <v>1741</v>
      </c>
    </row>
    <row r="10287" spans="1:4" x14ac:dyDescent="0.4">
      <c r="A10287">
        <v>2060042</v>
      </c>
      <c r="B10287" t="s">
        <v>815</v>
      </c>
      <c r="C10287" t="s">
        <v>9181</v>
      </c>
      <c r="D10287" t="s">
        <v>9186</v>
      </c>
    </row>
    <row r="10288" spans="1:4" x14ac:dyDescent="0.4">
      <c r="A10288">
        <v>2060024</v>
      </c>
      <c r="B10288" t="s">
        <v>815</v>
      </c>
      <c r="C10288" t="s">
        <v>9181</v>
      </c>
      <c r="D10288" t="s">
        <v>3908</v>
      </c>
    </row>
    <row r="10289" spans="1:4" x14ac:dyDescent="0.4">
      <c r="A10289">
        <v>2060011</v>
      </c>
      <c r="B10289" t="s">
        <v>815</v>
      </c>
      <c r="C10289" t="s">
        <v>9181</v>
      </c>
      <c r="D10289" t="s">
        <v>3766</v>
      </c>
    </row>
    <row r="10290" spans="1:4" x14ac:dyDescent="0.4">
      <c r="A10290">
        <v>2060034</v>
      </c>
      <c r="B10290" t="s">
        <v>815</v>
      </c>
      <c r="C10290" t="s">
        <v>9181</v>
      </c>
      <c r="D10290" t="s">
        <v>9187</v>
      </c>
    </row>
    <row r="10291" spans="1:4" x14ac:dyDescent="0.4">
      <c r="A10291">
        <v>2060031</v>
      </c>
      <c r="B10291" t="s">
        <v>815</v>
      </c>
      <c r="C10291" t="s">
        <v>9181</v>
      </c>
      <c r="D10291" t="s">
        <v>9188</v>
      </c>
    </row>
    <row r="10292" spans="1:4" x14ac:dyDescent="0.4">
      <c r="A10292">
        <v>2060036</v>
      </c>
      <c r="B10292" t="s">
        <v>815</v>
      </c>
      <c r="C10292" t="s">
        <v>9181</v>
      </c>
      <c r="D10292" t="s">
        <v>2044</v>
      </c>
    </row>
    <row r="10293" spans="1:4" x14ac:dyDescent="0.4">
      <c r="A10293">
        <v>2060025</v>
      </c>
      <c r="B10293" t="s">
        <v>815</v>
      </c>
      <c r="C10293" t="s">
        <v>9181</v>
      </c>
      <c r="D10293" t="s">
        <v>9189</v>
      </c>
    </row>
    <row r="10294" spans="1:4" x14ac:dyDescent="0.4">
      <c r="A10294">
        <v>2060003</v>
      </c>
      <c r="B10294" t="s">
        <v>815</v>
      </c>
      <c r="C10294" t="s">
        <v>9181</v>
      </c>
      <c r="D10294" t="s">
        <v>9190</v>
      </c>
    </row>
    <row r="10295" spans="1:4" x14ac:dyDescent="0.4">
      <c r="A10295">
        <v>2060022</v>
      </c>
      <c r="B10295" t="s">
        <v>815</v>
      </c>
      <c r="C10295" t="s">
        <v>9181</v>
      </c>
      <c r="D10295" t="s">
        <v>9191</v>
      </c>
    </row>
    <row r="10296" spans="1:4" x14ac:dyDescent="0.4">
      <c r="A10296">
        <v>2060023</v>
      </c>
      <c r="B10296" t="s">
        <v>815</v>
      </c>
      <c r="C10296" t="s">
        <v>9181</v>
      </c>
      <c r="D10296" t="s">
        <v>9192</v>
      </c>
    </row>
    <row r="10297" spans="1:4" x14ac:dyDescent="0.4">
      <c r="A10297">
        <v>2060032</v>
      </c>
      <c r="B10297" t="s">
        <v>815</v>
      </c>
      <c r="C10297" t="s">
        <v>9181</v>
      </c>
      <c r="D10297" t="s">
        <v>9193</v>
      </c>
    </row>
    <row r="10298" spans="1:4" x14ac:dyDescent="0.4">
      <c r="A10298">
        <v>2060004</v>
      </c>
      <c r="B10298" t="s">
        <v>815</v>
      </c>
      <c r="C10298" t="s">
        <v>9181</v>
      </c>
      <c r="D10298" t="s">
        <v>3536</v>
      </c>
    </row>
    <row r="10299" spans="1:4" x14ac:dyDescent="0.4">
      <c r="A10299">
        <v>2060021</v>
      </c>
      <c r="B10299" t="s">
        <v>815</v>
      </c>
      <c r="C10299" t="s">
        <v>9181</v>
      </c>
      <c r="D10299" t="s">
        <v>9194</v>
      </c>
    </row>
    <row r="10300" spans="1:4" x14ac:dyDescent="0.4">
      <c r="A10300">
        <v>2060001</v>
      </c>
      <c r="B10300" t="s">
        <v>815</v>
      </c>
      <c r="C10300" t="s">
        <v>9181</v>
      </c>
      <c r="D10300" t="s">
        <v>2176</v>
      </c>
    </row>
    <row r="10301" spans="1:4" x14ac:dyDescent="0.4">
      <c r="A10301">
        <v>2060000</v>
      </c>
      <c r="B10301" t="s">
        <v>815</v>
      </c>
      <c r="C10301" t="s">
        <v>9195</v>
      </c>
    </row>
    <row r="10302" spans="1:4" x14ac:dyDescent="0.4">
      <c r="A10302">
        <v>2060801</v>
      </c>
      <c r="B10302" t="s">
        <v>815</v>
      </c>
      <c r="C10302" t="s">
        <v>9195</v>
      </c>
      <c r="D10302" t="s">
        <v>2658</v>
      </c>
    </row>
    <row r="10303" spans="1:4" x14ac:dyDescent="0.4">
      <c r="A10303">
        <v>2060811</v>
      </c>
      <c r="B10303" t="s">
        <v>815</v>
      </c>
      <c r="C10303" t="s">
        <v>9195</v>
      </c>
      <c r="D10303" t="s">
        <v>9196</v>
      </c>
    </row>
    <row r="10304" spans="1:4" x14ac:dyDescent="0.4">
      <c r="A10304">
        <v>2060803</v>
      </c>
      <c r="B10304" t="s">
        <v>815</v>
      </c>
      <c r="C10304" t="s">
        <v>9195</v>
      </c>
      <c r="D10304" t="s">
        <v>6065</v>
      </c>
    </row>
    <row r="10305" spans="1:4" x14ac:dyDescent="0.4">
      <c r="A10305">
        <v>2060822</v>
      </c>
      <c r="B10305" t="s">
        <v>815</v>
      </c>
      <c r="C10305" t="s">
        <v>9195</v>
      </c>
      <c r="D10305" t="s">
        <v>9197</v>
      </c>
    </row>
    <row r="10306" spans="1:4" x14ac:dyDescent="0.4">
      <c r="A10306">
        <v>2060821</v>
      </c>
      <c r="B10306" t="s">
        <v>815</v>
      </c>
      <c r="C10306" t="s">
        <v>9195</v>
      </c>
      <c r="D10306" t="s">
        <v>9198</v>
      </c>
    </row>
    <row r="10307" spans="1:4" x14ac:dyDescent="0.4">
      <c r="A10307">
        <v>2060802</v>
      </c>
      <c r="B10307" t="s">
        <v>815</v>
      </c>
      <c r="C10307" t="s">
        <v>9195</v>
      </c>
      <c r="D10307" t="s">
        <v>9199</v>
      </c>
    </row>
    <row r="10308" spans="1:4" x14ac:dyDescent="0.4">
      <c r="A10308">
        <v>2060823</v>
      </c>
      <c r="B10308" t="s">
        <v>815</v>
      </c>
      <c r="C10308" t="s">
        <v>9195</v>
      </c>
      <c r="D10308" t="s">
        <v>9200</v>
      </c>
    </row>
    <row r="10309" spans="1:4" x14ac:dyDescent="0.4">
      <c r="A10309">
        <v>2060804</v>
      </c>
      <c r="B10309" t="s">
        <v>815</v>
      </c>
      <c r="C10309" t="s">
        <v>9195</v>
      </c>
      <c r="D10309" t="s">
        <v>9201</v>
      </c>
    </row>
    <row r="10310" spans="1:4" x14ac:dyDescent="0.4">
      <c r="A10310">
        <v>2060812</v>
      </c>
      <c r="B10310" t="s">
        <v>815</v>
      </c>
      <c r="C10310" t="s">
        <v>9195</v>
      </c>
      <c r="D10310" t="s">
        <v>9202</v>
      </c>
    </row>
    <row r="10311" spans="1:4" x14ac:dyDescent="0.4">
      <c r="A10311">
        <v>2060824</v>
      </c>
      <c r="B10311" t="s">
        <v>815</v>
      </c>
      <c r="C10311" t="s">
        <v>9195</v>
      </c>
      <c r="D10311" t="s">
        <v>665</v>
      </c>
    </row>
    <row r="10312" spans="1:4" x14ac:dyDescent="0.4">
      <c r="A10312">
        <v>2050000</v>
      </c>
      <c r="B10312" t="s">
        <v>815</v>
      </c>
      <c r="C10312" t="s">
        <v>9203</v>
      </c>
    </row>
    <row r="10313" spans="1:4" x14ac:dyDescent="0.4">
      <c r="A10313">
        <v>2050001</v>
      </c>
      <c r="B10313" t="s">
        <v>815</v>
      </c>
      <c r="C10313" t="s">
        <v>9203</v>
      </c>
      <c r="D10313" t="s">
        <v>9204</v>
      </c>
    </row>
    <row r="10314" spans="1:4" x14ac:dyDescent="0.4">
      <c r="A10314">
        <v>2050021</v>
      </c>
      <c r="B10314" t="s">
        <v>815</v>
      </c>
      <c r="C10314" t="s">
        <v>9203</v>
      </c>
      <c r="D10314" t="s">
        <v>5866</v>
      </c>
    </row>
    <row r="10315" spans="1:4" x14ac:dyDescent="0.4">
      <c r="A10315">
        <v>2050011</v>
      </c>
      <c r="B10315" t="s">
        <v>815</v>
      </c>
      <c r="C10315" t="s">
        <v>9203</v>
      </c>
      <c r="D10315" t="s">
        <v>9205</v>
      </c>
    </row>
    <row r="10316" spans="1:4" x14ac:dyDescent="0.4">
      <c r="A10316">
        <v>2050002</v>
      </c>
      <c r="B10316" t="s">
        <v>815</v>
      </c>
      <c r="C10316" t="s">
        <v>9203</v>
      </c>
      <c r="D10316" t="s">
        <v>255</v>
      </c>
    </row>
    <row r="10317" spans="1:4" x14ac:dyDescent="0.4">
      <c r="A10317">
        <v>2050023</v>
      </c>
      <c r="B10317" t="s">
        <v>815</v>
      </c>
      <c r="C10317" t="s">
        <v>9203</v>
      </c>
      <c r="D10317" t="s">
        <v>9206</v>
      </c>
    </row>
    <row r="10318" spans="1:4" x14ac:dyDescent="0.4">
      <c r="A10318">
        <v>2050024</v>
      </c>
      <c r="B10318" t="s">
        <v>815</v>
      </c>
      <c r="C10318" t="s">
        <v>9203</v>
      </c>
      <c r="D10318" t="s">
        <v>4383</v>
      </c>
    </row>
    <row r="10319" spans="1:4" x14ac:dyDescent="0.4">
      <c r="A10319">
        <v>2050012</v>
      </c>
      <c r="B10319" t="s">
        <v>815</v>
      </c>
      <c r="C10319" t="s">
        <v>9203</v>
      </c>
      <c r="D10319" t="s">
        <v>9207</v>
      </c>
    </row>
    <row r="10320" spans="1:4" x14ac:dyDescent="0.4">
      <c r="A10320">
        <v>2050016</v>
      </c>
      <c r="B10320" t="s">
        <v>815</v>
      </c>
      <c r="C10320" t="s">
        <v>9203</v>
      </c>
      <c r="D10320" t="s">
        <v>9208</v>
      </c>
    </row>
    <row r="10321" spans="1:4" x14ac:dyDescent="0.4">
      <c r="A10321">
        <v>2050015</v>
      </c>
      <c r="B10321" t="s">
        <v>815</v>
      </c>
      <c r="C10321" t="s">
        <v>9203</v>
      </c>
      <c r="D10321" t="s">
        <v>9209</v>
      </c>
    </row>
    <row r="10322" spans="1:4" x14ac:dyDescent="0.4">
      <c r="A10322">
        <v>2050014</v>
      </c>
      <c r="B10322" t="s">
        <v>815</v>
      </c>
      <c r="C10322" t="s">
        <v>9203</v>
      </c>
      <c r="D10322" t="s">
        <v>9210</v>
      </c>
    </row>
    <row r="10323" spans="1:4" x14ac:dyDescent="0.4">
      <c r="A10323">
        <v>2050017</v>
      </c>
      <c r="B10323" t="s">
        <v>815</v>
      </c>
      <c r="C10323" t="s">
        <v>9203</v>
      </c>
      <c r="D10323" t="s">
        <v>9211</v>
      </c>
    </row>
    <row r="10324" spans="1:4" x14ac:dyDescent="0.4">
      <c r="A10324">
        <v>2050013</v>
      </c>
      <c r="B10324" t="s">
        <v>815</v>
      </c>
      <c r="C10324" t="s">
        <v>9203</v>
      </c>
      <c r="D10324" t="s">
        <v>9212</v>
      </c>
    </row>
    <row r="10325" spans="1:4" x14ac:dyDescent="0.4">
      <c r="A10325">
        <v>2050022</v>
      </c>
      <c r="B10325" t="s">
        <v>815</v>
      </c>
      <c r="C10325" t="s">
        <v>9203</v>
      </c>
      <c r="D10325" t="s">
        <v>7562</v>
      </c>
    </row>
    <row r="10326" spans="1:4" x14ac:dyDescent="0.4">
      <c r="A10326">
        <v>2050003</v>
      </c>
      <c r="B10326" t="s">
        <v>815</v>
      </c>
      <c r="C10326" t="s">
        <v>9203</v>
      </c>
      <c r="D10326" t="s">
        <v>506</v>
      </c>
    </row>
    <row r="10327" spans="1:4" x14ac:dyDescent="0.4">
      <c r="A10327">
        <v>1900100</v>
      </c>
      <c r="B10327" t="s">
        <v>815</v>
      </c>
      <c r="C10327" t="s">
        <v>9213</v>
      </c>
    </row>
    <row r="10328" spans="1:4" x14ac:dyDescent="0.4">
      <c r="A10328">
        <v>1970804</v>
      </c>
      <c r="B10328" t="s">
        <v>815</v>
      </c>
      <c r="C10328" t="s">
        <v>9213</v>
      </c>
      <c r="D10328" t="s">
        <v>9214</v>
      </c>
    </row>
    <row r="10329" spans="1:4" x14ac:dyDescent="0.4">
      <c r="A10329">
        <v>1970828</v>
      </c>
      <c r="B10329" t="s">
        <v>815</v>
      </c>
      <c r="C10329" t="s">
        <v>9213</v>
      </c>
      <c r="D10329" t="s">
        <v>9215</v>
      </c>
    </row>
    <row r="10330" spans="1:4" x14ac:dyDescent="0.4">
      <c r="A10330">
        <v>1900155</v>
      </c>
      <c r="B10330" t="s">
        <v>815</v>
      </c>
      <c r="C10330" t="s">
        <v>9213</v>
      </c>
      <c r="D10330" t="s">
        <v>9216</v>
      </c>
    </row>
    <row r="10331" spans="1:4" x14ac:dyDescent="0.4">
      <c r="A10331">
        <v>1970827</v>
      </c>
      <c r="B10331" t="s">
        <v>815</v>
      </c>
      <c r="C10331" t="s">
        <v>9213</v>
      </c>
      <c r="D10331" t="s">
        <v>9217</v>
      </c>
    </row>
    <row r="10332" spans="1:4" x14ac:dyDescent="0.4">
      <c r="A10332">
        <v>1970825</v>
      </c>
      <c r="B10332" t="s">
        <v>815</v>
      </c>
      <c r="C10332" t="s">
        <v>9213</v>
      </c>
      <c r="D10332" t="s">
        <v>9218</v>
      </c>
    </row>
    <row r="10333" spans="1:4" x14ac:dyDescent="0.4">
      <c r="A10333">
        <v>1900164</v>
      </c>
      <c r="B10333" t="s">
        <v>815</v>
      </c>
      <c r="C10333" t="s">
        <v>9213</v>
      </c>
      <c r="D10333" t="s">
        <v>9219</v>
      </c>
    </row>
    <row r="10334" spans="1:4" x14ac:dyDescent="0.4">
      <c r="A10334">
        <v>1900142</v>
      </c>
      <c r="B10334" t="s">
        <v>815</v>
      </c>
      <c r="C10334" t="s">
        <v>9213</v>
      </c>
      <c r="D10334" t="s">
        <v>9220</v>
      </c>
    </row>
    <row r="10335" spans="1:4" x14ac:dyDescent="0.4">
      <c r="A10335">
        <v>1900161</v>
      </c>
      <c r="B10335" t="s">
        <v>815</v>
      </c>
      <c r="C10335" t="s">
        <v>9213</v>
      </c>
      <c r="D10335" t="s">
        <v>3091</v>
      </c>
    </row>
    <row r="10336" spans="1:4" x14ac:dyDescent="0.4">
      <c r="A10336">
        <v>1900143</v>
      </c>
      <c r="B10336" t="s">
        <v>815</v>
      </c>
      <c r="C10336" t="s">
        <v>9213</v>
      </c>
      <c r="D10336" t="s">
        <v>9221</v>
      </c>
    </row>
    <row r="10337" spans="1:4" x14ac:dyDescent="0.4">
      <c r="A10337">
        <v>1970826</v>
      </c>
      <c r="B10337" t="s">
        <v>815</v>
      </c>
      <c r="C10337" t="s">
        <v>9213</v>
      </c>
      <c r="D10337" t="s">
        <v>4281</v>
      </c>
    </row>
    <row r="10338" spans="1:4" x14ac:dyDescent="0.4">
      <c r="A10338">
        <v>1970821</v>
      </c>
      <c r="B10338" t="s">
        <v>815</v>
      </c>
      <c r="C10338" t="s">
        <v>9213</v>
      </c>
      <c r="D10338" t="s">
        <v>3448</v>
      </c>
    </row>
    <row r="10339" spans="1:4" x14ac:dyDescent="0.4">
      <c r="A10339">
        <v>1970822</v>
      </c>
      <c r="B10339" t="s">
        <v>815</v>
      </c>
      <c r="C10339" t="s">
        <v>9213</v>
      </c>
      <c r="D10339" t="s">
        <v>9222</v>
      </c>
    </row>
    <row r="10340" spans="1:4" x14ac:dyDescent="0.4">
      <c r="A10340">
        <v>1900174</v>
      </c>
      <c r="B10340" t="s">
        <v>815</v>
      </c>
      <c r="C10340" t="s">
        <v>9213</v>
      </c>
      <c r="D10340" t="s">
        <v>9223</v>
      </c>
    </row>
    <row r="10341" spans="1:4" x14ac:dyDescent="0.4">
      <c r="A10341">
        <v>1970832</v>
      </c>
      <c r="B10341" t="s">
        <v>815</v>
      </c>
      <c r="C10341" t="s">
        <v>9213</v>
      </c>
      <c r="D10341" t="s">
        <v>9224</v>
      </c>
    </row>
    <row r="10342" spans="1:4" x14ac:dyDescent="0.4">
      <c r="A10342">
        <v>1970824</v>
      </c>
      <c r="B10342" t="s">
        <v>815</v>
      </c>
      <c r="C10342" t="s">
        <v>9213</v>
      </c>
      <c r="D10342" t="s">
        <v>9225</v>
      </c>
    </row>
    <row r="10343" spans="1:4" x14ac:dyDescent="0.4">
      <c r="A10343">
        <v>1970802</v>
      </c>
      <c r="B10343" t="s">
        <v>815</v>
      </c>
      <c r="C10343" t="s">
        <v>9213</v>
      </c>
      <c r="D10343" t="s">
        <v>9226</v>
      </c>
    </row>
    <row r="10344" spans="1:4" x14ac:dyDescent="0.4">
      <c r="A10344">
        <v>1900165</v>
      </c>
      <c r="B10344" t="s">
        <v>815</v>
      </c>
      <c r="C10344" t="s">
        <v>9213</v>
      </c>
      <c r="D10344" t="s">
        <v>5306</v>
      </c>
    </row>
    <row r="10345" spans="1:4" x14ac:dyDescent="0.4">
      <c r="A10345">
        <v>1900153</v>
      </c>
      <c r="B10345" t="s">
        <v>815</v>
      </c>
      <c r="C10345" t="s">
        <v>9213</v>
      </c>
      <c r="D10345" t="s">
        <v>9227</v>
      </c>
    </row>
    <row r="10346" spans="1:4" x14ac:dyDescent="0.4">
      <c r="A10346">
        <v>1900151</v>
      </c>
      <c r="B10346" t="s">
        <v>815</v>
      </c>
      <c r="C10346" t="s">
        <v>9213</v>
      </c>
      <c r="D10346" t="s">
        <v>8224</v>
      </c>
    </row>
    <row r="10347" spans="1:4" x14ac:dyDescent="0.4">
      <c r="A10347">
        <v>1900162</v>
      </c>
      <c r="B10347" t="s">
        <v>815</v>
      </c>
      <c r="C10347" t="s">
        <v>9213</v>
      </c>
      <c r="D10347" t="s">
        <v>4542</v>
      </c>
    </row>
    <row r="10348" spans="1:4" x14ac:dyDescent="0.4">
      <c r="A10348">
        <v>1970831</v>
      </c>
      <c r="B10348" t="s">
        <v>815</v>
      </c>
      <c r="C10348" t="s">
        <v>9213</v>
      </c>
      <c r="D10348" t="s">
        <v>9228</v>
      </c>
    </row>
    <row r="10349" spans="1:4" x14ac:dyDescent="0.4">
      <c r="A10349">
        <v>1970801</v>
      </c>
      <c r="B10349" t="s">
        <v>815</v>
      </c>
      <c r="C10349" t="s">
        <v>9213</v>
      </c>
      <c r="D10349" t="s">
        <v>179</v>
      </c>
    </row>
    <row r="10350" spans="1:4" x14ac:dyDescent="0.4">
      <c r="A10350">
        <v>1970803</v>
      </c>
      <c r="B10350" t="s">
        <v>815</v>
      </c>
      <c r="C10350" t="s">
        <v>9213</v>
      </c>
      <c r="D10350" t="s">
        <v>9229</v>
      </c>
    </row>
    <row r="10351" spans="1:4" x14ac:dyDescent="0.4">
      <c r="A10351">
        <v>1900154</v>
      </c>
      <c r="B10351" t="s">
        <v>815</v>
      </c>
      <c r="C10351" t="s">
        <v>9213</v>
      </c>
      <c r="D10351" t="s">
        <v>8630</v>
      </c>
    </row>
    <row r="10352" spans="1:4" x14ac:dyDescent="0.4">
      <c r="A10352">
        <v>1900163</v>
      </c>
      <c r="B10352" t="s">
        <v>815</v>
      </c>
      <c r="C10352" t="s">
        <v>9213</v>
      </c>
      <c r="D10352" t="s">
        <v>9230</v>
      </c>
    </row>
    <row r="10353" spans="1:4" x14ac:dyDescent="0.4">
      <c r="A10353">
        <v>1900166</v>
      </c>
      <c r="B10353" t="s">
        <v>815</v>
      </c>
      <c r="C10353" t="s">
        <v>9213</v>
      </c>
      <c r="D10353" t="s">
        <v>9231</v>
      </c>
    </row>
    <row r="10354" spans="1:4" x14ac:dyDescent="0.4">
      <c r="A10354">
        <v>1900173</v>
      </c>
      <c r="B10354" t="s">
        <v>815</v>
      </c>
      <c r="C10354" t="s">
        <v>9213</v>
      </c>
      <c r="D10354" t="s">
        <v>3550</v>
      </c>
    </row>
    <row r="10355" spans="1:4" x14ac:dyDescent="0.4">
      <c r="A10355">
        <v>1900152</v>
      </c>
      <c r="B10355" t="s">
        <v>815</v>
      </c>
      <c r="C10355" t="s">
        <v>9213</v>
      </c>
      <c r="D10355" t="s">
        <v>9232</v>
      </c>
    </row>
    <row r="10356" spans="1:4" x14ac:dyDescent="0.4">
      <c r="A10356">
        <v>1970814</v>
      </c>
      <c r="B10356" t="s">
        <v>815</v>
      </c>
      <c r="C10356" t="s">
        <v>9213</v>
      </c>
      <c r="D10356" t="s">
        <v>8610</v>
      </c>
    </row>
    <row r="10357" spans="1:4" x14ac:dyDescent="0.4">
      <c r="A10357">
        <v>1970815</v>
      </c>
      <c r="B10357" t="s">
        <v>815</v>
      </c>
      <c r="C10357" t="s">
        <v>9213</v>
      </c>
      <c r="D10357" t="s">
        <v>9233</v>
      </c>
    </row>
    <row r="10358" spans="1:4" x14ac:dyDescent="0.4">
      <c r="A10358">
        <v>1970823</v>
      </c>
      <c r="B10358" t="s">
        <v>815</v>
      </c>
      <c r="C10358" t="s">
        <v>9213</v>
      </c>
      <c r="D10358" t="s">
        <v>9234</v>
      </c>
    </row>
    <row r="10359" spans="1:4" x14ac:dyDescent="0.4">
      <c r="A10359">
        <v>1970811</v>
      </c>
      <c r="B10359" t="s">
        <v>815</v>
      </c>
      <c r="C10359" t="s">
        <v>9213</v>
      </c>
      <c r="D10359" t="s">
        <v>9235</v>
      </c>
    </row>
    <row r="10360" spans="1:4" x14ac:dyDescent="0.4">
      <c r="A10360">
        <v>1970834</v>
      </c>
      <c r="B10360" t="s">
        <v>815</v>
      </c>
      <c r="C10360" t="s">
        <v>9213</v>
      </c>
      <c r="D10360" t="s">
        <v>3953</v>
      </c>
    </row>
    <row r="10361" spans="1:4" x14ac:dyDescent="0.4">
      <c r="A10361">
        <v>1970812</v>
      </c>
      <c r="B10361" t="s">
        <v>815</v>
      </c>
      <c r="C10361" t="s">
        <v>9213</v>
      </c>
      <c r="D10361" t="s">
        <v>6483</v>
      </c>
    </row>
    <row r="10362" spans="1:4" x14ac:dyDescent="0.4">
      <c r="A10362">
        <v>1970816</v>
      </c>
      <c r="B10362" t="s">
        <v>815</v>
      </c>
      <c r="C10362" t="s">
        <v>9213</v>
      </c>
      <c r="D10362" t="s">
        <v>9236</v>
      </c>
    </row>
    <row r="10363" spans="1:4" x14ac:dyDescent="0.4">
      <c r="A10363">
        <v>1970813</v>
      </c>
      <c r="B10363" t="s">
        <v>815</v>
      </c>
      <c r="C10363" t="s">
        <v>9213</v>
      </c>
      <c r="D10363" t="s">
        <v>9237</v>
      </c>
    </row>
    <row r="10364" spans="1:4" x14ac:dyDescent="0.4">
      <c r="A10364">
        <v>1900172</v>
      </c>
      <c r="B10364" t="s">
        <v>815</v>
      </c>
      <c r="C10364" t="s">
        <v>9213</v>
      </c>
      <c r="D10364" t="s">
        <v>7345</v>
      </c>
    </row>
    <row r="10365" spans="1:4" x14ac:dyDescent="0.4">
      <c r="A10365">
        <v>1970833</v>
      </c>
      <c r="B10365" t="s">
        <v>815</v>
      </c>
      <c r="C10365" t="s">
        <v>9213</v>
      </c>
      <c r="D10365" t="s">
        <v>9238</v>
      </c>
    </row>
    <row r="10366" spans="1:4" x14ac:dyDescent="0.4">
      <c r="A10366">
        <v>1900144</v>
      </c>
      <c r="B10366" t="s">
        <v>815</v>
      </c>
      <c r="C10366" t="s">
        <v>9213</v>
      </c>
      <c r="D10366" t="s">
        <v>3729</v>
      </c>
    </row>
    <row r="10367" spans="1:4" x14ac:dyDescent="0.4">
      <c r="A10367">
        <v>1900171</v>
      </c>
      <c r="B10367" t="s">
        <v>815</v>
      </c>
      <c r="C10367" t="s">
        <v>9213</v>
      </c>
      <c r="D10367" t="s">
        <v>9239</v>
      </c>
    </row>
    <row r="10368" spans="1:4" x14ac:dyDescent="0.4">
      <c r="A10368">
        <v>1900141</v>
      </c>
      <c r="B10368" t="s">
        <v>815</v>
      </c>
      <c r="C10368" t="s">
        <v>9213</v>
      </c>
      <c r="D10368" t="s">
        <v>9240</v>
      </c>
    </row>
    <row r="10369" spans="1:4" x14ac:dyDescent="0.4">
      <c r="A10369">
        <v>2020000</v>
      </c>
      <c r="B10369" t="s">
        <v>815</v>
      </c>
      <c r="C10369" t="s">
        <v>9241</v>
      </c>
    </row>
    <row r="10370" spans="1:4" x14ac:dyDescent="0.4">
      <c r="A10370">
        <v>2020011</v>
      </c>
      <c r="B10370" t="s">
        <v>815</v>
      </c>
      <c r="C10370" t="s">
        <v>9241</v>
      </c>
      <c r="D10370" t="s">
        <v>1528</v>
      </c>
    </row>
    <row r="10371" spans="1:4" x14ac:dyDescent="0.4">
      <c r="A10371">
        <v>1880003</v>
      </c>
      <c r="B10371" t="s">
        <v>815</v>
      </c>
      <c r="C10371" t="s">
        <v>9241</v>
      </c>
      <c r="D10371" t="s">
        <v>4294</v>
      </c>
    </row>
    <row r="10372" spans="1:4" x14ac:dyDescent="0.4">
      <c r="A10372">
        <v>2020003</v>
      </c>
      <c r="B10372" t="s">
        <v>815</v>
      </c>
      <c r="C10372" t="s">
        <v>9241</v>
      </c>
      <c r="D10372" t="s">
        <v>3548</v>
      </c>
    </row>
    <row r="10373" spans="1:4" x14ac:dyDescent="0.4">
      <c r="A10373">
        <v>3390017</v>
      </c>
      <c r="B10373" t="s">
        <v>1636</v>
      </c>
      <c r="C10373" t="s">
        <v>1889</v>
      </c>
      <c r="D10373" t="s">
        <v>538</v>
      </c>
    </row>
    <row r="10374" spans="1:4" x14ac:dyDescent="0.4">
      <c r="A10374">
        <v>3390015</v>
      </c>
      <c r="B10374" t="s">
        <v>1636</v>
      </c>
      <c r="C10374" t="s">
        <v>1889</v>
      </c>
      <c r="D10374" t="s">
        <v>1718</v>
      </c>
    </row>
    <row r="10375" spans="1:4" x14ac:dyDescent="0.4">
      <c r="A10375">
        <v>3390027</v>
      </c>
      <c r="B10375" t="s">
        <v>1636</v>
      </c>
      <c r="C10375" t="s">
        <v>1889</v>
      </c>
      <c r="D10375" t="s">
        <v>9242</v>
      </c>
    </row>
    <row r="10376" spans="1:4" x14ac:dyDescent="0.4">
      <c r="A10376">
        <v>3390026</v>
      </c>
      <c r="B10376" t="s">
        <v>1636</v>
      </c>
      <c r="C10376" t="s">
        <v>1889</v>
      </c>
      <c r="D10376" t="s">
        <v>9243</v>
      </c>
    </row>
    <row r="10377" spans="1:4" x14ac:dyDescent="0.4">
      <c r="A10377">
        <v>3390008</v>
      </c>
      <c r="B10377" t="s">
        <v>1636</v>
      </c>
      <c r="C10377" t="s">
        <v>1889</v>
      </c>
      <c r="D10377" t="s">
        <v>9244</v>
      </c>
    </row>
    <row r="10378" spans="1:4" x14ac:dyDescent="0.4">
      <c r="A10378">
        <v>3390024</v>
      </c>
      <c r="B10378" t="s">
        <v>1636</v>
      </c>
      <c r="C10378" t="s">
        <v>1889</v>
      </c>
      <c r="D10378" t="s">
        <v>9245</v>
      </c>
    </row>
    <row r="10379" spans="1:4" x14ac:dyDescent="0.4">
      <c r="A10379">
        <v>3390025</v>
      </c>
      <c r="B10379" t="s">
        <v>1636</v>
      </c>
      <c r="C10379" t="s">
        <v>1889</v>
      </c>
      <c r="D10379" t="s">
        <v>9246</v>
      </c>
    </row>
    <row r="10380" spans="1:4" x14ac:dyDescent="0.4">
      <c r="A10380">
        <v>3390056</v>
      </c>
      <c r="B10380" t="s">
        <v>1636</v>
      </c>
      <c r="C10380" t="s">
        <v>1889</v>
      </c>
      <c r="D10380" t="s">
        <v>9247</v>
      </c>
    </row>
    <row r="10381" spans="1:4" x14ac:dyDescent="0.4">
      <c r="A10381">
        <v>3390078</v>
      </c>
      <c r="B10381" t="s">
        <v>1636</v>
      </c>
      <c r="C10381" t="s">
        <v>1889</v>
      </c>
      <c r="D10381" t="s">
        <v>9248</v>
      </c>
    </row>
    <row r="10382" spans="1:4" x14ac:dyDescent="0.4">
      <c r="A10382">
        <v>3390045</v>
      </c>
      <c r="B10382" t="s">
        <v>1636</v>
      </c>
      <c r="C10382" t="s">
        <v>1889</v>
      </c>
      <c r="D10382" t="s">
        <v>5280</v>
      </c>
    </row>
    <row r="10383" spans="1:4" x14ac:dyDescent="0.4">
      <c r="A10383">
        <v>3390075</v>
      </c>
      <c r="B10383" t="s">
        <v>1636</v>
      </c>
      <c r="C10383" t="s">
        <v>1889</v>
      </c>
      <c r="D10383" t="s">
        <v>9249</v>
      </c>
    </row>
    <row r="10384" spans="1:4" x14ac:dyDescent="0.4">
      <c r="A10384">
        <v>3390001</v>
      </c>
      <c r="B10384" t="s">
        <v>1636</v>
      </c>
      <c r="C10384" t="s">
        <v>1889</v>
      </c>
      <c r="D10384" t="s">
        <v>9250</v>
      </c>
    </row>
    <row r="10385" spans="1:4" x14ac:dyDescent="0.4">
      <c r="A10385">
        <v>3390006</v>
      </c>
      <c r="B10385" t="s">
        <v>1636</v>
      </c>
      <c r="C10385" t="s">
        <v>1889</v>
      </c>
      <c r="D10385" t="s">
        <v>9251</v>
      </c>
    </row>
    <row r="10386" spans="1:4" x14ac:dyDescent="0.4">
      <c r="A10386">
        <v>3390033</v>
      </c>
      <c r="B10386" t="s">
        <v>1636</v>
      </c>
      <c r="C10386" t="s">
        <v>1889</v>
      </c>
      <c r="D10386" t="s">
        <v>4251</v>
      </c>
    </row>
    <row r="10387" spans="1:4" x14ac:dyDescent="0.4">
      <c r="A10387">
        <v>3390072</v>
      </c>
      <c r="B10387" t="s">
        <v>1636</v>
      </c>
      <c r="C10387" t="s">
        <v>1889</v>
      </c>
      <c r="D10387" t="s">
        <v>9252</v>
      </c>
    </row>
    <row r="10388" spans="1:4" x14ac:dyDescent="0.4">
      <c r="A10388">
        <v>3390003</v>
      </c>
      <c r="B10388" t="s">
        <v>1636</v>
      </c>
      <c r="C10388" t="s">
        <v>1889</v>
      </c>
      <c r="D10388" t="s">
        <v>9253</v>
      </c>
    </row>
    <row r="10389" spans="1:4" x14ac:dyDescent="0.4">
      <c r="A10389">
        <v>3390034</v>
      </c>
      <c r="B10389" t="s">
        <v>1636</v>
      </c>
      <c r="C10389" t="s">
        <v>1889</v>
      </c>
      <c r="D10389" t="s">
        <v>9254</v>
      </c>
    </row>
    <row r="10390" spans="1:4" x14ac:dyDescent="0.4">
      <c r="A10390">
        <v>3390035</v>
      </c>
      <c r="B10390" t="s">
        <v>1636</v>
      </c>
      <c r="C10390" t="s">
        <v>1889</v>
      </c>
      <c r="D10390" t="s">
        <v>9255</v>
      </c>
    </row>
    <row r="10391" spans="1:4" x14ac:dyDescent="0.4">
      <c r="A10391">
        <v>3390009</v>
      </c>
      <c r="B10391" t="s">
        <v>1636</v>
      </c>
      <c r="C10391" t="s">
        <v>1889</v>
      </c>
      <c r="D10391" t="s">
        <v>9256</v>
      </c>
    </row>
    <row r="10392" spans="1:4" x14ac:dyDescent="0.4">
      <c r="A10392">
        <v>3390043</v>
      </c>
      <c r="B10392" t="s">
        <v>1636</v>
      </c>
      <c r="C10392" t="s">
        <v>1889</v>
      </c>
      <c r="D10392" t="s">
        <v>4204</v>
      </c>
    </row>
    <row r="10393" spans="1:4" x14ac:dyDescent="0.4">
      <c r="A10393">
        <v>3390053</v>
      </c>
      <c r="B10393" t="s">
        <v>1636</v>
      </c>
      <c r="C10393" t="s">
        <v>1889</v>
      </c>
      <c r="D10393" t="s">
        <v>9257</v>
      </c>
    </row>
    <row r="10394" spans="1:4" x14ac:dyDescent="0.4">
      <c r="A10394">
        <v>3390044</v>
      </c>
      <c r="B10394" t="s">
        <v>1636</v>
      </c>
      <c r="C10394" t="s">
        <v>1889</v>
      </c>
      <c r="D10394" t="s">
        <v>9258</v>
      </c>
    </row>
    <row r="10395" spans="1:4" x14ac:dyDescent="0.4">
      <c r="A10395">
        <v>3390021</v>
      </c>
      <c r="B10395" t="s">
        <v>1636</v>
      </c>
      <c r="C10395" t="s">
        <v>1889</v>
      </c>
      <c r="D10395" t="s">
        <v>9259</v>
      </c>
    </row>
    <row r="10396" spans="1:4" x14ac:dyDescent="0.4">
      <c r="A10396">
        <v>3390007</v>
      </c>
      <c r="B10396" t="s">
        <v>1636</v>
      </c>
      <c r="C10396" t="s">
        <v>1889</v>
      </c>
      <c r="D10396" t="s">
        <v>3908</v>
      </c>
    </row>
    <row r="10397" spans="1:4" x14ac:dyDescent="0.4">
      <c r="A10397">
        <v>3390022</v>
      </c>
      <c r="B10397" t="s">
        <v>1636</v>
      </c>
      <c r="C10397" t="s">
        <v>1889</v>
      </c>
      <c r="D10397" t="s">
        <v>9260</v>
      </c>
    </row>
    <row r="10398" spans="1:4" x14ac:dyDescent="0.4">
      <c r="A10398">
        <v>3390004</v>
      </c>
      <c r="B10398" t="s">
        <v>1636</v>
      </c>
      <c r="C10398" t="s">
        <v>1889</v>
      </c>
      <c r="D10398" t="s">
        <v>9261</v>
      </c>
    </row>
    <row r="10399" spans="1:4" x14ac:dyDescent="0.4">
      <c r="A10399">
        <v>3390054</v>
      </c>
      <c r="B10399" t="s">
        <v>1636</v>
      </c>
      <c r="C10399" t="s">
        <v>1889</v>
      </c>
      <c r="D10399" t="s">
        <v>802</v>
      </c>
    </row>
    <row r="10400" spans="1:4" x14ac:dyDescent="0.4">
      <c r="A10400">
        <v>3390011</v>
      </c>
      <c r="B10400" t="s">
        <v>1636</v>
      </c>
      <c r="C10400" t="s">
        <v>1889</v>
      </c>
      <c r="D10400" t="s">
        <v>9262</v>
      </c>
    </row>
    <row r="10401" spans="1:4" x14ac:dyDescent="0.4">
      <c r="A10401">
        <v>3390068</v>
      </c>
      <c r="B10401" t="s">
        <v>1636</v>
      </c>
      <c r="C10401" t="s">
        <v>1889</v>
      </c>
      <c r="D10401" t="s">
        <v>745</v>
      </c>
    </row>
    <row r="10402" spans="1:4" x14ac:dyDescent="0.4">
      <c r="A10402">
        <v>3390016</v>
      </c>
      <c r="B10402" t="s">
        <v>1636</v>
      </c>
      <c r="C10402" t="s">
        <v>1889</v>
      </c>
      <c r="D10402" t="s">
        <v>9263</v>
      </c>
    </row>
    <row r="10403" spans="1:4" x14ac:dyDescent="0.4">
      <c r="A10403">
        <v>3390081</v>
      </c>
      <c r="B10403" t="s">
        <v>1636</v>
      </c>
      <c r="C10403" t="s">
        <v>1889</v>
      </c>
      <c r="D10403" t="s">
        <v>3877</v>
      </c>
    </row>
    <row r="10404" spans="1:4" x14ac:dyDescent="0.4">
      <c r="A10404">
        <v>3390082</v>
      </c>
      <c r="B10404" t="s">
        <v>1636</v>
      </c>
      <c r="C10404" t="s">
        <v>1889</v>
      </c>
      <c r="D10404" t="s">
        <v>9264</v>
      </c>
    </row>
    <row r="10405" spans="1:4" x14ac:dyDescent="0.4">
      <c r="A10405">
        <v>3390067</v>
      </c>
      <c r="B10405" t="s">
        <v>1636</v>
      </c>
      <c r="C10405" t="s">
        <v>1889</v>
      </c>
      <c r="D10405" t="s">
        <v>808</v>
      </c>
    </row>
    <row r="10406" spans="1:4" x14ac:dyDescent="0.4">
      <c r="A10406">
        <v>3390023</v>
      </c>
      <c r="B10406" t="s">
        <v>1636</v>
      </c>
      <c r="C10406" t="s">
        <v>1889</v>
      </c>
      <c r="D10406" t="s">
        <v>9265</v>
      </c>
    </row>
    <row r="10407" spans="1:4" x14ac:dyDescent="0.4">
      <c r="A10407">
        <v>3390047</v>
      </c>
      <c r="B10407" t="s">
        <v>1636</v>
      </c>
      <c r="C10407" t="s">
        <v>1889</v>
      </c>
      <c r="D10407" t="s">
        <v>26</v>
      </c>
    </row>
    <row r="10408" spans="1:4" x14ac:dyDescent="0.4">
      <c r="A10408">
        <v>3390005</v>
      </c>
      <c r="B10408" t="s">
        <v>1636</v>
      </c>
      <c r="C10408" t="s">
        <v>1889</v>
      </c>
      <c r="D10408" t="s">
        <v>9266</v>
      </c>
    </row>
    <row r="10409" spans="1:4" x14ac:dyDescent="0.4">
      <c r="A10409">
        <v>3390055</v>
      </c>
      <c r="B10409" t="s">
        <v>1636</v>
      </c>
      <c r="C10409" t="s">
        <v>1889</v>
      </c>
      <c r="D10409" t="s">
        <v>1526</v>
      </c>
    </row>
    <row r="10410" spans="1:4" x14ac:dyDescent="0.4">
      <c r="A10410">
        <v>3390064</v>
      </c>
      <c r="B10410" t="s">
        <v>1636</v>
      </c>
      <c r="C10410" t="s">
        <v>1889</v>
      </c>
      <c r="D10410" t="s">
        <v>206</v>
      </c>
    </row>
    <row r="10411" spans="1:4" x14ac:dyDescent="0.4">
      <c r="A10411">
        <v>3390042</v>
      </c>
      <c r="B10411" t="s">
        <v>1636</v>
      </c>
      <c r="C10411" t="s">
        <v>1889</v>
      </c>
      <c r="D10411" t="s">
        <v>9267</v>
      </c>
    </row>
    <row r="10412" spans="1:4" x14ac:dyDescent="0.4">
      <c r="A10412">
        <v>3390076</v>
      </c>
      <c r="B10412" t="s">
        <v>1636</v>
      </c>
      <c r="C10412" t="s">
        <v>1889</v>
      </c>
      <c r="D10412" t="s">
        <v>9268</v>
      </c>
    </row>
    <row r="10413" spans="1:4" x14ac:dyDescent="0.4">
      <c r="A10413">
        <v>3390074</v>
      </c>
      <c r="B10413" t="s">
        <v>1636</v>
      </c>
      <c r="C10413" t="s">
        <v>1889</v>
      </c>
      <c r="D10413" t="s">
        <v>9269</v>
      </c>
    </row>
    <row r="10414" spans="1:4" x14ac:dyDescent="0.4">
      <c r="A10414">
        <v>3390057</v>
      </c>
      <c r="B10414" t="s">
        <v>1636</v>
      </c>
      <c r="C10414" t="s">
        <v>1889</v>
      </c>
      <c r="D10414" t="s">
        <v>403</v>
      </c>
    </row>
    <row r="10415" spans="1:4" x14ac:dyDescent="0.4">
      <c r="A10415">
        <v>3390058</v>
      </c>
      <c r="B10415" t="s">
        <v>1636</v>
      </c>
      <c r="C10415" t="s">
        <v>1889</v>
      </c>
      <c r="D10415" t="s">
        <v>4219</v>
      </c>
    </row>
    <row r="10416" spans="1:4" x14ac:dyDescent="0.4">
      <c r="A10416">
        <v>3390077</v>
      </c>
      <c r="B10416" t="s">
        <v>1636</v>
      </c>
      <c r="C10416" t="s">
        <v>1889</v>
      </c>
      <c r="D10416" t="s">
        <v>9270</v>
      </c>
    </row>
    <row r="10417" spans="1:4" x14ac:dyDescent="0.4">
      <c r="A10417">
        <v>3390012</v>
      </c>
      <c r="B10417" t="s">
        <v>1636</v>
      </c>
      <c r="C10417" t="s">
        <v>1889</v>
      </c>
      <c r="D10417" t="s">
        <v>9271</v>
      </c>
    </row>
    <row r="10418" spans="1:4" x14ac:dyDescent="0.4">
      <c r="A10418">
        <v>3390032</v>
      </c>
      <c r="B10418" t="s">
        <v>1636</v>
      </c>
      <c r="C10418" t="s">
        <v>1889</v>
      </c>
      <c r="D10418" t="s">
        <v>9272</v>
      </c>
    </row>
    <row r="10419" spans="1:4" x14ac:dyDescent="0.4">
      <c r="A10419">
        <v>3390062</v>
      </c>
      <c r="B10419" t="s">
        <v>1636</v>
      </c>
      <c r="C10419" t="s">
        <v>1889</v>
      </c>
      <c r="D10419" t="s">
        <v>9273</v>
      </c>
    </row>
    <row r="10420" spans="1:4" x14ac:dyDescent="0.4">
      <c r="A10420">
        <v>3390051</v>
      </c>
      <c r="B10420" t="s">
        <v>1636</v>
      </c>
      <c r="C10420" t="s">
        <v>1889</v>
      </c>
      <c r="D10420" t="s">
        <v>9274</v>
      </c>
    </row>
    <row r="10421" spans="1:4" x14ac:dyDescent="0.4">
      <c r="A10421">
        <v>3390069</v>
      </c>
      <c r="B10421" t="s">
        <v>1636</v>
      </c>
      <c r="C10421" t="s">
        <v>1889</v>
      </c>
      <c r="D10421" t="s">
        <v>514</v>
      </c>
    </row>
    <row r="10422" spans="1:4" x14ac:dyDescent="0.4">
      <c r="A10422">
        <v>3390065</v>
      </c>
      <c r="B10422" t="s">
        <v>1636</v>
      </c>
      <c r="C10422" t="s">
        <v>1889</v>
      </c>
      <c r="D10422" t="s">
        <v>3407</v>
      </c>
    </row>
    <row r="10423" spans="1:4" x14ac:dyDescent="0.4">
      <c r="A10423">
        <v>3390063</v>
      </c>
      <c r="B10423" t="s">
        <v>1636</v>
      </c>
      <c r="C10423" t="s">
        <v>1889</v>
      </c>
      <c r="D10423" t="s">
        <v>9275</v>
      </c>
    </row>
    <row r="10424" spans="1:4" x14ac:dyDescent="0.4">
      <c r="A10424">
        <v>3390041</v>
      </c>
      <c r="B10424" t="s">
        <v>1636</v>
      </c>
      <c r="C10424" t="s">
        <v>1889</v>
      </c>
      <c r="D10424" t="s">
        <v>9276</v>
      </c>
    </row>
    <row r="10425" spans="1:4" x14ac:dyDescent="0.4">
      <c r="A10425">
        <v>3390046</v>
      </c>
      <c r="B10425" t="s">
        <v>1636</v>
      </c>
      <c r="C10425" t="s">
        <v>1889</v>
      </c>
      <c r="D10425" t="s">
        <v>9277</v>
      </c>
    </row>
    <row r="10426" spans="1:4" x14ac:dyDescent="0.4">
      <c r="A10426">
        <v>3390036</v>
      </c>
      <c r="B10426" t="s">
        <v>1636</v>
      </c>
      <c r="C10426" t="s">
        <v>1889</v>
      </c>
      <c r="D10426" t="s">
        <v>3788</v>
      </c>
    </row>
    <row r="10427" spans="1:4" x14ac:dyDescent="0.4">
      <c r="A10427">
        <v>3501100</v>
      </c>
      <c r="B10427" t="s">
        <v>1636</v>
      </c>
      <c r="C10427" t="s">
        <v>9278</v>
      </c>
    </row>
    <row r="10428" spans="1:4" x14ac:dyDescent="0.4">
      <c r="A10428">
        <v>3501173</v>
      </c>
      <c r="B10428" t="s">
        <v>1636</v>
      </c>
      <c r="C10428" t="s">
        <v>9278</v>
      </c>
      <c r="D10428" t="s">
        <v>9279</v>
      </c>
    </row>
    <row r="10429" spans="1:4" x14ac:dyDescent="0.4">
      <c r="A10429">
        <v>3501164</v>
      </c>
      <c r="B10429" t="s">
        <v>1636</v>
      </c>
      <c r="C10429" t="s">
        <v>9278</v>
      </c>
      <c r="D10429" t="s">
        <v>578</v>
      </c>
    </row>
    <row r="10430" spans="1:4" x14ac:dyDescent="0.4">
      <c r="A10430">
        <v>3501126</v>
      </c>
      <c r="B10430" t="s">
        <v>1636</v>
      </c>
      <c r="C10430" t="s">
        <v>9278</v>
      </c>
      <c r="D10430" t="s">
        <v>222</v>
      </c>
    </row>
    <row r="10431" spans="1:4" x14ac:dyDescent="0.4">
      <c r="A10431">
        <v>3500806</v>
      </c>
      <c r="B10431" t="s">
        <v>1636</v>
      </c>
      <c r="C10431" t="s">
        <v>9278</v>
      </c>
      <c r="D10431" t="s">
        <v>9280</v>
      </c>
    </row>
    <row r="10432" spans="1:4" x14ac:dyDescent="0.4">
      <c r="A10432">
        <v>3501125</v>
      </c>
      <c r="B10432" t="s">
        <v>1636</v>
      </c>
      <c r="C10432" t="s">
        <v>9278</v>
      </c>
      <c r="D10432" t="s">
        <v>177</v>
      </c>
    </row>
    <row r="10433" spans="1:4" x14ac:dyDescent="0.4">
      <c r="A10433">
        <v>3501124</v>
      </c>
      <c r="B10433" t="s">
        <v>1636</v>
      </c>
      <c r="C10433" t="s">
        <v>9278</v>
      </c>
      <c r="D10433" t="s">
        <v>6141</v>
      </c>
    </row>
    <row r="10434" spans="1:4" x14ac:dyDescent="0.4">
      <c r="A10434">
        <v>3501171</v>
      </c>
      <c r="B10434" t="s">
        <v>1636</v>
      </c>
      <c r="C10434" t="s">
        <v>9278</v>
      </c>
      <c r="D10434" t="s">
        <v>9281</v>
      </c>
    </row>
    <row r="10435" spans="1:4" x14ac:dyDescent="0.4">
      <c r="A10435">
        <v>3500855</v>
      </c>
      <c r="B10435" t="s">
        <v>1636</v>
      </c>
      <c r="C10435" t="s">
        <v>9278</v>
      </c>
      <c r="D10435" t="s">
        <v>9282</v>
      </c>
    </row>
    <row r="10436" spans="1:4" x14ac:dyDescent="0.4">
      <c r="A10436">
        <v>3500837</v>
      </c>
      <c r="B10436" t="s">
        <v>1636</v>
      </c>
      <c r="C10436" t="s">
        <v>9278</v>
      </c>
      <c r="D10436" t="s">
        <v>3514</v>
      </c>
    </row>
    <row r="10437" spans="1:4" x14ac:dyDescent="0.4">
      <c r="A10437">
        <v>3500835</v>
      </c>
      <c r="B10437" t="s">
        <v>1636</v>
      </c>
      <c r="C10437" t="s">
        <v>9278</v>
      </c>
      <c r="D10437" t="s">
        <v>9283</v>
      </c>
    </row>
    <row r="10438" spans="1:4" x14ac:dyDescent="0.4">
      <c r="A10438">
        <v>3500824</v>
      </c>
      <c r="B10438" t="s">
        <v>1636</v>
      </c>
      <c r="C10438" t="s">
        <v>9278</v>
      </c>
      <c r="D10438" t="s">
        <v>9284</v>
      </c>
    </row>
    <row r="10439" spans="1:4" x14ac:dyDescent="0.4">
      <c r="A10439">
        <v>3500026</v>
      </c>
      <c r="B10439" t="s">
        <v>1636</v>
      </c>
      <c r="C10439" t="s">
        <v>9278</v>
      </c>
      <c r="D10439" t="s">
        <v>1528</v>
      </c>
    </row>
    <row r="10440" spans="1:4" x14ac:dyDescent="0.4">
      <c r="A10440">
        <v>3501108</v>
      </c>
      <c r="B10440" t="s">
        <v>1636</v>
      </c>
      <c r="C10440" t="s">
        <v>9278</v>
      </c>
      <c r="D10440" t="s">
        <v>9285</v>
      </c>
    </row>
    <row r="10441" spans="1:4" x14ac:dyDescent="0.4">
      <c r="A10441">
        <v>3501144</v>
      </c>
      <c r="B10441" t="s">
        <v>1636</v>
      </c>
      <c r="C10441" t="s">
        <v>9278</v>
      </c>
      <c r="D10441" t="s">
        <v>1653</v>
      </c>
    </row>
    <row r="10442" spans="1:4" x14ac:dyDescent="0.4">
      <c r="A10442">
        <v>3500015</v>
      </c>
      <c r="B10442" t="s">
        <v>1636</v>
      </c>
      <c r="C10442" t="s">
        <v>9278</v>
      </c>
      <c r="D10442" t="s">
        <v>1713</v>
      </c>
    </row>
    <row r="10443" spans="1:4" x14ac:dyDescent="0.4">
      <c r="A10443">
        <v>3501105</v>
      </c>
      <c r="B10443" t="s">
        <v>1636</v>
      </c>
      <c r="C10443" t="s">
        <v>9278</v>
      </c>
      <c r="D10443" t="s">
        <v>9286</v>
      </c>
    </row>
    <row r="10444" spans="1:4" x14ac:dyDescent="0.4">
      <c r="A10444">
        <v>3501151</v>
      </c>
      <c r="B10444" t="s">
        <v>1636</v>
      </c>
      <c r="C10444" t="s">
        <v>9278</v>
      </c>
      <c r="D10444" t="s">
        <v>9287</v>
      </c>
    </row>
    <row r="10445" spans="1:4" x14ac:dyDescent="0.4">
      <c r="A10445">
        <v>3500017</v>
      </c>
      <c r="B10445" t="s">
        <v>1636</v>
      </c>
      <c r="C10445" t="s">
        <v>9278</v>
      </c>
      <c r="D10445" t="s">
        <v>9288</v>
      </c>
    </row>
    <row r="10446" spans="1:4" x14ac:dyDescent="0.4">
      <c r="A10446">
        <v>3500816</v>
      </c>
      <c r="B10446" t="s">
        <v>1636</v>
      </c>
      <c r="C10446" t="s">
        <v>9278</v>
      </c>
      <c r="D10446" t="s">
        <v>9289</v>
      </c>
    </row>
    <row r="10447" spans="1:4" x14ac:dyDescent="0.4">
      <c r="A10447">
        <v>3500817</v>
      </c>
      <c r="B10447" t="s">
        <v>1636</v>
      </c>
      <c r="C10447" t="s">
        <v>9278</v>
      </c>
      <c r="D10447" t="s">
        <v>9290</v>
      </c>
    </row>
    <row r="10448" spans="1:4" x14ac:dyDescent="0.4">
      <c r="A10448">
        <v>3501134</v>
      </c>
      <c r="B10448" t="s">
        <v>1636</v>
      </c>
      <c r="C10448" t="s">
        <v>9278</v>
      </c>
      <c r="D10448" t="s">
        <v>9291</v>
      </c>
    </row>
    <row r="10449" spans="1:4" x14ac:dyDescent="0.4">
      <c r="A10449">
        <v>3500032</v>
      </c>
      <c r="B10449" t="s">
        <v>1636</v>
      </c>
      <c r="C10449" t="s">
        <v>9278</v>
      </c>
      <c r="D10449" t="s">
        <v>9292</v>
      </c>
    </row>
    <row r="10450" spans="1:4" x14ac:dyDescent="0.4">
      <c r="A10450">
        <v>3501128</v>
      </c>
      <c r="B10450" t="s">
        <v>1636</v>
      </c>
      <c r="C10450" t="s">
        <v>9278</v>
      </c>
      <c r="D10450" t="s">
        <v>9293</v>
      </c>
    </row>
    <row r="10451" spans="1:4" x14ac:dyDescent="0.4">
      <c r="A10451">
        <v>3501161</v>
      </c>
      <c r="B10451" t="s">
        <v>1636</v>
      </c>
      <c r="C10451" t="s">
        <v>9278</v>
      </c>
      <c r="D10451" t="s">
        <v>9294</v>
      </c>
    </row>
    <row r="10452" spans="1:4" x14ac:dyDescent="0.4">
      <c r="A10452">
        <v>3501178</v>
      </c>
      <c r="B10452" t="s">
        <v>1636</v>
      </c>
      <c r="C10452" t="s">
        <v>9278</v>
      </c>
      <c r="D10452" t="s">
        <v>9295</v>
      </c>
    </row>
    <row r="10453" spans="1:4" x14ac:dyDescent="0.4">
      <c r="A10453">
        <v>3500057</v>
      </c>
      <c r="B10453" t="s">
        <v>1636</v>
      </c>
      <c r="C10453" t="s">
        <v>9278</v>
      </c>
      <c r="D10453" t="s">
        <v>9296</v>
      </c>
    </row>
    <row r="10454" spans="1:4" x14ac:dyDescent="0.4">
      <c r="A10454">
        <v>3500021</v>
      </c>
      <c r="B10454" t="s">
        <v>1636</v>
      </c>
      <c r="C10454" t="s">
        <v>9278</v>
      </c>
      <c r="D10454" t="s">
        <v>9297</v>
      </c>
    </row>
    <row r="10455" spans="1:4" x14ac:dyDescent="0.4">
      <c r="A10455">
        <v>3501168</v>
      </c>
      <c r="B10455" t="s">
        <v>1636</v>
      </c>
      <c r="C10455" t="s">
        <v>9278</v>
      </c>
      <c r="D10455" t="s">
        <v>7653</v>
      </c>
    </row>
    <row r="10456" spans="1:4" x14ac:dyDescent="0.4">
      <c r="A10456">
        <v>3501167</v>
      </c>
      <c r="B10456" t="s">
        <v>1636</v>
      </c>
      <c r="C10456" t="s">
        <v>9278</v>
      </c>
      <c r="D10456" t="s">
        <v>9298</v>
      </c>
    </row>
    <row r="10457" spans="1:4" x14ac:dyDescent="0.4">
      <c r="A10457">
        <v>3501104</v>
      </c>
      <c r="B10457" t="s">
        <v>1636</v>
      </c>
      <c r="C10457" t="s">
        <v>9278</v>
      </c>
      <c r="D10457" t="s">
        <v>9299</v>
      </c>
    </row>
    <row r="10458" spans="1:4" x14ac:dyDescent="0.4">
      <c r="A10458">
        <v>3500841</v>
      </c>
      <c r="B10458" t="s">
        <v>1636</v>
      </c>
      <c r="C10458" t="s">
        <v>9278</v>
      </c>
      <c r="D10458" t="s">
        <v>3185</v>
      </c>
    </row>
    <row r="10459" spans="1:4" x14ac:dyDescent="0.4">
      <c r="A10459">
        <v>3500012</v>
      </c>
      <c r="B10459" t="s">
        <v>1636</v>
      </c>
      <c r="C10459" t="s">
        <v>9278</v>
      </c>
      <c r="D10459" t="s">
        <v>9300</v>
      </c>
    </row>
    <row r="10460" spans="1:4" x14ac:dyDescent="0.4">
      <c r="A10460">
        <v>3501175</v>
      </c>
      <c r="B10460" t="s">
        <v>1636</v>
      </c>
      <c r="C10460" t="s">
        <v>9278</v>
      </c>
      <c r="D10460" t="s">
        <v>9301</v>
      </c>
    </row>
    <row r="10461" spans="1:4" x14ac:dyDescent="0.4">
      <c r="A10461">
        <v>3501103</v>
      </c>
      <c r="B10461" t="s">
        <v>1636</v>
      </c>
      <c r="C10461" t="s">
        <v>9278</v>
      </c>
      <c r="D10461" t="s">
        <v>9302</v>
      </c>
    </row>
    <row r="10462" spans="1:4" x14ac:dyDescent="0.4">
      <c r="A10462">
        <v>3501109</v>
      </c>
      <c r="B10462" t="s">
        <v>1636</v>
      </c>
      <c r="C10462" t="s">
        <v>9278</v>
      </c>
      <c r="D10462" t="s">
        <v>9303</v>
      </c>
    </row>
    <row r="10463" spans="1:4" x14ac:dyDescent="0.4">
      <c r="A10463">
        <v>3501174</v>
      </c>
      <c r="B10463" t="s">
        <v>1636</v>
      </c>
      <c r="C10463" t="s">
        <v>9278</v>
      </c>
      <c r="D10463" t="s">
        <v>9304</v>
      </c>
    </row>
    <row r="10464" spans="1:4" x14ac:dyDescent="0.4">
      <c r="A10464">
        <v>3500845</v>
      </c>
      <c r="B10464" t="s">
        <v>1636</v>
      </c>
      <c r="C10464" t="s">
        <v>9278</v>
      </c>
      <c r="D10464" t="s">
        <v>9305</v>
      </c>
    </row>
    <row r="10465" spans="1:4" x14ac:dyDescent="0.4">
      <c r="A10465">
        <v>3501135</v>
      </c>
      <c r="B10465" t="s">
        <v>1636</v>
      </c>
      <c r="C10465" t="s">
        <v>9278</v>
      </c>
      <c r="D10465" t="s">
        <v>9306</v>
      </c>
    </row>
    <row r="10466" spans="1:4" x14ac:dyDescent="0.4">
      <c r="A10466">
        <v>3500826</v>
      </c>
      <c r="B10466" t="s">
        <v>1636</v>
      </c>
      <c r="C10466" t="s">
        <v>9278</v>
      </c>
      <c r="D10466" t="s">
        <v>9307</v>
      </c>
    </row>
    <row r="10467" spans="1:4" x14ac:dyDescent="0.4">
      <c r="A10467">
        <v>3501112</v>
      </c>
      <c r="B10467" t="s">
        <v>1636</v>
      </c>
      <c r="C10467" t="s">
        <v>9278</v>
      </c>
      <c r="D10467" t="s">
        <v>9308</v>
      </c>
    </row>
    <row r="10468" spans="1:4" x14ac:dyDescent="0.4">
      <c r="A10468">
        <v>3501154</v>
      </c>
      <c r="B10468" t="s">
        <v>1636</v>
      </c>
      <c r="C10468" t="s">
        <v>9278</v>
      </c>
      <c r="D10468" t="s">
        <v>9309</v>
      </c>
    </row>
    <row r="10469" spans="1:4" x14ac:dyDescent="0.4">
      <c r="A10469">
        <v>3500844</v>
      </c>
      <c r="B10469" t="s">
        <v>1636</v>
      </c>
      <c r="C10469" t="s">
        <v>9278</v>
      </c>
      <c r="D10469" t="s">
        <v>9310</v>
      </c>
    </row>
    <row r="10470" spans="1:4" x14ac:dyDescent="0.4">
      <c r="A10470">
        <v>3500852</v>
      </c>
      <c r="B10470" t="s">
        <v>1636</v>
      </c>
      <c r="C10470" t="s">
        <v>9278</v>
      </c>
      <c r="D10470" t="s">
        <v>9311</v>
      </c>
    </row>
    <row r="10471" spans="1:4" x14ac:dyDescent="0.4">
      <c r="A10471">
        <v>3501176</v>
      </c>
      <c r="B10471" t="s">
        <v>1636</v>
      </c>
      <c r="C10471" t="s">
        <v>9278</v>
      </c>
      <c r="D10471" t="s">
        <v>9312</v>
      </c>
    </row>
    <row r="10472" spans="1:4" x14ac:dyDescent="0.4">
      <c r="A10472">
        <v>3501177</v>
      </c>
      <c r="B10472" t="s">
        <v>1636</v>
      </c>
      <c r="C10472" t="s">
        <v>9278</v>
      </c>
      <c r="D10472" t="s">
        <v>9313</v>
      </c>
    </row>
    <row r="10473" spans="1:4" x14ac:dyDescent="0.4">
      <c r="A10473">
        <v>3501132</v>
      </c>
      <c r="B10473" t="s">
        <v>1636</v>
      </c>
      <c r="C10473" t="s">
        <v>9278</v>
      </c>
      <c r="D10473" t="s">
        <v>8640</v>
      </c>
    </row>
    <row r="10474" spans="1:4" x14ac:dyDescent="0.4">
      <c r="A10474">
        <v>3501131</v>
      </c>
      <c r="B10474" t="s">
        <v>1636</v>
      </c>
      <c r="C10474" t="s">
        <v>9278</v>
      </c>
      <c r="D10474" t="s">
        <v>1830</v>
      </c>
    </row>
    <row r="10475" spans="1:4" x14ac:dyDescent="0.4">
      <c r="A10475">
        <v>3500842</v>
      </c>
      <c r="B10475" t="s">
        <v>1636</v>
      </c>
      <c r="C10475" t="s">
        <v>9278</v>
      </c>
      <c r="D10475" t="s">
        <v>9314</v>
      </c>
    </row>
    <row r="10476" spans="1:4" x14ac:dyDescent="0.4">
      <c r="A10476">
        <v>3500061</v>
      </c>
      <c r="B10476" t="s">
        <v>1636</v>
      </c>
      <c r="C10476" t="s">
        <v>9278</v>
      </c>
      <c r="D10476" t="s">
        <v>4295</v>
      </c>
    </row>
    <row r="10477" spans="1:4" x14ac:dyDescent="0.4">
      <c r="A10477">
        <v>3500016</v>
      </c>
      <c r="B10477" t="s">
        <v>1636</v>
      </c>
      <c r="C10477" t="s">
        <v>9278</v>
      </c>
      <c r="D10477" t="s">
        <v>9315</v>
      </c>
    </row>
    <row r="10478" spans="1:4" x14ac:dyDescent="0.4">
      <c r="A10478">
        <v>3500011</v>
      </c>
      <c r="B10478" t="s">
        <v>1636</v>
      </c>
      <c r="C10478" t="s">
        <v>9278</v>
      </c>
      <c r="D10478" t="s">
        <v>9316</v>
      </c>
    </row>
    <row r="10479" spans="1:4" x14ac:dyDescent="0.4">
      <c r="A10479">
        <v>3500815</v>
      </c>
      <c r="B10479" t="s">
        <v>1636</v>
      </c>
      <c r="C10479" t="s">
        <v>9278</v>
      </c>
      <c r="D10479" t="s">
        <v>9317</v>
      </c>
    </row>
    <row r="10480" spans="1:4" x14ac:dyDescent="0.4">
      <c r="A10480">
        <v>3500809</v>
      </c>
      <c r="B10480" t="s">
        <v>1636</v>
      </c>
      <c r="C10480" t="s">
        <v>9278</v>
      </c>
      <c r="D10480" t="s">
        <v>9318</v>
      </c>
    </row>
    <row r="10481" spans="1:4" x14ac:dyDescent="0.4">
      <c r="A10481">
        <v>3500055</v>
      </c>
      <c r="B10481" t="s">
        <v>1636</v>
      </c>
      <c r="C10481" t="s">
        <v>9278</v>
      </c>
      <c r="D10481" t="s">
        <v>8799</v>
      </c>
    </row>
    <row r="10482" spans="1:4" x14ac:dyDescent="0.4">
      <c r="A10482">
        <v>3501146</v>
      </c>
      <c r="B10482" t="s">
        <v>1636</v>
      </c>
      <c r="C10482" t="s">
        <v>9278</v>
      </c>
      <c r="D10482" t="s">
        <v>9319</v>
      </c>
    </row>
    <row r="10483" spans="1:4" x14ac:dyDescent="0.4">
      <c r="A10483">
        <v>3500053</v>
      </c>
      <c r="B10483" t="s">
        <v>1636</v>
      </c>
      <c r="C10483" t="s">
        <v>9278</v>
      </c>
      <c r="D10483" t="s">
        <v>9320</v>
      </c>
    </row>
    <row r="10484" spans="1:4" x14ac:dyDescent="0.4">
      <c r="A10484">
        <v>3501117</v>
      </c>
      <c r="B10484" t="s">
        <v>1636</v>
      </c>
      <c r="C10484" t="s">
        <v>9278</v>
      </c>
      <c r="D10484" t="s">
        <v>9321</v>
      </c>
    </row>
    <row r="10485" spans="1:4" x14ac:dyDescent="0.4">
      <c r="A10485">
        <v>3500031</v>
      </c>
      <c r="B10485" t="s">
        <v>1636</v>
      </c>
      <c r="C10485" t="s">
        <v>9278</v>
      </c>
      <c r="D10485" t="s">
        <v>9322</v>
      </c>
    </row>
    <row r="10486" spans="1:4" x14ac:dyDescent="0.4">
      <c r="A10486">
        <v>3500036</v>
      </c>
      <c r="B10486" t="s">
        <v>1636</v>
      </c>
      <c r="C10486" t="s">
        <v>9278</v>
      </c>
      <c r="D10486" t="s">
        <v>9323</v>
      </c>
    </row>
    <row r="10487" spans="1:4" x14ac:dyDescent="0.4">
      <c r="A10487">
        <v>3500811</v>
      </c>
      <c r="B10487" t="s">
        <v>1636</v>
      </c>
      <c r="C10487" t="s">
        <v>9278</v>
      </c>
      <c r="D10487" t="s">
        <v>7106</v>
      </c>
    </row>
    <row r="10488" spans="1:4" x14ac:dyDescent="0.4">
      <c r="A10488">
        <v>3501116</v>
      </c>
      <c r="B10488" t="s">
        <v>1636</v>
      </c>
      <c r="C10488" t="s">
        <v>9278</v>
      </c>
      <c r="D10488" t="s">
        <v>1740</v>
      </c>
    </row>
    <row r="10489" spans="1:4" x14ac:dyDescent="0.4">
      <c r="A10489">
        <v>3500022</v>
      </c>
      <c r="B10489" t="s">
        <v>1636</v>
      </c>
      <c r="C10489" t="s">
        <v>9278</v>
      </c>
      <c r="D10489" t="s">
        <v>9324</v>
      </c>
    </row>
    <row r="10490" spans="1:4" x14ac:dyDescent="0.4">
      <c r="A10490">
        <v>3501106</v>
      </c>
      <c r="B10490" t="s">
        <v>1636</v>
      </c>
      <c r="C10490" t="s">
        <v>9278</v>
      </c>
      <c r="D10490" t="s">
        <v>9325</v>
      </c>
    </row>
    <row r="10491" spans="1:4" x14ac:dyDescent="0.4">
      <c r="A10491">
        <v>3500063</v>
      </c>
      <c r="B10491" t="s">
        <v>1636</v>
      </c>
      <c r="C10491" t="s">
        <v>9278</v>
      </c>
      <c r="D10491" t="s">
        <v>72</v>
      </c>
    </row>
    <row r="10492" spans="1:4" x14ac:dyDescent="0.4">
      <c r="A10492">
        <v>3500803</v>
      </c>
      <c r="B10492" t="s">
        <v>1636</v>
      </c>
      <c r="C10492" t="s">
        <v>9278</v>
      </c>
      <c r="D10492" t="s">
        <v>730</v>
      </c>
    </row>
    <row r="10493" spans="1:4" x14ac:dyDescent="0.4">
      <c r="A10493">
        <v>3500054</v>
      </c>
      <c r="B10493" t="s">
        <v>1636</v>
      </c>
      <c r="C10493" t="s">
        <v>9278</v>
      </c>
      <c r="D10493" t="s">
        <v>9326</v>
      </c>
    </row>
    <row r="10494" spans="1:4" x14ac:dyDescent="0.4">
      <c r="A10494">
        <v>3500067</v>
      </c>
      <c r="B10494" t="s">
        <v>1636</v>
      </c>
      <c r="C10494" t="s">
        <v>9278</v>
      </c>
      <c r="D10494" t="s">
        <v>9327</v>
      </c>
    </row>
    <row r="10495" spans="1:4" x14ac:dyDescent="0.4">
      <c r="A10495">
        <v>3500834</v>
      </c>
      <c r="B10495" t="s">
        <v>1636</v>
      </c>
      <c r="C10495" t="s">
        <v>9278</v>
      </c>
      <c r="D10495" t="s">
        <v>9328</v>
      </c>
    </row>
    <row r="10496" spans="1:4" x14ac:dyDescent="0.4">
      <c r="A10496">
        <v>3500051</v>
      </c>
      <c r="B10496" t="s">
        <v>1636</v>
      </c>
      <c r="C10496" t="s">
        <v>9278</v>
      </c>
      <c r="D10496" t="s">
        <v>9329</v>
      </c>
    </row>
    <row r="10497" spans="1:4" x14ac:dyDescent="0.4">
      <c r="A10497">
        <v>3500013</v>
      </c>
      <c r="B10497" t="s">
        <v>1636</v>
      </c>
      <c r="C10497" t="s">
        <v>9278</v>
      </c>
      <c r="D10497" t="s">
        <v>9330</v>
      </c>
    </row>
    <row r="10498" spans="1:4" x14ac:dyDescent="0.4">
      <c r="A10498">
        <v>3501145</v>
      </c>
      <c r="B10498" t="s">
        <v>1636</v>
      </c>
      <c r="C10498" t="s">
        <v>9278</v>
      </c>
      <c r="D10498" t="s">
        <v>4199</v>
      </c>
    </row>
    <row r="10499" spans="1:4" x14ac:dyDescent="0.4">
      <c r="A10499">
        <v>3501155</v>
      </c>
      <c r="B10499" t="s">
        <v>1636</v>
      </c>
      <c r="C10499" t="s">
        <v>9278</v>
      </c>
      <c r="D10499" t="s">
        <v>9331</v>
      </c>
    </row>
    <row r="10500" spans="1:4" x14ac:dyDescent="0.4">
      <c r="A10500">
        <v>3500848</v>
      </c>
      <c r="B10500" t="s">
        <v>1636</v>
      </c>
      <c r="C10500" t="s">
        <v>9278</v>
      </c>
      <c r="D10500" t="s">
        <v>9332</v>
      </c>
    </row>
    <row r="10501" spans="1:4" x14ac:dyDescent="0.4">
      <c r="A10501">
        <v>3500812</v>
      </c>
      <c r="B10501" t="s">
        <v>1636</v>
      </c>
      <c r="C10501" t="s">
        <v>9278</v>
      </c>
      <c r="D10501" t="s">
        <v>9333</v>
      </c>
    </row>
    <row r="10502" spans="1:4" x14ac:dyDescent="0.4">
      <c r="A10502">
        <v>3501136</v>
      </c>
      <c r="B10502" t="s">
        <v>1636</v>
      </c>
      <c r="C10502" t="s">
        <v>9278</v>
      </c>
      <c r="D10502" t="s">
        <v>9334</v>
      </c>
    </row>
    <row r="10503" spans="1:4" x14ac:dyDescent="0.4">
      <c r="A10503">
        <v>3500804</v>
      </c>
      <c r="B10503" t="s">
        <v>1636</v>
      </c>
      <c r="C10503" t="s">
        <v>9278</v>
      </c>
      <c r="D10503" t="s">
        <v>9335</v>
      </c>
    </row>
    <row r="10504" spans="1:4" x14ac:dyDescent="0.4">
      <c r="A10504">
        <v>3501153</v>
      </c>
      <c r="B10504" t="s">
        <v>1636</v>
      </c>
      <c r="C10504" t="s">
        <v>9278</v>
      </c>
      <c r="D10504" t="s">
        <v>9336</v>
      </c>
    </row>
    <row r="10505" spans="1:4" x14ac:dyDescent="0.4">
      <c r="A10505">
        <v>3500853</v>
      </c>
      <c r="B10505" t="s">
        <v>1636</v>
      </c>
      <c r="C10505" t="s">
        <v>9278</v>
      </c>
      <c r="D10505" t="s">
        <v>9337</v>
      </c>
    </row>
    <row r="10506" spans="1:4" x14ac:dyDescent="0.4">
      <c r="A10506">
        <v>3500043</v>
      </c>
      <c r="B10506" t="s">
        <v>1636</v>
      </c>
      <c r="C10506" t="s">
        <v>9278</v>
      </c>
      <c r="D10506" t="s">
        <v>3853</v>
      </c>
    </row>
    <row r="10507" spans="1:4" x14ac:dyDescent="0.4">
      <c r="A10507">
        <v>3500823</v>
      </c>
      <c r="B10507" t="s">
        <v>1636</v>
      </c>
      <c r="C10507" t="s">
        <v>9278</v>
      </c>
      <c r="D10507" t="s">
        <v>2324</v>
      </c>
    </row>
    <row r="10508" spans="1:4" x14ac:dyDescent="0.4">
      <c r="A10508">
        <v>3500064</v>
      </c>
      <c r="B10508" t="s">
        <v>1636</v>
      </c>
      <c r="C10508" t="s">
        <v>9278</v>
      </c>
      <c r="D10508" t="s">
        <v>3363</v>
      </c>
    </row>
    <row r="10509" spans="1:4" x14ac:dyDescent="0.4">
      <c r="A10509">
        <v>3500832</v>
      </c>
      <c r="B10509" t="s">
        <v>1636</v>
      </c>
      <c r="C10509" t="s">
        <v>9278</v>
      </c>
      <c r="D10509" t="s">
        <v>9338</v>
      </c>
    </row>
    <row r="10510" spans="1:4" x14ac:dyDescent="0.4">
      <c r="A10510">
        <v>3500046</v>
      </c>
      <c r="B10510" t="s">
        <v>1636</v>
      </c>
      <c r="C10510" t="s">
        <v>9278</v>
      </c>
      <c r="D10510" t="s">
        <v>9339</v>
      </c>
    </row>
    <row r="10511" spans="1:4" x14ac:dyDescent="0.4">
      <c r="A10511">
        <v>3501133</v>
      </c>
      <c r="B10511" t="s">
        <v>1636</v>
      </c>
      <c r="C10511" t="s">
        <v>9278</v>
      </c>
      <c r="D10511" t="s">
        <v>1938</v>
      </c>
    </row>
    <row r="10512" spans="1:4" x14ac:dyDescent="0.4">
      <c r="A10512">
        <v>3501152</v>
      </c>
      <c r="B10512" t="s">
        <v>1636</v>
      </c>
      <c r="C10512" t="s">
        <v>9278</v>
      </c>
      <c r="D10512" t="s">
        <v>9340</v>
      </c>
    </row>
    <row r="10513" spans="1:4" x14ac:dyDescent="0.4">
      <c r="A10513">
        <v>3501137</v>
      </c>
      <c r="B10513" t="s">
        <v>1636</v>
      </c>
      <c r="C10513" t="s">
        <v>9278</v>
      </c>
      <c r="D10513" t="s">
        <v>9341</v>
      </c>
    </row>
    <row r="10514" spans="1:4" x14ac:dyDescent="0.4">
      <c r="A10514">
        <v>3501147</v>
      </c>
      <c r="B10514" t="s">
        <v>1636</v>
      </c>
      <c r="C10514" t="s">
        <v>9278</v>
      </c>
      <c r="D10514" t="s">
        <v>1569</v>
      </c>
    </row>
    <row r="10515" spans="1:4" x14ac:dyDescent="0.4">
      <c r="A10515">
        <v>3500034</v>
      </c>
      <c r="B10515" t="s">
        <v>1636</v>
      </c>
      <c r="C10515" t="s">
        <v>9278</v>
      </c>
      <c r="D10515" t="s">
        <v>9342</v>
      </c>
    </row>
    <row r="10516" spans="1:4" x14ac:dyDescent="0.4">
      <c r="A10516">
        <v>3500004</v>
      </c>
      <c r="B10516" t="s">
        <v>1636</v>
      </c>
      <c r="C10516" t="s">
        <v>9278</v>
      </c>
      <c r="D10516" t="s">
        <v>1749</v>
      </c>
    </row>
    <row r="10517" spans="1:4" x14ac:dyDescent="0.4">
      <c r="A10517">
        <v>3500801</v>
      </c>
      <c r="B10517" t="s">
        <v>1636</v>
      </c>
      <c r="C10517" t="s">
        <v>9278</v>
      </c>
      <c r="D10517" t="s">
        <v>9343</v>
      </c>
    </row>
    <row r="10518" spans="1:4" x14ac:dyDescent="0.4">
      <c r="A10518">
        <v>3501113</v>
      </c>
      <c r="B10518" t="s">
        <v>1636</v>
      </c>
      <c r="C10518" t="s">
        <v>9278</v>
      </c>
      <c r="D10518" t="s">
        <v>372</v>
      </c>
    </row>
    <row r="10519" spans="1:4" x14ac:dyDescent="0.4">
      <c r="A10519">
        <v>3500825</v>
      </c>
      <c r="B10519" t="s">
        <v>1636</v>
      </c>
      <c r="C10519" t="s">
        <v>9278</v>
      </c>
      <c r="D10519" t="s">
        <v>9344</v>
      </c>
    </row>
    <row r="10520" spans="1:4" x14ac:dyDescent="0.4">
      <c r="A10520">
        <v>3500854</v>
      </c>
      <c r="B10520" t="s">
        <v>1636</v>
      </c>
      <c r="C10520" t="s">
        <v>9278</v>
      </c>
      <c r="D10520" t="s">
        <v>9345</v>
      </c>
    </row>
    <row r="10521" spans="1:4" x14ac:dyDescent="0.4">
      <c r="A10521">
        <v>3501141</v>
      </c>
      <c r="B10521" t="s">
        <v>1636</v>
      </c>
      <c r="C10521" t="s">
        <v>9278</v>
      </c>
      <c r="D10521" t="s">
        <v>2110</v>
      </c>
    </row>
    <row r="10522" spans="1:4" x14ac:dyDescent="0.4">
      <c r="A10522">
        <v>3500827</v>
      </c>
      <c r="B10522" t="s">
        <v>1636</v>
      </c>
      <c r="C10522" t="s">
        <v>9278</v>
      </c>
      <c r="D10522" t="s">
        <v>1876</v>
      </c>
    </row>
    <row r="10523" spans="1:4" x14ac:dyDescent="0.4">
      <c r="A10523">
        <v>3500843</v>
      </c>
      <c r="B10523" t="s">
        <v>1636</v>
      </c>
      <c r="C10523" t="s">
        <v>9278</v>
      </c>
      <c r="D10523" t="s">
        <v>9346</v>
      </c>
    </row>
    <row r="10524" spans="1:4" x14ac:dyDescent="0.4">
      <c r="A10524">
        <v>3500044</v>
      </c>
      <c r="B10524" t="s">
        <v>1636</v>
      </c>
      <c r="C10524" t="s">
        <v>9278</v>
      </c>
      <c r="D10524" t="s">
        <v>7547</v>
      </c>
    </row>
    <row r="10525" spans="1:4" x14ac:dyDescent="0.4">
      <c r="A10525">
        <v>3501119</v>
      </c>
      <c r="B10525" t="s">
        <v>1636</v>
      </c>
      <c r="C10525" t="s">
        <v>9278</v>
      </c>
      <c r="D10525" t="s">
        <v>9347</v>
      </c>
    </row>
    <row r="10526" spans="1:4" x14ac:dyDescent="0.4">
      <c r="A10526">
        <v>3501110</v>
      </c>
      <c r="B10526" t="s">
        <v>1636</v>
      </c>
      <c r="C10526" t="s">
        <v>9278</v>
      </c>
      <c r="D10526" t="s">
        <v>9348</v>
      </c>
    </row>
    <row r="10527" spans="1:4" x14ac:dyDescent="0.4">
      <c r="A10527">
        <v>3501118</v>
      </c>
      <c r="B10527" t="s">
        <v>1636</v>
      </c>
      <c r="C10527" t="s">
        <v>9278</v>
      </c>
      <c r="D10527" t="s">
        <v>9349</v>
      </c>
    </row>
    <row r="10528" spans="1:4" x14ac:dyDescent="0.4">
      <c r="A10528">
        <v>3500856</v>
      </c>
      <c r="B10528" t="s">
        <v>1636</v>
      </c>
      <c r="C10528" t="s">
        <v>9278</v>
      </c>
      <c r="D10528" t="s">
        <v>4600</v>
      </c>
    </row>
    <row r="10529" spans="1:4" x14ac:dyDescent="0.4">
      <c r="A10529">
        <v>3500846</v>
      </c>
      <c r="B10529" t="s">
        <v>1636</v>
      </c>
      <c r="C10529" t="s">
        <v>9278</v>
      </c>
      <c r="D10529" t="s">
        <v>9350</v>
      </c>
    </row>
    <row r="10530" spans="1:4" x14ac:dyDescent="0.4">
      <c r="A10530">
        <v>3500065</v>
      </c>
      <c r="B10530" t="s">
        <v>1636</v>
      </c>
      <c r="C10530" t="s">
        <v>9278</v>
      </c>
      <c r="D10530" t="s">
        <v>802</v>
      </c>
    </row>
    <row r="10531" spans="1:4" x14ac:dyDescent="0.4">
      <c r="A10531">
        <v>3500042</v>
      </c>
      <c r="B10531" t="s">
        <v>1636</v>
      </c>
      <c r="C10531" t="s">
        <v>9278</v>
      </c>
      <c r="D10531" t="s">
        <v>9351</v>
      </c>
    </row>
    <row r="10532" spans="1:4" x14ac:dyDescent="0.4">
      <c r="A10532">
        <v>3501156</v>
      </c>
      <c r="B10532" t="s">
        <v>1636</v>
      </c>
      <c r="C10532" t="s">
        <v>9278</v>
      </c>
      <c r="D10532" t="s">
        <v>9352</v>
      </c>
    </row>
    <row r="10533" spans="1:4" x14ac:dyDescent="0.4">
      <c r="A10533">
        <v>3501157</v>
      </c>
      <c r="B10533" t="s">
        <v>1636</v>
      </c>
      <c r="C10533" t="s">
        <v>9278</v>
      </c>
      <c r="D10533" t="s">
        <v>9353</v>
      </c>
    </row>
    <row r="10534" spans="1:4" x14ac:dyDescent="0.4">
      <c r="A10534">
        <v>3500023</v>
      </c>
      <c r="B10534" t="s">
        <v>1636</v>
      </c>
      <c r="C10534" t="s">
        <v>9278</v>
      </c>
      <c r="D10534" t="s">
        <v>745</v>
      </c>
    </row>
    <row r="10535" spans="1:4" x14ac:dyDescent="0.4">
      <c r="A10535">
        <v>3500024</v>
      </c>
      <c r="B10535" t="s">
        <v>1636</v>
      </c>
      <c r="C10535" t="s">
        <v>9278</v>
      </c>
      <c r="D10535" t="s">
        <v>9354</v>
      </c>
    </row>
    <row r="10536" spans="1:4" x14ac:dyDescent="0.4">
      <c r="A10536">
        <v>3500025</v>
      </c>
      <c r="B10536" t="s">
        <v>1636</v>
      </c>
      <c r="C10536" t="s">
        <v>9278</v>
      </c>
      <c r="D10536" t="s">
        <v>9355</v>
      </c>
    </row>
    <row r="10537" spans="1:4" x14ac:dyDescent="0.4">
      <c r="A10537">
        <v>3500035</v>
      </c>
      <c r="B10537" t="s">
        <v>1636</v>
      </c>
      <c r="C10537" t="s">
        <v>9278</v>
      </c>
      <c r="D10537" t="s">
        <v>9356</v>
      </c>
    </row>
    <row r="10538" spans="1:4" x14ac:dyDescent="0.4">
      <c r="A10538">
        <v>2730039</v>
      </c>
      <c r="B10538" t="s">
        <v>0</v>
      </c>
      <c r="C10538" t="s">
        <v>7636</v>
      </c>
      <c r="D10538" t="s">
        <v>9357</v>
      </c>
    </row>
    <row r="10539" spans="1:4" x14ac:dyDescent="0.4">
      <c r="A10539">
        <v>2730025</v>
      </c>
      <c r="B10539" t="s">
        <v>0</v>
      </c>
      <c r="C10539" t="s">
        <v>7636</v>
      </c>
      <c r="D10539" t="s">
        <v>9358</v>
      </c>
    </row>
    <row r="10540" spans="1:4" x14ac:dyDescent="0.4">
      <c r="A10540">
        <v>2740066</v>
      </c>
      <c r="B10540" t="s">
        <v>0</v>
      </c>
      <c r="C10540" t="s">
        <v>7636</v>
      </c>
      <c r="D10540" t="s">
        <v>9359</v>
      </c>
    </row>
    <row r="10541" spans="1:4" x14ac:dyDescent="0.4">
      <c r="A10541">
        <v>2740067</v>
      </c>
      <c r="B10541" t="s">
        <v>0</v>
      </c>
      <c r="C10541" t="s">
        <v>7636</v>
      </c>
      <c r="D10541" t="s">
        <v>9360</v>
      </c>
    </row>
    <row r="10542" spans="1:4" x14ac:dyDescent="0.4">
      <c r="A10542">
        <v>2740068</v>
      </c>
      <c r="B10542" t="s">
        <v>0</v>
      </c>
      <c r="C10542" t="s">
        <v>7636</v>
      </c>
      <c r="D10542" t="s">
        <v>9361</v>
      </c>
    </row>
    <row r="10543" spans="1:4" x14ac:dyDescent="0.4">
      <c r="A10543">
        <v>2740082</v>
      </c>
      <c r="B10543" t="s">
        <v>0</v>
      </c>
      <c r="C10543" t="s">
        <v>7636</v>
      </c>
      <c r="D10543" t="s">
        <v>9362</v>
      </c>
    </row>
    <row r="10544" spans="1:4" x14ac:dyDescent="0.4">
      <c r="A10544">
        <v>2730021</v>
      </c>
      <c r="B10544" t="s">
        <v>0</v>
      </c>
      <c r="C10544" t="s">
        <v>7636</v>
      </c>
      <c r="D10544" t="s">
        <v>9363</v>
      </c>
    </row>
    <row r="10545" spans="1:4" x14ac:dyDescent="0.4">
      <c r="A10545">
        <v>2730022</v>
      </c>
      <c r="B10545" t="s">
        <v>0</v>
      </c>
      <c r="C10545" t="s">
        <v>7636</v>
      </c>
      <c r="D10545" t="s">
        <v>9364</v>
      </c>
    </row>
    <row r="10546" spans="1:4" x14ac:dyDescent="0.4">
      <c r="A10546">
        <v>2730028</v>
      </c>
      <c r="B10546" t="s">
        <v>0</v>
      </c>
      <c r="C10546" t="s">
        <v>7636</v>
      </c>
      <c r="D10546" t="s">
        <v>9365</v>
      </c>
    </row>
    <row r="10547" spans="1:4" x14ac:dyDescent="0.4">
      <c r="A10547">
        <v>2730027</v>
      </c>
      <c r="B10547" t="s">
        <v>0</v>
      </c>
      <c r="C10547" t="s">
        <v>7636</v>
      </c>
      <c r="D10547" t="s">
        <v>9366</v>
      </c>
    </row>
    <row r="10548" spans="1:4" x14ac:dyDescent="0.4">
      <c r="A10548">
        <v>2730024</v>
      </c>
      <c r="B10548" t="s">
        <v>0</v>
      </c>
      <c r="C10548" t="s">
        <v>7636</v>
      </c>
      <c r="D10548" t="s">
        <v>9367</v>
      </c>
    </row>
    <row r="10549" spans="1:4" x14ac:dyDescent="0.4">
      <c r="A10549">
        <v>2730032</v>
      </c>
      <c r="B10549" t="s">
        <v>0</v>
      </c>
      <c r="C10549" t="s">
        <v>7636</v>
      </c>
      <c r="D10549" t="s">
        <v>9368</v>
      </c>
    </row>
    <row r="10550" spans="1:4" x14ac:dyDescent="0.4">
      <c r="A10550">
        <v>2730853</v>
      </c>
      <c r="B10550" t="s">
        <v>0</v>
      </c>
      <c r="C10550" t="s">
        <v>7636</v>
      </c>
      <c r="D10550" t="s">
        <v>3606</v>
      </c>
    </row>
    <row r="10551" spans="1:4" x14ac:dyDescent="0.4">
      <c r="A10551">
        <v>2730852</v>
      </c>
      <c r="B10551" t="s">
        <v>0</v>
      </c>
      <c r="C10551" t="s">
        <v>7636</v>
      </c>
      <c r="D10551" t="s">
        <v>9369</v>
      </c>
    </row>
    <row r="10552" spans="1:4" x14ac:dyDescent="0.4">
      <c r="A10552">
        <v>2730854</v>
      </c>
      <c r="B10552" t="s">
        <v>0</v>
      </c>
      <c r="C10552" t="s">
        <v>7636</v>
      </c>
      <c r="D10552" t="s">
        <v>9370</v>
      </c>
    </row>
    <row r="10553" spans="1:4" x14ac:dyDescent="0.4">
      <c r="A10553">
        <v>2740054</v>
      </c>
      <c r="B10553" t="s">
        <v>0</v>
      </c>
      <c r="C10553" t="s">
        <v>7636</v>
      </c>
      <c r="D10553" t="s">
        <v>9371</v>
      </c>
    </row>
    <row r="10554" spans="1:4" x14ac:dyDescent="0.4">
      <c r="A10554">
        <v>2730046</v>
      </c>
      <c r="B10554" t="s">
        <v>0</v>
      </c>
      <c r="C10554" t="s">
        <v>7636</v>
      </c>
      <c r="D10554" t="s">
        <v>9372</v>
      </c>
    </row>
    <row r="10555" spans="1:4" x14ac:dyDescent="0.4">
      <c r="A10555">
        <v>2730864</v>
      </c>
      <c r="B10555" t="s">
        <v>0</v>
      </c>
      <c r="C10555" t="s">
        <v>7636</v>
      </c>
      <c r="D10555" t="s">
        <v>9373</v>
      </c>
    </row>
    <row r="10556" spans="1:4" x14ac:dyDescent="0.4">
      <c r="A10556">
        <v>2730044</v>
      </c>
      <c r="B10556" t="s">
        <v>0</v>
      </c>
      <c r="C10556" t="s">
        <v>7636</v>
      </c>
      <c r="D10556" t="s">
        <v>4191</v>
      </c>
    </row>
    <row r="10557" spans="1:4" x14ac:dyDescent="0.4">
      <c r="A10557">
        <v>2730043</v>
      </c>
      <c r="B10557" t="s">
        <v>0</v>
      </c>
      <c r="C10557" t="s">
        <v>7636</v>
      </c>
      <c r="D10557" t="s">
        <v>9374</v>
      </c>
    </row>
    <row r="10558" spans="1:4" x14ac:dyDescent="0.4">
      <c r="A10558">
        <v>2740055</v>
      </c>
      <c r="B10558" t="s">
        <v>0</v>
      </c>
      <c r="C10558" t="s">
        <v>7636</v>
      </c>
      <c r="D10558" t="s">
        <v>9375</v>
      </c>
    </row>
    <row r="10559" spans="1:4" x14ac:dyDescent="0.4">
      <c r="A10559">
        <v>2740051</v>
      </c>
      <c r="B10559" t="s">
        <v>0</v>
      </c>
      <c r="C10559" t="s">
        <v>7636</v>
      </c>
      <c r="D10559" t="s">
        <v>9376</v>
      </c>
    </row>
    <row r="10560" spans="1:4" x14ac:dyDescent="0.4">
      <c r="A10560">
        <v>2740801</v>
      </c>
      <c r="B10560" t="s">
        <v>0</v>
      </c>
      <c r="C10560" t="s">
        <v>7636</v>
      </c>
      <c r="D10560" t="s">
        <v>1332</v>
      </c>
    </row>
    <row r="10561" spans="1:4" x14ac:dyDescent="0.4">
      <c r="A10561">
        <v>2730037</v>
      </c>
      <c r="B10561" t="s">
        <v>0</v>
      </c>
      <c r="C10561" t="s">
        <v>7636</v>
      </c>
      <c r="D10561" t="s">
        <v>9377</v>
      </c>
    </row>
    <row r="10562" spans="1:4" x14ac:dyDescent="0.4">
      <c r="A10562">
        <v>2730038</v>
      </c>
      <c r="B10562" t="s">
        <v>0</v>
      </c>
      <c r="C10562" t="s">
        <v>7636</v>
      </c>
      <c r="D10562" t="s">
        <v>9378</v>
      </c>
    </row>
    <row r="10563" spans="1:4" x14ac:dyDescent="0.4">
      <c r="A10563">
        <v>2740081</v>
      </c>
      <c r="B10563" t="s">
        <v>0</v>
      </c>
      <c r="C10563" t="s">
        <v>7636</v>
      </c>
      <c r="D10563" t="s">
        <v>9379</v>
      </c>
    </row>
    <row r="10564" spans="1:4" x14ac:dyDescent="0.4">
      <c r="A10564">
        <v>2701471</v>
      </c>
      <c r="B10564" t="s">
        <v>0</v>
      </c>
      <c r="C10564" t="s">
        <v>7636</v>
      </c>
      <c r="D10564" t="s">
        <v>9380</v>
      </c>
    </row>
    <row r="10565" spans="1:4" x14ac:dyDescent="0.4">
      <c r="A10565">
        <v>2730861</v>
      </c>
      <c r="B10565" t="s">
        <v>0</v>
      </c>
      <c r="C10565" t="s">
        <v>7636</v>
      </c>
      <c r="D10565" t="s">
        <v>9381</v>
      </c>
    </row>
    <row r="10566" spans="1:4" x14ac:dyDescent="0.4">
      <c r="A10566">
        <v>2740061</v>
      </c>
      <c r="B10566" t="s">
        <v>0</v>
      </c>
      <c r="C10566" t="s">
        <v>7636</v>
      </c>
      <c r="D10566" t="s">
        <v>9382</v>
      </c>
    </row>
    <row r="10567" spans="1:4" x14ac:dyDescent="0.4">
      <c r="A10567">
        <v>2730018</v>
      </c>
      <c r="B10567" t="s">
        <v>0</v>
      </c>
      <c r="C10567" t="s">
        <v>7636</v>
      </c>
      <c r="D10567" t="s">
        <v>255</v>
      </c>
    </row>
    <row r="10568" spans="1:4" x14ac:dyDescent="0.4">
      <c r="A10568">
        <v>2740807</v>
      </c>
      <c r="B10568" t="s">
        <v>0</v>
      </c>
      <c r="C10568" t="s">
        <v>7636</v>
      </c>
      <c r="D10568" t="s">
        <v>9383</v>
      </c>
    </row>
    <row r="10569" spans="1:4" x14ac:dyDescent="0.4">
      <c r="A10569">
        <v>2730016</v>
      </c>
      <c r="B10569" t="s">
        <v>0</v>
      </c>
      <c r="C10569" t="s">
        <v>7636</v>
      </c>
      <c r="D10569" t="s">
        <v>7536</v>
      </c>
    </row>
    <row r="10570" spans="1:4" x14ac:dyDescent="0.4">
      <c r="A10570">
        <v>2740816</v>
      </c>
      <c r="B10570" t="s">
        <v>0</v>
      </c>
      <c r="C10570" t="s">
        <v>7636</v>
      </c>
      <c r="D10570" t="s">
        <v>7092</v>
      </c>
    </row>
    <row r="10571" spans="1:4" x14ac:dyDescent="0.4">
      <c r="A10571">
        <v>2740814</v>
      </c>
      <c r="B10571" t="s">
        <v>0</v>
      </c>
      <c r="C10571" t="s">
        <v>7636</v>
      </c>
      <c r="D10571" t="s">
        <v>9384</v>
      </c>
    </row>
    <row r="10572" spans="1:4" x14ac:dyDescent="0.4">
      <c r="A10572">
        <v>2740056</v>
      </c>
      <c r="B10572" t="s">
        <v>0</v>
      </c>
      <c r="C10572" t="s">
        <v>7636</v>
      </c>
      <c r="D10572" t="s">
        <v>9385</v>
      </c>
    </row>
    <row r="10573" spans="1:4" x14ac:dyDescent="0.4">
      <c r="A10573">
        <v>2740052</v>
      </c>
      <c r="B10573" t="s">
        <v>0</v>
      </c>
      <c r="C10573" t="s">
        <v>7636</v>
      </c>
      <c r="D10573" t="s">
        <v>9386</v>
      </c>
    </row>
    <row r="10574" spans="1:4" x14ac:dyDescent="0.4">
      <c r="A10574">
        <v>2730862</v>
      </c>
      <c r="B10574" t="s">
        <v>0</v>
      </c>
      <c r="C10574" t="s">
        <v>7636</v>
      </c>
      <c r="D10574" t="s">
        <v>9387</v>
      </c>
    </row>
    <row r="10575" spans="1:4" x14ac:dyDescent="0.4">
      <c r="A10575">
        <v>2730014</v>
      </c>
      <c r="B10575" t="s">
        <v>0</v>
      </c>
      <c r="C10575" t="s">
        <v>7636</v>
      </c>
      <c r="D10575" t="s">
        <v>9388</v>
      </c>
    </row>
    <row r="10576" spans="1:4" x14ac:dyDescent="0.4">
      <c r="A10576">
        <v>2740065</v>
      </c>
      <c r="B10576" t="s">
        <v>0</v>
      </c>
      <c r="C10576" t="s">
        <v>7636</v>
      </c>
      <c r="D10576" t="s">
        <v>9389</v>
      </c>
    </row>
    <row r="10577" spans="1:4" x14ac:dyDescent="0.4">
      <c r="A10577">
        <v>2740817</v>
      </c>
      <c r="B10577" t="s">
        <v>0</v>
      </c>
      <c r="C10577" t="s">
        <v>7636</v>
      </c>
      <c r="D10577" t="s">
        <v>11</v>
      </c>
    </row>
    <row r="10578" spans="1:4" x14ac:dyDescent="0.4">
      <c r="A10578">
        <v>2740074</v>
      </c>
      <c r="B10578" t="s">
        <v>0</v>
      </c>
      <c r="C10578" t="s">
        <v>7636</v>
      </c>
      <c r="D10578" t="s">
        <v>1952</v>
      </c>
    </row>
    <row r="10579" spans="1:4" x14ac:dyDescent="0.4">
      <c r="A10579">
        <v>2740075</v>
      </c>
      <c r="B10579" t="s">
        <v>0</v>
      </c>
      <c r="C10579" t="s">
        <v>7636</v>
      </c>
      <c r="D10579" t="s">
        <v>9390</v>
      </c>
    </row>
    <row r="10580" spans="1:4" x14ac:dyDescent="0.4">
      <c r="A10580">
        <v>2740073</v>
      </c>
      <c r="B10580" t="s">
        <v>0</v>
      </c>
      <c r="C10580" t="s">
        <v>7636</v>
      </c>
      <c r="D10580" t="s">
        <v>9391</v>
      </c>
    </row>
    <row r="10581" spans="1:4" x14ac:dyDescent="0.4">
      <c r="A10581">
        <v>2740062</v>
      </c>
      <c r="B10581" t="s">
        <v>0</v>
      </c>
      <c r="C10581" t="s">
        <v>7636</v>
      </c>
      <c r="D10581" t="s">
        <v>9392</v>
      </c>
    </row>
    <row r="10582" spans="1:4" x14ac:dyDescent="0.4">
      <c r="A10582">
        <v>2740053</v>
      </c>
      <c r="B10582" t="s">
        <v>0</v>
      </c>
      <c r="C10582" t="s">
        <v>7636</v>
      </c>
      <c r="D10582" t="s">
        <v>9393</v>
      </c>
    </row>
    <row r="10583" spans="1:4" x14ac:dyDescent="0.4">
      <c r="A10583">
        <v>2740826</v>
      </c>
      <c r="B10583" t="s">
        <v>0</v>
      </c>
      <c r="C10583" t="s">
        <v>7636</v>
      </c>
      <c r="D10583" t="s">
        <v>9394</v>
      </c>
    </row>
    <row r="10584" spans="1:4" x14ac:dyDescent="0.4">
      <c r="A10584">
        <v>2730865</v>
      </c>
      <c r="B10584" t="s">
        <v>0</v>
      </c>
      <c r="C10584" t="s">
        <v>7636</v>
      </c>
      <c r="D10584" t="s">
        <v>9395</v>
      </c>
    </row>
    <row r="10585" spans="1:4" x14ac:dyDescent="0.4">
      <c r="A10585">
        <v>2730866</v>
      </c>
      <c r="B10585" t="s">
        <v>0</v>
      </c>
      <c r="C10585" t="s">
        <v>7636</v>
      </c>
      <c r="D10585" t="s">
        <v>9396</v>
      </c>
    </row>
    <row r="10586" spans="1:4" x14ac:dyDescent="0.4">
      <c r="A10586">
        <v>2730867</v>
      </c>
      <c r="B10586" t="s">
        <v>0</v>
      </c>
      <c r="C10586" t="s">
        <v>7636</v>
      </c>
      <c r="D10586" t="s">
        <v>9397</v>
      </c>
    </row>
    <row r="10587" spans="1:4" x14ac:dyDescent="0.4">
      <c r="A10587">
        <v>2740821</v>
      </c>
      <c r="B10587" t="s">
        <v>0</v>
      </c>
      <c r="C10587" t="s">
        <v>7636</v>
      </c>
      <c r="D10587" t="s">
        <v>9398</v>
      </c>
    </row>
    <row r="10588" spans="1:4" x14ac:dyDescent="0.4">
      <c r="A10588">
        <v>2740071</v>
      </c>
      <c r="B10588" t="s">
        <v>0</v>
      </c>
      <c r="C10588" t="s">
        <v>7636</v>
      </c>
      <c r="D10588" t="s">
        <v>9399</v>
      </c>
    </row>
    <row r="10589" spans="1:4" x14ac:dyDescent="0.4">
      <c r="A10589">
        <v>2740063</v>
      </c>
      <c r="B10589" t="s">
        <v>0</v>
      </c>
      <c r="C10589" t="s">
        <v>7636</v>
      </c>
      <c r="D10589" t="s">
        <v>9400</v>
      </c>
    </row>
    <row r="10590" spans="1:4" x14ac:dyDescent="0.4">
      <c r="A10590">
        <v>2730017</v>
      </c>
      <c r="B10590" t="s">
        <v>0</v>
      </c>
      <c r="C10590" t="s">
        <v>7636</v>
      </c>
      <c r="D10590" t="s">
        <v>9401</v>
      </c>
    </row>
    <row r="10591" spans="1:4" x14ac:dyDescent="0.4">
      <c r="A10591">
        <v>2740815</v>
      </c>
      <c r="B10591" t="s">
        <v>0</v>
      </c>
      <c r="C10591" t="s">
        <v>7636</v>
      </c>
      <c r="D10591" t="s">
        <v>9402</v>
      </c>
    </row>
    <row r="10592" spans="1:4" x14ac:dyDescent="0.4">
      <c r="A10592">
        <v>2730031</v>
      </c>
      <c r="B10592" t="s">
        <v>0</v>
      </c>
      <c r="C10592" t="s">
        <v>7636</v>
      </c>
      <c r="D10592" t="s">
        <v>9403</v>
      </c>
    </row>
    <row r="10593" spans="1:4" x14ac:dyDescent="0.4">
      <c r="A10593">
        <v>2740823</v>
      </c>
      <c r="B10593" t="s">
        <v>0</v>
      </c>
      <c r="C10593" t="s">
        <v>7636</v>
      </c>
      <c r="D10593" t="s">
        <v>8610</v>
      </c>
    </row>
    <row r="10594" spans="1:4" x14ac:dyDescent="0.4">
      <c r="A10594">
        <v>2740822</v>
      </c>
      <c r="B10594" t="s">
        <v>0</v>
      </c>
      <c r="C10594" t="s">
        <v>7636</v>
      </c>
      <c r="D10594" t="s">
        <v>9404</v>
      </c>
    </row>
    <row r="10595" spans="1:4" x14ac:dyDescent="0.4">
      <c r="A10595">
        <v>2730012</v>
      </c>
      <c r="B10595" t="s">
        <v>0</v>
      </c>
      <c r="C10595" t="s">
        <v>7636</v>
      </c>
      <c r="D10595" t="s">
        <v>5602</v>
      </c>
    </row>
    <row r="10596" spans="1:4" x14ac:dyDescent="0.4">
      <c r="A10596">
        <v>2730036</v>
      </c>
      <c r="B10596" t="s">
        <v>0</v>
      </c>
      <c r="C10596" t="s">
        <v>7636</v>
      </c>
      <c r="D10596" t="s">
        <v>9405</v>
      </c>
    </row>
    <row r="10597" spans="1:4" x14ac:dyDescent="0.4">
      <c r="A10597">
        <v>2730002</v>
      </c>
      <c r="B10597" t="s">
        <v>0</v>
      </c>
      <c r="C10597" t="s">
        <v>7636</v>
      </c>
      <c r="D10597" t="s">
        <v>9406</v>
      </c>
    </row>
    <row r="10598" spans="1:4" x14ac:dyDescent="0.4">
      <c r="A10598">
        <v>2730015</v>
      </c>
      <c r="B10598" t="s">
        <v>0</v>
      </c>
      <c r="C10598" t="s">
        <v>7636</v>
      </c>
      <c r="D10598" t="s">
        <v>748</v>
      </c>
    </row>
    <row r="10599" spans="1:4" x14ac:dyDescent="0.4">
      <c r="A10599">
        <v>2730047</v>
      </c>
      <c r="B10599" t="s">
        <v>0</v>
      </c>
      <c r="C10599" t="s">
        <v>7636</v>
      </c>
      <c r="D10599" t="s">
        <v>9407</v>
      </c>
    </row>
    <row r="10600" spans="1:4" x14ac:dyDescent="0.4">
      <c r="A10600">
        <v>2730034</v>
      </c>
      <c r="B10600" t="s">
        <v>0</v>
      </c>
      <c r="C10600" t="s">
        <v>7636</v>
      </c>
      <c r="D10600" t="s">
        <v>9408</v>
      </c>
    </row>
    <row r="10601" spans="1:4" x14ac:dyDescent="0.4">
      <c r="A10601">
        <v>2740805</v>
      </c>
      <c r="B10601" t="s">
        <v>0</v>
      </c>
      <c r="C10601" t="s">
        <v>7636</v>
      </c>
      <c r="D10601" t="s">
        <v>9409</v>
      </c>
    </row>
    <row r="10602" spans="1:4" x14ac:dyDescent="0.4">
      <c r="A10602">
        <v>2740806</v>
      </c>
      <c r="B10602" t="s">
        <v>0</v>
      </c>
      <c r="C10602" t="s">
        <v>7636</v>
      </c>
      <c r="D10602" t="s">
        <v>9410</v>
      </c>
    </row>
    <row r="10603" spans="1:4" x14ac:dyDescent="0.4">
      <c r="A10603">
        <v>2730033</v>
      </c>
      <c r="B10603" t="s">
        <v>0</v>
      </c>
      <c r="C10603" t="s">
        <v>7636</v>
      </c>
      <c r="D10603" t="s">
        <v>1607</v>
      </c>
    </row>
    <row r="10604" spans="1:4" x14ac:dyDescent="0.4">
      <c r="A10604">
        <v>2730005</v>
      </c>
      <c r="B10604" t="s">
        <v>0</v>
      </c>
      <c r="C10604" t="s">
        <v>7636</v>
      </c>
      <c r="D10604" t="s">
        <v>403</v>
      </c>
    </row>
    <row r="10605" spans="1:4" x14ac:dyDescent="0.4">
      <c r="A10605">
        <v>2740824</v>
      </c>
      <c r="B10605" t="s">
        <v>0</v>
      </c>
      <c r="C10605" t="s">
        <v>7636</v>
      </c>
      <c r="D10605" t="s">
        <v>9411</v>
      </c>
    </row>
    <row r="10606" spans="1:4" x14ac:dyDescent="0.4">
      <c r="A10606">
        <v>2740825</v>
      </c>
      <c r="B10606" t="s">
        <v>0</v>
      </c>
      <c r="C10606" t="s">
        <v>7636</v>
      </c>
      <c r="D10606" t="s">
        <v>9412</v>
      </c>
    </row>
    <row r="10607" spans="1:4" x14ac:dyDescent="0.4">
      <c r="A10607">
        <v>2730042</v>
      </c>
      <c r="B10607" t="s">
        <v>0</v>
      </c>
      <c r="C10607" t="s">
        <v>7636</v>
      </c>
      <c r="D10607" t="s">
        <v>9413</v>
      </c>
    </row>
    <row r="10608" spans="1:4" x14ac:dyDescent="0.4">
      <c r="A10608">
        <v>2730851</v>
      </c>
      <c r="B10608" t="s">
        <v>0</v>
      </c>
      <c r="C10608" t="s">
        <v>7636</v>
      </c>
      <c r="D10608" t="s">
        <v>9414</v>
      </c>
    </row>
    <row r="10609" spans="1:4" x14ac:dyDescent="0.4">
      <c r="A10609">
        <v>2740064</v>
      </c>
      <c r="B10609" t="s">
        <v>0</v>
      </c>
      <c r="C10609" t="s">
        <v>7636</v>
      </c>
      <c r="D10609" t="s">
        <v>5839</v>
      </c>
    </row>
    <row r="10610" spans="1:4" x14ac:dyDescent="0.4">
      <c r="A10610">
        <v>2730048</v>
      </c>
      <c r="B10610" t="s">
        <v>0</v>
      </c>
      <c r="C10610" t="s">
        <v>7636</v>
      </c>
      <c r="D10610" t="s">
        <v>2482</v>
      </c>
    </row>
    <row r="10611" spans="1:4" x14ac:dyDescent="0.4">
      <c r="A10611">
        <v>2740812</v>
      </c>
      <c r="B10611" t="s">
        <v>0</v>
      </c>
      <c r="C10611" t="s">
        <v>7636</v>
      </c>
      <c r="D10611" t="s">
        <v>9415</v>
      </c>
    </row>
    <row r="10612" spans="1:4" x14ac:dyDescent="0.4">
      <c r="A10612">
        <v>2740811</v>
      </c>
      <c r="B10612" t="s">
        <v>0</v>
      </c>
      <c r="C10612" t="s">
        <v>7636</v>
      </c>
      <c r="D10612" t="s">
        <v>9416</v>
      </c>
    </row>
    <row r="10613" spans="1:4" x14ac:dyDescent="0.4">
      <c r="A10613">
        <v>2740818</v>
      </c>
      <c r="B10613" t="s">
        <v>0</v>
      </c>
      <c r="C10613" t="s">
        <v>7636</v>
      </c>
      <c r="D10613" t="s">
        <v>508</v>
      </c>
    </row>
    <row r="10614" spans="1:4" x14ac:dyDescent="0.4">
      <c r="A10614">
        <v>2730011</v>
      </c>
      <c r="B10614" t="s">
        <v>0</v>
      </c>
      <c r="C10614" t="s">
        <v>7636</v>
      </c>
      <c r="D10614" t="s">
        <v>5433</v>
      </c>
    </row>
    <row r="10615" spans="1:4" x14ac:dyDescent="0.4">
      <c r="A10615">
        <v>2730023</v>
      </c>
      <c r="B10615" t="s">
        <v>0</v>
      </c>
      <c r="C10615" t="s">
        <v>7636</v>
      </c>
      <c r="D10615" t="s">
        <v>9417</v>
      </c>
    </row>
    <row r="10616" spans="1:4" x14ac:dyDescent="0.4">
      <c r="A10616">
        <v>2730004</v>
      </c>
      <c r="B10616" t="s">
        <v>0</v>
      </c>
      <c r="C10616" t="s">
        <v>7636</v>
      </c>
      <c r="D10616" t="s">
        <v>1859</v>
      </c>
    </row>
    <row r="10617" spans="1:4" x14ac:dyDescent="0.4">
      <c r="A10617">
        <v>2740813</v>
      </c>
      <c r="B10617" t="s">
        <v>0</v>
      </c>
      <c r="C10617" t="s">
        <v>7636</v>
      </c>
      <c r="D10617" t="s">
        <v>9418</v>
      </c>
    </row>
    <row r="10618" spans="1:4" x14ac:dyDescent="0.4">
      <c r="A10618">
        <v>2740804</v>
      </c>
      <c r="B10618" t="s">
        <v>0</v>
      </c>
      <c r="C10618" t="s">
        <v>7636</v>
      </c>
      <c r="D10618" t="s">
        <v>9419</v>
      </c>
    </row>
    <row r="10619" spans="1:4" x14ac:dyDescent="0.4">
      <c r="A10619">
        <v>2740072</v>
      </c>
      <c r="B10619" t="s">
        <v>0</v>
      </c>
      <c r="C10619" t="s">
        <v>7636</v>
      </c>
      <c r="D10619" t="s">
        <v>4412</v>
      </c>
    </row>
    <row r="10620" spans="1:4" x14ac:dyDescent="0.4">
      <c r="A10620">
        <v>2730003</v>
      </c>
      <c r="B10620" t="s">
        <v>0</v>
      </c>
      <c r="C10620" t="s">
        <v>7636</v>
      </c>
      <c r="D10620" t="s">
        <v>399</v>
      </c>
    </row>
    <row r="10621" spans="1:4" x14ac:dyDescent="0.4">
      <c r="A10621">
        <v>2730035</v>
      </c>
      <c r="B10621" t="s">
        <v>0</v>
      </c>
      <c r="C10621" t="s">
        <v>7636</v>
      </c>
      <c r="D10621" t="s">
        <v>9420</v>
      </c>
    </row>
    <row r="10622" spans="1:4" x14ac:dyDescent="0.4">
      <c r="A10622">
        <v>2740802</v>
      </c>
      <c r="B10622" t="s">
        <v>0</v>
      </c>
      <c r="C10622" t="s">
        <v>7636</v>
      </c>
      <c r="D10622" t="s">
        <v>9421</v>
      </c>
    </row>
    <row r="10623" spans="1:4" x14ac:dyDescent="0.4">
      <c r="A10623">
        <v>2740803</v>
      </c>
      <c r="B10623" t="s">
        <v>0</v>
      </c>
      <c r="C10623" t="s">
        <v>7636</v>
      </c>
      <c r="D10623" t="s">
        <v>9422</v>
      </c>
    </row>
    <row r="10624" spans="1:4" x14ac:dyDescent="0.4">
      <c r="A10624">
        <v>2740077</v>
      </c>
      <c r="B10624" t="s">
        <v>0</v>
      </c>
      <c r="C10624" t="s">
        <v>7636</v>
      </c>
      <c r="D10624" t="s">
        <v>9423</v>
      </c>
    </row>
    <row r="10625" spans="1:4" x14ac:dyDescent="0.4">
      <c r="A10625">
        <v>2740076</v>
      </c>
      <c r="B10625" t="s">
        <v>0</v>
      </c>
      <c r="C10625" t="s">
        <v>7636</v>
      </c>
      <c r="D10625" t="s">
        <v>9424</v>
      </c>
    </row>
    <row r="10626" spans="1:4" x14ac:dyDescent="0.4">
      <c r="A10626">
        <v>2730045</v>
      </c>
      <c r="B10626" t="s">
        <v>0</v>
      </c>
      <c r="C10626" t="s">
        <v>7636</v>
      </c>
      <c r="D10626" t="s">
        <v>9425</v>
      </c>
    </row>
    <row r="10627" spans="1:4" x14ac:dyDescent="0.4">
      <c r="A10627">
        <v>2730026</v>
      </c>
      <c r="B10627" t="s">
        <v>0</v>
      </c>
      <c r="C10627" t="s">
        <v>7636</v>
      </c>
      <c r="D10627" t="s">
        <v>9426</v>
      </c>
    </row>
    <row r="10628" spans="1:4" x14ac:dyDescent="0.4">
      <c r="A10628">
        <v>2730013</v>
      </c>
      <c r="B10628" t="s">
        <v>0</v>
      </c>
      <c r="C10628" t="s">
        <v>7636</v>
      </c>
      <c r="D10628" t="s">
        <v>761</v>
      </c>
    </row>
    <row r="10629" spans="1:4" x14ac:dyDescent="0.4">
      <c r="A10629">
        <v>2940000</v>
      </c>
      <c r="B10629" t="s">
        <v>0</v>
      </c>
      <c r="C10629" t="s">
        <v>9427</v>
      </c>
    </row>
    <row r="10630" spans="1:4" x14ac:dyDescent="0.4">
      <c r="A10630">
        <v>2940235</v>
      </c>
      <c r="B10630" t="s">
        <v>0</v>
      </c>
      <c r="C10630" t="s">
        <v>9427</v>
      </c>
      <c r="D10630" t="s">
        <v>9428</v>
      </c>
    </row>
    <row r="10631" spans="1:4" x14ac:dyDescent="0.4">
      <c r="A10631">
        <v>2940043</v>
      </c>
      <c r="B10631" t="s">
        <v>0</v>
      </c>
      <c r="C10631" t="s">
        <v>9427</v>
      </c>
      <c r="D10631" t="s">
        <v>9429</v>
      </c>
    </row>
    <row r="10632" spans="1:4" x14ac:dyDescent="0.4">
      <c r="A10632">
        <v>2940005</v>
      </c>
      <c r="B10632" t="s">
        <v>0</v>
      </c>
      <c r="C10632" t="s">
        <v>9427</v>
      </c>
      <c r="D10632" t="s">
        <v>9430</v>
      </c>
    </row>
    <row r="10633" spans="1:4" x14ac:dyDescent="0.4">
      <c r="A10633">
        <v>2940016</v>
      </c>
      <c r="B10633" t="s">
        <v>0</v>
      </c>
      <c r="C10633" t="s">
        <v>9427</v>
      </c>
      <c r="D10633" t="s">
        <v>593</v>
      </c>
    </row>
    <row r="10634" spans="1:4" x14ac:dyDescent="0.4">
      <c r="A10634">
        <v>2940026</v>
      </c>
      <c r="B10634" t="s">
        <v>0</v>
      </c>
      <c r="C10634" t="s">
        <v>9427</v>
      </c>
      <c r="D10634" t="s">
        <v>9431</v>
      </c>
    </row>
    <row r="10635" spans="1:4" x14ac:dyDescent="0.4">
      <c r="A10635">
        <v>2940314</v>
      </c>
      <c r="B10635" t="s">
        <v>0</v>
      </c>
      <c r="C10635" t="s">
        <v>9427</v>
      </c>
      <c r="D10635" t="s">
        <v>9432</v>
      </c>
    </row>
    <row r="10636" spans="1:4" x14ac:dyDescent="0.4">
      <c r="A10636">
        <v>2940012</v>
      </c>
      <c r="B10636" t="s">
        <v>0</v>
      </c>
      <c r="C10636" t="s">
        <v>9427</v>
      </c>
      <c r="D10636" t="s">
        <v>9433</v>
      </c>
    </row>
    <row r="10637" spans="1:4" x14ac:dyDescent="0.4">
      <c r="A10637">
        <v>2940226</v>
      </c>
      <c r="B10637" t="s">
        <v>0</v>
      </c>
      <c r="C10637" t="s">
        <v>9427</v>
      </c>
      <c r="D10637" t="s">
        <v>9434</v>
      </c>
    </row>
    <row r="10638" spans="1:4" x14ac:dyDescent="0.4">
      <c r="A10638">
        <v>2940042</v>
      </c>
      <c r="B10638" t="s">
        <v>0</v>
      </c>
      <c r="C10638" t="s">
        <v>9427</v>
      </c>
      <c r="D10638" t="s">
        <v>9435</v>
      </c>
    </row>
    <row r="10639" spans="1:4" x14ac:dyDescent="0.4">
      <c r="A10639">
        <v>2940009</v>
      </c>
      <c r="B10639" t="s">
        <v>0</v>
      </c>
      <c r="C10639" t="s">
        <v>9427</v>
      </c>
      <c r="D10639" t="s">
        <v>9436</v>
      </c>
    </row>
    <row r="10640" spans="1:4" x14ac:dyDescent="0.4">
      <c r="A10640">
        <v>2940044</v>
      </c>
      <c r="B10640" t="s">
        <v>0</v>
      </c>
      <c r="C10640" t="s">
        <v>9427</v>
      </c>
      <c r="D10640" t="s">
        <v>7040</v>
      </c>
    </row>
    <row r="10641" spans="1:4" x14ac:dyDescent="0.4">
      <c r="A10641">
        <v>2940002</v>
      </c>
      <c r="B10641" t="s">
        <v>0</v>
      </c>
      <c r="C10641" t="s">
        <v>9427</v>
      </c>
      <c r="D10641" t="s">
        <v>2716</v>
      </c>
    </row>
    <row r="10642" spans="1:4" x14ac:dyDescent="0.4">
      <c r="A10642">
        <v>2940031</v>
      </c>
      <c r="B10642" t="s">
        <v>0</v>
      </c>
      <c r="C10642" t="s">
        <v>9427</v>
      </c>
      <c r="D10642" t="s">
        <v>9437</v>
      </c>
    </row>
    <row r="10643" spans="1:4" x14ac:dyDescent="0.4">
      <c r="A10643">
        <v>2940025</v>
      </c>
      <c r="B10643" t="s">
        <v>0</v>
      </c>
      <c r="C10643" t="s">
        <v>9427</v>
      </c>
      <c r="D10643" t="s">
        <v>619</v>
      </c>
    </row>
    <row r="10644" spans="1:4" x14ac:dyDescent="0.4">
      <c r="A10644">
        <v>2940024</v>
      </c>
      <c r="B10644" t="s">
        <v>0</v>
      </c>
      <c r="C10644" t="s">
        <v>9427</v>
      </c>
      <c r="D10644" t="s">
        <v>1942</v>
      </c>
    </row>
    <row r="10645" spans="1:4" x14ac:dyDescent="0.4">
      <c r="A10645">
        <v>2940306</v>
      </c>
      <c r="B10645" t="s">
        <v>0</v>
      </c>
      <c r="C10645" t="s">
        <v>9427</v>
      </c>
      <c r="D10645" t="s">
        <v>9438</v>
      </c>
    </row>
    <row r="10646" spans="1:4" x14ac:dyDescent="0.4">
      <c r="A10646">
        <v>2940032</v>
      </c>
      <c r="B10646" t="s">
        <v>0</v>
      </c>
      <c r="C10646" t="s">
        <v>9427</v>
      </c>
      <c r="D10646" t="s">
        <v>9439</v>
      </c>
    </row>
    <row r="10647" spans="1:4" x14ac:dyDescent="0.4">
      <c r="A10647">
        <v>2940023</v>
      </c>
      <c r="B10647" t="s">
        <v>0</v>
      </c>
      <c r="C10647" t="s">
        <v>9427</v>
      </c>
      <c r="D10647" t="s">
        <v>9440</v>
      </c>
    </row>
    <row r="10648" spans="1:4" x14ac:dyDescent="0.4">
      <c r="A10648">
        <v>2940038</v>
      </c>
      <c r="B10648" t="s">
        <v>0</v>
      </c>
      <c r="C10648" t="s">
        <v>9427</v>
      </c>
      <c r="D10648" t="s">
        <v>9441</v>
      </c>
    </row>
    <row r="10649" spans="1:4" x14ac:dyDescent="0.4">
      <c r="A10649">
        <v>2940052</v>
      </c>
      <c r="B10649" t="s">
        <v>0</v>
      </c>
      <c r="C10649" t="s">
        <v>9427</v>
      </c>
      <c r="D10649" t="s">
        <v>9442</v>
      </c>
    </row>
    <row r="10650" spans="1:4" x14ac:dyDescent="0.4">
      <c r="A10650">
        <v>2940057</v>
      </c>
      <c r="B10650" t="s">
        <v>0</v>
      </c>
      <c r="C10650" t="s">
        <v>9427</v>
      </c>
      <c r="D10650" t="s">
        <v>2089</v>
      </c>
    </row>
    <row r="10651" spans="1:4" x14ac:dyDescent="0.4">
      <c r="A10651">
        <v>2940305</v>
      </c>
      <c r="B10651" t="s">
        <v>0</v>
      </c>
      <c r="C10651" t="s">
        <v>9427</v>
      </c>
      <c r="D10651" t="s">
        <v>9443</v>
      </c>
    </row>
    <row r="10652" spans="1:4" x14ac:dyDescent="0.4">
      <c r="A10652">
        <v>2940301</v>
      </c>
      <c r="B10652" t="s">
        <v>0</v>
      </c>
      <c r="C10652" t="s">
        <v>9427</v>
      </c>
      <c r="D10652" t="s">
        <v>9444</v>
      </c>
    </row>
    <row r="10653" spans="1:4" x14ac:dyDescent="0.4">
      <c r="A10653">
        <v>2940018</v>
      </c>
      <c r="B10653" t="s">
        <v>0</v>
      </c>
      <c r="C10653" t="s">
        <v>9427</v>
      </c>
      <c r="D10653" t="s">
        <v>7597</v>
      </c>
    </row>
    <row r="10654" spans="1:4" x14ac:dyDescent="0.4">
      <c r="A10654">
        <v>2940007</v>
      </c>
      <c r="B10654" t="s">
        <v>0</v>
      </c>
      <c r="C10654" t="s">
        <v>9427</v>
      </c>
      <c r="D10654" t="s">
        <v>3189</v>
      </c>
    </row>
    <row r="10655" spans="1:4" x14ac:dyDescent="0.4">
      <c r="A10655">
        <v>2940312</v>
      </c>
      <c r="B10655" t="s">
        <v>0</v>
      </c>
      <c r="C10655" t="s">
        <v>9427</v>
      </c>
      <c r="D10655" t="s">
        <v>9445</v>
      </c>
    </row>
    <row r="10656" spans="1:4" x14ac:dyDescent="0.4">
      <c r="A10656">
        <v>2940058</v>
      </c>
      <c r="B10656" t="s">
        <v>0</v>
      </c>
      <c r="C10656" t="s">
        <v>9427</v>
      </c>
      <c r="D10656" t="s">
        <v>9446</v>
      </c>
    </row>
    <row r="10657" spans="1:4" x14ac:dyDescent="0.4">
      <c r="A10657">
        <v>2940015</v>
      </c>
      <c r="B10657" t="s">
        <v>0</v>
      </c>
      <c r="C10657" t="s">
        <v>9427</v>
      </c>
      <c r="D10657" t="s">
        <v>9447</v>
      </c>
    </row>
    <row r="10658" spans="1:4" x14ac:dyDescent="0.4">
      <c r="A10658">
        <v>2940311</v>
      </c>
      <c r="B10658" t="s">
        <v>0</v>
      </c>
      <c r="C10658" t="s">
        <v>9427</v>
      </c>
      <c r="D10658" t="s">
        <v>9448</v>
      </c>
    </row>
    <row r="10659" spans="1:4" x14ac:dyDescent="0.4">
      <c r="A10659">
        <v>2940313</v>
      </c>
      <c r="B10659" t="s">
        <v>0</v>
      </c>
      <c r="C10659" t="s">
        <v>9427</v>
      </c>
      <c r="D10659" t="s">
        <v>9449</v>
      </c>
    </row>
    <row r="10660" spans="1:4" x14ac:dyDescent="0.4">
      <c r="A10660">
        <v>2940029</v>
      </c>
      <c r="B10660" t="s">
        <v>0</v>
      </c>
      <c r="C10660" t="s">
        <v>9427</v>
      </c>
      <c r="D10660" t="s">
        <v>9450</v>
      </c>
    </row>
    <row r="10661" spans="1:4" x14ac:dyDescent="0.4">
      <c r="A10661">
        <v>2940225</v>
      </c>
      <c r="B10661" t="s">
        <v>0</v>
      </c>
      <c r="C10661" t="s">
        <v>9427</v>
      </c>
      <c r="D10661" t="s">
        <v>167</v>
      </c>
    </row>
    <row r="10662" spans="1:4" x14ac:dyDescent="0.4">
      <c r="A10662">
        <v>2940302</v>
      </c>
      <c r="B10662" t="s">
        <v>0</v>
      </c>
      <c r="C10662" t="s">
        <v>9427</v>
      </c>
      <c r="D10662" t="s">
        <v>9451</v>
      </c>
    </row>
    <row r="10663" spans="1:4" x14ac:dyDescent="0.4">
      <c r="A10663">
        <v>2940048</v>
      </c>
      <c r="B10663" t="s">
        <v>0</v>
      </c>
      <c r="C10663" t="s">
        <v>9427</v>
      </c>
      <c r="D10663" t="s">
        <v>9452</v>
      </c>
    </row>
    <row r="10664" spans="1:4" x14ac:dyDescent="0.4">
      <c r="A10664">
        <v>2940046</v>
      </c>
      <c r="B10664" t="s">
        <v>0</v>
      </c>
      <c r="C10664" t="s">
        <v>9427</v>
      </c>
      <c r="D10664" t="s">
        <v>177</v>
      </c>
    </row>
    <row r="10665" spans="1:4" x14ac:dyDescent="0.4">
      <c r="A10665">
        <v>2940316</v>
      </c>
      <c r="B10665" t="s">
        <v>0</v>
      </c>
      <c r="C10665" t="s">
        <v>9427</v>
      </c>
      <c r="D10665" t="s">
        <v>9453</v>
      </c>
    </row>
    <row r="10666" spans="1:4" x14ac:dyDescent="0.4">
      <c r="A10666">
        <v>2940223</v>
      </c>
      <c r="B10666" t="s">
        <v>0</v>
      </c>
      <c r="C10666" t="s">
        <v>9427</v>
      </c>
      <c r="D10666" t="s">
        <v>9454</v>
      </c>
    </row>
    <row r="10667" spans="1:4" x14ac:dyDescent="0.4">
      <c r="A10667">
        <v>2940006</v>
      </c>
      <c r="B10667" t="s">
        <v>0</v>
      </c>
      <c r="C10667" t="s">
        <v>9427</v>
      </c>
      <c r="D10667" t="s">
        <v>9455</v>
      </c>
    </row>
    <row r="10668" spans="1:4" x14ac:dyDescent="0.4">
      <c r="A10668">
        <v>2940233</v>
      </c>
      <c r="B10668" t="s">
        <v>0</v>
      </c>
      <c r="C10668" t="s">
        <v>9427</v>
      </c>
      <c r="D10668" t="s">
        <v>9456</v>
      </c>
    </row>
    <row r="10669" spans="1:4" x14ac:dyDescent="0.4">
      <c r="A10669">
        <v>2940041</v>
      </c>
      <c r="B10669" t="s">
        <v>0</v>
      </c>
      <c r="C10669" t="s">
        <v>9427</v>
      </c>
      <c r="D10669" t="s">
        <v>9457</v>
      </c>
    </row>
    <row r="10670" spans="1:4" x14ac:dyDescent="0.4">
      <c r="A10670">
        <v>2940001</v>
      </c>
      <c r="B10670" t="s">
        <v>0</v>
      </c>
      <c r="C10670" t="s">
        <v>9427</v>
      </c>
      <c r="D10670" t="s">
        <v>9458</v>
      </c>
    </row>
    <row r="10671" spans="1:4" x14ac:dyDescent="0.4">
      <c r="A10671">
        <v>2940036</v>
      </c>
      <c r="B10671" t="s">
        <v>0</v>
      </c>
      <c r="C10671" t="s">
        <v>9427</v>
      </c>
      <c r="D10671" t="s">
        <v>9459</v>
      </c>
    </row>
    <row r="10672" spans="1:4" x14ac:dyDescent="0.4">
      <c r="A10672">
        <v>2940231</v>
      </c>
      <c r="B10672" t="s">
        <v>0</v>
      </c>
      <c r="C10672" t="s">
        <v>9427</v>
      </c>
      <c r="D10672" t="s">
        <v>191</v>
      </c>
    </row>
    <row r="10673" spans="1:4" x14ac:dyDescent="0.4">
      <c r="A10673">
        <v>2940037</v>
      </c>
      <c r="B10673" t="s">
        <v>0</v>
      </c>
      <c r="C10673" t="s">
        <v>9427</v>
      </c>
      <c r="D10673" t="s">
        <v>197</v>
      </c>
    </row>
    <row r="10674" spans="1:4" x14ac:dyDescent="0.4">
      <c r="A10674">
        <v>2940055</v>
      </c>
      <c r="B10674" t="s">
        <v>0</v>
      </c>
      <c r="C10674" t="s">
        <v>9427</v>
      </c>
      <c r="D10674" t="s">
        <v>9460</v>
      </c>
    </row>
    <row r="10675" spans="1:4" x14ac:dyDescent="0.4">
      <c r="A10675">
        <v>2940017</v>
      </c>
      <c r="B10675" t="s">
        <v>0</v>
      </c>
      <c r="C10675" t="s">
        <v>9427</v>
      </c>
      <c r="D10675" t="s">
        <v>9461</v>
      </c>
    </row>
    <row r="10676" spans="1:4" x14ac:dyDescent="0.4">
      <c r="A10676">
        <v>2940315</v>
      </c>
      <c r="B10676" t="s">
        <v>0</v>
      </c>
      <c r="C10676" t="s">
        <v>9427</v>
      </c>
      <c r="D10676" t="s">
        <v>9462</v>
      </c>
    </row>
    <row r="10677" spans="1:4" x14ac:dyDescent="0.4">
      <c r="A10677">
        <v>2940027</v>
      </c>
      <c r="B10677" t="s">
        <v>0</v>
      </c>
      <c r="C10677" t="s">
        <v>9427</v>
      </c>
      <c r="D10677" t="s">
        <v>9463</v>
      </c>
    </row>
    <row r="10678" spans="1:4" x14ac:dyDescent="0.4">
      <c r="A10678">
        <v>2940034</v>
      </c>
      <c r="B10678" t="s">
        <v>0</v>
      </c>
      <c r="C10678" t="s">
        <v>9427</v>
      </c>
      <c r="D10678" t="s">
        <v>9464</v>
      </c>
    </row>
    <row r="10679" spans="1:4" x14ac:dyDescent="0.4">
      <c r="A10679">
        <v>2940307</v>
      </c>
      <c r="B10679" t="s">
        <v>0</v>
      </c>
      <c r="C10679" t="s">
        <v>9427</v>
      </c>
      <c r="D10679" t="s">
        <v>9465</v>
      </c>
    </row>
    <row r="10680" spans="1:4" x14ac:dyDescent="0.4">
      <c r="A10680">
        <v>2940022</v>
      </c>
      <c r="B10680" t="s">
        <v>0</v>
      </c>
      <c r="C10680" t="s">
        <v>9427</v>
      </c>
      <c r="D10680" t="s">
        <v>811</v>
      </c>
    </row>
    <row r="10681" spans="1:4" x14ac:dyDescent="0.4">
      <c r="A10681">
        <v>2940303</v>
      </c>
      <c r="B10681" t="s">
        <v>0</v>
      </c>
      <c r="C10681" t="s">
        <v>9427</v>
      </c>
      <c r="D10681" t="s">
        <v>114</v>
      </c>
    </row>
    <row r="10682" spans="1:4" x14ac:dyDescent="0.4">
      <c r="A10682">
        <v>2940304</v>
      </c>
      <c r="B10682" t="s">
        <v>0</v>
      </c>
      <c r="C10682" t="s">
        <v>9427</v>
      </c>
      <c r="D10682" t="s">
        <v>9466</v>
      </c>
    </row>
    <row r="10683" spans="1:4" x14ac:dyDescent="0.4">
      <c r="A10683">
        <v>2940308</v>
      </c>
      <c r="B10683" t="s">
        <v>0</v>
      </c>
      <c r="C10683" t="s">
        <v>9427</v>
      </c>
      <c r="D10683" t="s">
        <v>4123</v>
      </c>
    </row>
    <row r="10684" spans="1:4" x14ac:dyDescent="0.4">
      <c r="A10684">
        <v>2940028</v>
      </c>
      <c r="B10684" t="s">
        <v>0</v>
      </c>
      <c r="C10684" t="s">
        <v>9427</v>
      </c>
      <c r="D10684" t="s">
        <v>9467</v>
      </c>
    </row>
    <row r="10685" spans="1:4" x14ac:dyDescent="0.4">
      <c r="A10685">
        <v>2940008</v>
      </c>
      <c r="B10685" t="s">
        <v>0</v>
      </c>
      <c r="C10685" t="s">
        <v>9427</v>
      </c>
      <c r="D10685" t="s">
        <v>460</v>
      </c>
    </row>
    <row r="10686" spans="1:4" x14ac:dyDescent="0.4">
      <c r="A10686">
        <v>2940035</v>
      </c>
      <c r="B10686" t="s">
        <v>0</v>
      </c>
      <c r="C10686" t="s">
        <v>9427</v>
      </c>
      <c r="D10686" t="s">
        <v>207</v>
      </c>
    </row>
    <row r="10687" spans="1:4" x14ac:dyDescent="0.4">
      <c r="A10687">
        <v>2940224</v>
      </c>
      <c r="B10687" t="s">
        <v>0</v>
      </c>
      <c r="C10687" t="s">
        <v>9427</v>
      </c>
      <c r="D10687" t="s">
        <v>9407</v>
      </c>
    </row>
    <row r="10688" spans="1:4" x14ac:dyDescent="0.4">
      <c r="A10688">
        <v>2940011</v>
      </c>
      <c r="B10688" t="s">
        <v>0</v>
      </c>
      <c r="C10688" t="s">
        <v>9427</v>
      </c>
      <c r="D10688" t="s">
        <v>4031</v>
      </c>
    </row>
    <row r="10689" spans="1:4" x14ac:dyDescent="0.4">
      <c r="A10689">
        <v>2940056</v>
      </c>
      <c r="B10689" t="s">
        <v>0</v>
      </c>
      <c r="C10689" t="s">
        <v>9427</v>
      </c>
      <c r="D10689" t="s">
        <v>3646</v>
      </c>
    </row>
    <row r="10690" spans="1:4" x14ac:dyDescent="0.4">
      <c r="A10690">
        <v>2940013</v>
      </c>
      <c r="B10690" t="s">
        <v>0</v>
      </c>
      <c r="C10690" t="s">
        <v>9427</v>
      </c>
      <c r="D10690" t="s">
        <v>9468</v>
      </c>
    </row>
    <row r="10691" spans="1:4" x14ac:dyDescent="0.4">
      <c r="A10691">
        <v>2940045</v>
      </c>
      <c r="B10691" t="s">
        <v>0</v>
      </c>
      <c r="C10691" t="s">
        <v>9427</v>
      </c>
      <c r="D10691" t="s">
        <v>9469</v>
      </c>
    </row>
    <row r="10692" spans="1:4" x14ac:dyDescent="0.4">
      <c r="A10692">
        <v>2940053</v>
      </c>
      <c r="B10692" t="s">
        <v>0</v>
      </c>
      <c r="C10692" t="s">
        <v>9427</v>
      </c>
      <c r="D10692" t="s">
        <v>9470</v>
      </c>
    </row>
    <row r="10693" spans="1:4" x14ac:dyDescent="0.4">
      <c r="A10693">
        <v>2940051</v>
      </c>
      <c r="B10693" t="s">
        <v>0</v>
      </c>
      <c r="C10693" t="s">
        <v>9427</v>
      </c>
      <c r="D10693" t="s">
        <v>2053</v>
      </c>
    </row>
    <row r="10694" spans="1:4" x14ac:dyDescent="0.4">
      <c r="A10694">
        <v>2940004</v>
      </c>
      <c r="B10694" t="s">
        <v>0</v>
      </c>
      <c r="C10694" t="s">
        <v>9427</v>
      </c>
      <c r="D10694" t="s">
        <v>9471</v>
      </c>
    </row>
    <row r="10695" spans="1:4" x14ac:dyDescent="0.4">
      <c r="A10695">
        <v>2940003</v>
      </c>
      <c r="B10695" t="s">
        <v>0</v>
      </c>
      <c r="C10695" t="s">
        <v>9427</v>
      </c>
      <c r="D10695" t="s">
        <v>9472</v>
      </c>
    </row>
    <row r="10696" spans="1:4" x14ac:dyDescent="0.4">
      <c r="A10696">
        <v>2940054</v>
      </c>
      <c r="B10696" t="s">
        <v>0</v>
      </c>
      <c r="C10696" t="s">
        <v>9427</v>
      </c>
      <c r="D10696" t="s">
        <v>2125</v>
      </c>
    </row>
    <row r="10697" spans="1:4" x14ac:dyDescent="0.4">
      <c r="A10697">
        <v>2940033</v>
      </c>
      <c r="B10697" t="s">
        <v>0</v>
      </c>
      <c r="C10697" t="s">
        <v>9427</v>
      </c>
      <c r="D10697" t="s">
        <v>1431</v>
      </c>
    </row>
    <row r="10698" spans="1:4" x14ac:dyDescent="0.4">
      <c r="A10698">
        <v>2940221</v>
      </c>
      <c r="B10698" t="s">
        <v>0</v>
      </c>
      <c r="C10698" t="s">
        <v>9427</v>
      </c>
      <c r="D10698" t="s">
        <v>9473</v>
      </c>
    </row>
    <row r="10699" spans="1:4" x14ac:dyDescent="0.4">
      <c r="A10699">
        <v>2940234</v>
      </c>
      <c r="B10699" t="s">
        <v>0</v>
      </c>
      <c r="C10699" t="s">
        <v>9427</v>
      </c>
      <c r="D10699" t="s">
        <v>9474</v>
      </c>
    </row>
    <row r="10700" spans="1:4" x14ac:dyDescent="0.4">
      <c r="A10700">
        <v>2940222</v>
      </c>
      <c r="B10700" t="s">
        <v>0</v>
      </c>
      <c r="C10700" t="s">
        <v>9427</v>
      </c>
      <c r="D10700" t="s">
        <v>9475</v>
      </c>
    </row>
    <row r="10701" spans="1:4" x14ac:dyDescent="0.4">
      <c r="A10701">
        <v>2940014</v>
      </c>
      <c r="B10701" t="s">
        <v>0</v>
      </c>
      <c r="C10701" t="s">
        <v>9427</v>
      </c>
      <c r="D10701" t="s">
        <v>2066</v>
      </c>
    </row>
    <row r="10702" spans="1:4" x14ac:dyDescent="0.4">
      <c r="A10702">
        <v>2940021</v>
      </c>
      <c r="B10702" t="s">
        <v>0</v>
      </c>
      <c r="C10702" t="s">
        <v>9427</v>
      </c>
      <c r="D10702" t="s">
        <v>9476</v>
      </c>
    </row>
    <row r="10703" spans="1:4" x14ac:dyDescent="0.4">
      <c r="A10703">
        <v>2940047</v>
      </c>
      <c r="B10703" t="s">
        <v>0</v>
      </c>
      <c r="C10703" t="s">
        <v>9427</v>
      </c>
      <c r="D10703" t="s">
        <v>2067</v>
      </c>
    </row>
    <row r="10704" spans="1:4" x14ac:dyDescent="0.4">
      <c r="A10704">
        <v>2940232</v>
      </c>
      <c r="B10704" t="s">
        <v>0</v>
      </c>
      <c r="C10704" t="s">
        <v>9427</v>
      </c>
      <c r="D10704" t="s">
        <v>9477</v>
      </c>
    </row>
    <row r="10705" spans="1:4" x14ac:dyDescent="0.4">
      <c r="A10705">
        <v>2920000</v>
      </c>
      <c r="B10705" t="s">
        <v>0</v>
      </c>
      <c r="C10705" t="s">
        <v>136</v>
      </c>
    </row>
    <row r="10706" spans="1:4" x14ac:dyDescent="0.4">
      <c r="A10706">
        <v>2920055</v>
      </c>
      <c r="B10706" t="s">
        <v>0</v>
      </c>
      <c r="C10706" t="s">
        <v>136</v>
      </c>
      <c r="D10706" t="s">
        <v>1937</v>
      </c>
    </row>
    <row r="10707" spans="1:4" x14ac:dyDescent="0.4">
      <c r="A10707">
        <v>2920065</v>
      </c>
      <c r="B10707" t="s">
        <v>0</v>
      </c>
      <c r="C10707" t="s">
        <v>136</v>
      </c>
      <c r="D10707" t="s">
        <v>7640</v>
      </c>
    </row>
    <row r="10708" spans="1:4" x14ac:dyDescent="0.4">
      <c r="A10708">
        <v>2920021</v>
      </c>
      <c r="B10708" t="s">
        <v>0</v>
      </c>
      <c r="C10708" t="s">
        <v>136</v>
      </c>
      <c r="D10708" t="s">
        <v>9478</v>
      </c>
    </row>
    <row r="10709" spans="1:4" x14ac:dyDescent="0.4">
      <c r="A10709">
        <v>2920026</v>
      </c>
      <c r="B10709" t="s">
        <v>0</v>
      </c>
      <c r="C10709" t="s">
        <v>136</v>
      </c>
      <c r="D10709" t="s">
        <v>9479</v>
      </c>
    </row>
    <row r="10710" spans="1:4" x14ac:dyDescent="0.4">
      <c r="A10710">
        <v>2920034</v>
      </c>
      <c r="B10710" t="s">
        <v>0</v>
      </c>
      <c r="C10710" t="s">
        <v>136</v>
      </c>
      <c r="D10710" t="s">
        <v>9480</v>
      </c>
    </row>
    <row r="10711" spans="1:4" x14ac:dyDescent="0.4">
      <c r="A10711">
        <v>2920061</v>
      </c>
      <c r="B10711" t="s">
        <v>0</v>
      </c>
      <c r="C10711" t="s">
        <v>136</v>
      </c>
      <c r="D10711" t="s">
        <v>9481</v>
      </c>
    </row>
    <row r="10712" spans="1:4" x14ac:dyDescent="0.4">
      <c r="A10712">
        <v>2920033</v>
      </c>
      <c r="B10712" t="s">
        <v>0</v>
      </c>
      <c r="C10712" t="s">
        <v>136</v>
      </c>
      <c r="D10712" t="s">
        <v>603</v>
      </c>
    </row>
    <row r="10713" spans="1:4" x14ac:dyDescent="0.4">
      <c r="A10713">
        <v>2920001</v>
      </c>
      <c r="B10713" t="s">
        <v>0</v>
      </c>
      <c r="C10713" t="s">
        <v>136</v>
      </c>
      <c r="D10713" t="s">
        <v>7297</v>
      </c>
    </row>
    <row r="10714" spans="1:4" x14ac:dyDescent="0.4">
      <c r="A10714">
        <v>2920012</v>
      </c>
      <c r="B10714" t="s">
        <v>0</v>
      </c>
      <c r="C10714" t="s">
        <v>136</v>
      </c>
      <c r="D10714" t="s">
        <v>9482</v>
      </c>
    </row>
    <row r="10715" spans="1:4" x14ac:dyDescent="0.4">
      <c r="A10715">
        <v>2920011</v>
      </c>
      <c r="B10715" t="s">
        <v>0</v>
      </c>
      <c r="C10715" t="s">
        <v>136</v>
      </c>
      <c r="D10715" t="s">
        <v>9483</v>
      </c>
    </row>
    <row r="10716" spans="1:4" x14ac:dyDescent="0.4">
      <c r="A10716">
        <v>2920007</v>
      </c>
      <c r="B10716" t="s">
        <v>0</v>
      </c>
      <c r="C10716" t="s">
        <v>136</v>
      </c>
      <c r="D10716" t="s">
        <v>9484</v>
      </c>
    </row>
    <row r="10717" spans="1:4" x14ac:dyDescent="0.4">
      <c r="A10717">
        <v>2200072</v>
      </c>
      <c r="B10717" t="s">
        <v>2200</v>
      </c>
      <c r="C10717" t="s">
        <v>2202</v>
      </c>
      <c r="D10717" t="s">
        <v>3116</v>
      </c>
    </row>
    <row r="10718" spans="1:4" x14ac:dyDescent="0.4">
      <c r="A10718">
        <v>2320012</v>
      </c>
      <c r="B10718" t="s">
        <v>2200</v>
      </c>
      <c r="C10718" t="s">
        <v>7831</v>
      </c>
      <c r="D10718" t="s">
        <v>9485</v>
      </c>
    </row>
    <row r="10719" spans="1:4" x14ac:dyDescent="0.4">
      <c r="A10719">
        <v>2320002</v>
      </c>
      <c r="B10719" t="s">
        <v>2200</v>
      </c>
      <c r="C10719" t="s">
        <v>7831</v>
      </c>
      <c r="D10719" t="s">
        <v>9486</v>
      </c>
    </row>
    <row r="10720" spans="1:4" x14ac:dyDescent="0.4">
      <c r="A10720">
        <v>2320016</v>
      </c>
      <c r="B10720" t="s">
        <v>2200</v>
      </c>
      <c r="C10720" t="s">
        <v>7831</v>
      </c>
      <c r="D10720" t="s">
        <v>9487</v>
      </c>
    </row>
    <row r="10721" spans="1:4" x14ac:dyDescent="0.4">
      <c r="A10721">
        <v>2320066</v>
      </c>
      <c r="B10721" t="s">
        <v>2200</v>
      </c>
      <c r="C10721" t="s">
        <v>7831</v>
      </c>
      <c r="D10721" t="s">
        <v>9488</v>
      </c>
    </row>
    <row r="10722" spans="1:4" x14ac:dyDescent="0.4">
      <c r="A10722">
        <v>2320041</v>
      </c>
      <c r="B10722" t="s">
        <v>2200</v>
      </c>
      <c r="C10722" t="s">
        <v>7831</v>
      </c>
      <c r="D10722" t="s">
        <v>5932</v>
      </c>
    </row>
    <row r="10723" spans="1:4" x14ac:dyDescent="0.4">
      <c r="A10723">
        <v>2320014</v>
      </c>
      <c r="B10723" t="s">
        <v>2200</v>
      </c>
      <c r="C10723" t="s">
        <v>7831</v>
      </c>
      <c r="D10723" t="s">
        <v>5243</v>
      </c>
    </row>
    <row r="10724" spans="1:4" x14ac:dyDescent="0.4">
      <c r="A10724">
        <v>2320057</v>
      </c>
      <c r="B10724" t="s">
        <v>2200</v>
      </c>
      <c r="C10724" t="s">
        <v>7831</v>
      </c>
      <c r="D10724" t="s">
        <v>7578</v>
      </c>
    </row>
    <row r="10725" spans="1:4" x14ac:dyDescent="0.4">
      <c r="A10725">
        <v>2400000</v>
      </c>
      <c r="B10725" t="s">
        <v>2200</v>
      </c>
      <c r="C10725" t="s">
        <v>2204</v>
      </c>
    </row>
    <row r="10726" spans="1:4" x14ac:dyDescent="0.4">
      <c r="A10726">
        <v>2400053</v>
      </c>
      <c r="B10726" t="s">
        <v>2200</v>
      </c>
      <c r="C10726" t="s">
        <v>2204</v>
      </c>
      <c r="D10726" t="s">
        <v>9489</v>
      </c>
    </row>
    <row r="10727" spans="1:4" x14ac:dyDescent="0.4">
      <c r="A10727">
        <v>2400035</v>
      </c>
      <c r="B10727" t="s">
        <v>2200</v>
      </c>
      <c r="C10727" t="s">
        <v>2204</v>
      </c>
      <c r="D10727" t="s">
        <v>7165</v>
      </c>
    </row>
    <row r="10728" spans="1:4" x14ac:dyDescent="0.4">
      <c r="A10728">
        <v>2400023</v>
      </c>
      <c r="B10728" t="s">
        <v>2200</v>
      </c>
      <c r="C10728" t="s">
        <v>2204</v>
      </c>
      <c r="D10728" t="s">
        <v>9490</v>
      </c>
    </row>
    <row r="10729" spans="1:4" x14ac:dyDescent="0.4">
      <c r="A10729">
        <v>2400015</v>
      </c>
      <c r="B10729" t="s">
        <v>2200</v>
      </c>
      <c r="C10729" t="s">
        <v>2204</v>
      </c>
      <c r="D10729" t="s">
        <v>9491</v>
      </c>
    </row>
    <row r="10730" spans="1:4" x14ac:dyDescent="0.4">
      <c r="A10730">
        <v>2400004</v>
      </c>
      <c r="B10730" t="s">
        <v>2200</v>
      </c>
      <c r="C10730" t="s">
        <v>2204</v>
      </c>
      <c r="D10730" t="s">
        <v>9492</v>
      </c>
    </row>
    <row r="10731" spans="1:4" x14ac:dyDescent="0.4">
      <c r="A10731">
        <v>2400062</v>
      </c>
      <c r="B10731" t="s">
        <v>2200</v>
      </c>
      <c r="C10731" t="s">
        <v>2204</v>
      </c>
      <c r="D10731" t="s">
        <v>9493</v>
      </c>
    </row>
    <row r="10732" spans="1:4" x14ac:dyDescent="0.4">
      <c r="A10732">
        <v>2400014</v>
      </c>
      <c r="B10732" t="s">
        <v>2200</v>
      </c>
      <c r="C10732" t="s">
        <v>2204</v>
      </c>
      <c r="D10732" t="s">
        <v>9494</v>
      </c>
    </row>
    <row r="10733" spans="1:4" x14ac:dyDescent="0.4">
      <c r="A10733">
        <v>2400013</v>
      </c>
      <c r="B10733" t="s">
        <v>2200</v>
      </c>
      <c r="C10733" t="s">
        <v>2204</v>
      </c>
      <c r="D10733" t="s">
        <v>9495</v>
      </c>
    </row>
    <row r="10734" spans="1:4" x14ac:dyDescent="0.4">
      <c r="A10734">
        <v>2400066</v>
      </c>
      <c r="B10734" t="s">
        <v>2200</v>
      </c>
      <c r="C10734" t="s">
        <v>2204</v>
      </c>
      <c r="D10734" t="s">
        <v>9496</v>
      </c>
    </row>
    <row r="10735" spans="1:4" x14ac:dyDescent="0.4">
      <c r="A10735">
        <v>2400063</v>
      </c>
      <c r="B10735" t="s">
        <v>2200</v>
      </c>
      <c r="C10735" t="s">
        <v>2204</v>
      </c>
      <c r="D10735" t="s">
        <v>5691</v>
      </c>
    </row>
    <row r="10736" spans="1:4" x14ac:dyDescent="0.4">
      <c r="A10736">
        <v>2400051</v>
      </c>
      <c r="B10736" t="s">
        <v>2200</v>
      </c>
      <c r="C10736" t="s">
        <v>2204</v>
      </c>
      <c r="D10736" t="s">
        <v>9497</v>
      </c>
    </row>
    <row r="10737" spans="1:4" x14ac:dyDescent="0.4">
      <c r="A10737">
        <v>2400042</v>
      </c>
      <c r="B10737" t="s">
        <v>2200</v>
      </c>
      <c r="C10737" t="s">
        <v>2204</v>
      </c>
      <c r="D10737" t="s">
        <v>9498</v>
      </c>
    </row>
    <row r="10738" spans="1:4" x14ac:dyDescent="0.4">
      <c r="A10738">
        <v>2400025</v>
      </c>
      <c r="B10738" t="s">
        <v>2200</v>
      </c>
      <c r="C10738" t="s">
        <v>2204</v>
      </c>
      <c r="D10738" t="s">
        <v>9499</v>
      </c>
    </row>
    <row r="10739" spans="1:4" x14ac:dyDescent="0.4">
      <c r="A10739">
        <v>2400045</v>
      </c>
      <c r="B10739" t="s">
        <v>2200</v>
      </c>
      <c r="C10739" t="s">
        <v>2204</v>
      </c>
      <c r="D10739" t="s">
        <v>7904</v>
      </c>
    </row>
    <row r="10740" spans="1:4" x14ac:dyDescent="0.4">
      <c r="A10740">
        <v>2400001</v>
      </c>
      <c r="B10740" t="s">
        <v>2200</v>
      </c>
      <c r="C10740" t="s">
        <v>2204</v>
      </c>
      <c r="D10740" t="s">
        <v>9500</v>
      </c>
    </row>
    <row r="10741" spans="1:4" x14ac:dyDescent="0.4">
      <c r="A10741">
        <v>2400005</v>
      </c>
      <c r="B10741" t="s">
        <v>2200</v>
      </c>
      <c r="C10741" t="s">
        <v>2204</v>
      </c>
      <c r="D10741" t="s">
        <v>9501</v>
      </c>
    </row>
    <row r="10742" spans="1:4" x14ac:dyDescent="0.4">
      <c r="A10742">
        <v>2400026</v>
      </c>
      <c r="B10742" t="s">
        <v>2200</v>
      </c>
      <c r="C10742" t="s">
        <v>2204</v>
      </c>
      <c r="D10742" t="s">
        <v>9502</v>
      </c>
    </row>
    <row r="10743" spans="1:4" x14ac:dyDescent="0.4">
      <c r="A10743">
        <v>2400034</v>
      </c>
      <c r="B10743" t="s">
        <v>2200</v>
      </c>
      <c r="C10743" t="s">
        <v>2204</v>
      </c>
      <c r="D10743" t="s">
        <v>9503</v>
      </c>
    </row>
    <row r="10744" spans="1:4" x14ac:dyDescent="0.4">
      <c r="A10744">
        <v>2400033</v>
      </c>
      <c r="B10744" t="s">
        <v>2200</v>
      </c>
      <c r="C10744" t="s">
        <v>2204</v>
      </c>
      <c r="D10744" t="s">
        <v>9504</v>
      </c>
    </row>
    <row r="10745" spans="1:4" x14ac:dyDescent="0.4">
      <c r="A10745">
        <v>2400043</v>
      </c>
      <c r="B10745" t="s">
        <v>2200</v>
      </c>
      <c r="C10745" t="s">
        <v>2204</v>
      </c>
      <c r="D10745" t="s">
        <v>2312</v>
      </c>
    </row>
    <row r="10746" spans="1:4" x14ac:dyDescent="0.4">
      <c r="A10746">
        <v>2400011</v>
      </c>
      <c r="B10746" t="s">
        <v>2200</v>
      </c>
      <c r="C10746" t="s">
        <v>2204</v>
      </c>
      <c r="D10746" t="s">
        <v>1741</v>
      </c>
    </row>
    <row r="10747" spans="1:4" x14ac:dyDescent="0.4">
      <c r="A10747">
        <v>2400036</v>
      </c>
      <c r="B10747" t="s">
        <v>2200</v>
      </c>
      <c r="C10747" t="s">
        <v>2204</v>
      </c>
      <c r="D10747" t="s">
        <v>9505</v>
      </c>
    </row>
    <row r="10748" spans="1:4" x14ac:dyDescent="0.4">
      <c r="A10748">
        <v>2400024</v>
      </c>
      <c r="B10748" t="s">
        <v>2200</v>
      </c>
      <c r="C10748" t="s">
        <v>2204</v>
      </c>
      <c r="D10748" t="s">
        <v>9506</v>
      </c>
    </row>
    <row r="10749" spans="1:4" x14ac:dyDescent="0.4">
      <c r="A10749">
        <v>2400012</v>
      </c>
      <c r="B10749" t="s">
        <v>2200</v>
      </c>
      <c r="C10749" t="s">
        <v>2204</v>
      </c>
      <c r="D10749" t="s">
        <v>9507</v>
      </c>
    </row>
    <row r="10750" spans="1:4" x14ac:dyDescent="0.4">
      <c r="A10750">
        <v>2400003</v>
      </c>
      <c r="B10750" t="s">
        <v>2200</v>
      </c>
      <c r="C10750" t="s">
        <v>2204</v>
      </c>
      <c r="D10750" t="s">
        <v>9508</v>
      </c>
    </row>
    <row r="10751" spans="1:4" x14ac:dyDescent="0.4">
      <c r="A10751">
        <v>2400067</v>
      </c>
      <c r="B10751" t="s">
        <v>2200</v>
      </c>
      <c r="C10751" t="s">
        <v>2204</v>
      </c>
      <c r="D10751" t="s">
        <v>3863</v>
      </c>
    </row>
    <row r="10752" spans="1:4" x14ac:dyDescent="0.4">
      <c r="A10752">
        <v>1086024</v>
      </c>
      <c r="B10752" t="s">
        <v>815</v>
      </c>
      <c r="C10752" t="s">
        <v>818</v>
      </c>
      <c r="D10752" t="s">
        <v>9509</v>
      </c>
    </row>
    <row r="10753" spans="1:4" x14ac:dyDescent="0.4">
      <c r="A10753">
        <v>1631313</v>
      </c>
      <c r="B10753" t="s">
        <v>815</v>
      </c>
      <c r="C10753" t="s">
        <v>820</v>
      </c>
      <c r="D10753" t="s">
        <v>9510</v>
      </c>
    </row>
    <row r="10754" spans="1:4" x14ac:dyDescent="0.4">
      <c r="A10754">
        <v>1636004</v>
      </c>
      <c r="B10754" t="s">
        <v>815</v>
      </c>
      <c r="C10754" t="s">
        <v>820</v>
      </c>
      <c r="D10754" t="s">
        <v>9511</v>
      </c>
    </row>
    <row r="10755" spans="1:4" x14ac:dyDescent="0.4">
      <c r="A10755">
        <v>1636005</v>
      </c>
      <c r="B10755" t="s">
        <v>815</v>
      </c>
      <c r="C10755" t="s">
        <v>820</v>
      </c>
      <c r="D10755" t="s">
        <v>9512</v>
      </c>
    </row>
    <row r="10756" spans="1:4" x14ac:dyDescent="0.4">
      <c r="A10756">
        <v>1636006</v>
      </c>
      <c r="B10756" t="s">
        <v>815</v>
      </c>
      <c r="C10756" t="s">
        <v>820</v>
      </c>
      <c r="D10756" t="s">
        <v>9513</v>
      </c>
    </row>
    <row r="10757" spans="1:4" x14ac:dyDescent="0.4">
      <c r="A10757">
        <v>1636007</v>
      </c>
      <c r="B10757" t="s">
        <v>815</v>
      </c>
      <c r="C10757" t="s">
        <v>820</v>
      </c>
      <c r="D10757" t="s">
        <v>9514</v>
      </c>
    </row>
    <row r="10758" spans="1:4" x14ac:dyDescent="0.4">
      <c r="A10758">
        <v>1636008</v>
      </c>
      <c r="B10758" t="s">
        <v>815</v>
      </c>
      <c r="C10758" t="s">
        <v>820</v>
      </c>
      <c r="D10758" t="s">
        <v>9515</v>
      </c>
    </row>
    <row r="10759" spans="1:4" x14ac:dyDescent="0.4">
      <c r="A10759">
        <v>1636009</v>
      </c>
      <c r="B10759" t="s">
        <v>815</v>
      </c>
      <c r="C10759" t="s">
        <v>820</v>
      </c>
      <c r="D10759" t="s">
        <v>9516</v>
      </c>
    </row>
    <row r="10760" spans="1:4" x14ac:dyDescent="0.4">
      <c r="A10760">
        <v>1636010</v>
      </c>
      <c r="B10760" t="s">
        <v>815</v>
      </c>
      <c r="C10760" t="s">
        <v>820</v>
      </c>
      <c r="D10760" t="s">
        <v>9517</v>
      </c>
    </row>
    <row r="10761" spans="1:4" x14ac:dyDescent="0.4">
      <c r="A10761">
        <v>1636011</v>
      </c>
      <c r="B10761" t="s">
        <v>815</v>
      </c>
      <c r="C10761" t="s">
        <v>820</v>
      </c>
      <c r="D10761" t="s">
        <v>9518</v>
      </c>
    </row>
    <row r="10762" spans="1:4" x14ac:dyDescent="0.4">
      <c r="A10762">
        <v>1636012</v>
      </c>
      <c r="B10762" t="s">
        <v>815</v>
      </c>
      <c r="C10762" t="s">
        <v>820</v>
      </c>
      <c r="D10762" t="s">
        <v>9519</v>
      </c>
    </row>
    <row r="10763" spans="1:4" x14ac:dyDescent="0.4">
      <c r="A10763">
        <v>1636013</v>
      </c>
      <c r="B10763" t="s">
        <v>815</v>
      </c>
      <c r="C10763" t="s">
        <v>820</v>
      </c>
      <c r="D10763" t="s">
        <v>9520</v>
      </c>
    </row>
    <row r="10764" spans="1:4" x14ac:dyDescent="0.4">
      <c r="A10764">
        <v>1636014</v>
      </c>
      <c r="B10764" t="s">
        <v>815</v>
      </c>
      <c r="C10764" t="s">
        <v>820</v>
      </c>
      <c r="D10764" t="s">
        <v>9521</v>
      </c>
    </row>
    <row r="10765" spans="1:4" x14ac:dyDescent="0.4">
      <c r="A10765">
        <v>1636015</v>
      </c>
      <c r="B10765" t="s">
        <v>815</v>
      </c>
      <c r="C10765" t="s">
        <v>820</v>
      </c>
      <c r="D10765" t="s">
        <v>9522</v>
      </c>
    </row>
    <row r="10766" spans="1:4" x14ac:dyDescent="0.4">
      <c r="A10766">
        <v>1636016</v>
      </c>
      <c r="B10766" t="s">
        <v>815</v>
      </c>
      <c r="C10766" t="s">
        <v>820</v>
      </c>
      <c r="D10766" t="s">
        <v>9523</v>
      </c>
    </row>
    <row r="10767" spans="1:4" x14ac:dyDescent="0.4">
      <c r="A10767">
        <v>1636017</v>
      </c>
      <c r="B10767" t="s">
        <v>815</v>
      </c>
      <c r="C10767" t="s">
        <v>820</v>
      </c>
      <c r="D10767" t="s">
        <v>9524</v>
      </c>
    </row>
    <row r="10768" spans="1:4" x14ac:dyDescent="0.4">
      <c r="A10768">
        <v>1636018</v>
      </c>
      <c r="B10768" t="s">
        <v>815</v>
      </c>
      <c r="C10768" t="s">
        <v>820</v>
      </c>
      <c r="D10768" t="s">
        <v>9525</v>
      </c>
    </row>
    <row r="10769" spans="1:4" x14ac:dyDescent="0.4">
      <c r="A10769">
        <v>1636019</v>
      </c>
      <c r="B10769" t="s">
        <v>815</v>
      </c>
      <c r="C10769" t="s">
        <v>820</v>
      </c>
      <c r="D10769" t="s">
        <v>9526</v>
      </c>
    </row>
    <row r="10770" spans="1:4" x14ac:dyDescent="0.4">
      <c r="A10770">
        <v>1636020</v>
      </c>
      <c r="B10770" t="s">
        <v>815</v>
      </c>
      <c r="C10770" t="s">
        <v>820</v>
      </c>
      <c r="D10770" t="s">
        <v>9527</v>
      </c>
    </row>
    <row r="10771" spans="1:4" x14ac:dyDescent="0.4">
      <c r="A10771">
        <v>1636021</v>
      </c>
      <c r="B10771" t="s">
        <v>815</v>
      </c>
      <c r="C10771" t="s">
        <v>820</v>
      </c>
      <c r="D10771" t="s">
        <v>9528</v>
      </c>
    </row>
    <row r="10772" spans="1:4" x14ac:dyDescent="0.4">
      <c r="A10772">
        <v>1636022</v>
      </c>
      <c r="B10772" t="s">
        <v>815</v>
      </c>
      <c r="C10772" t="s">
        <v>820</v>
      </c>
      <c r="D10772" t="s">
        <v>9529</v>
      </c>
    </row>
    <row r="10773" spans="1:4" x14ac:dyDescent="0.4">
      <c r="A10773">
        <v>1636023</v>
      </c>
      <c r="B10773" t="s">
        <v>815</v>
      </c>
      <c r="C10773" t="s">
        <v>820</v>
      </c>
      <c r="D10773" t="s">
        <v>9530</v>
      </c>
    </row>
    <row r="10774" spans="1:4" x14ac:dyDescent="0.4">
      <c r="A10774">
        <v>1636024</v>
      </c>
      <c r="B10774" t="s">
        <v>815</v>
      </c>
      <c r="C10774" t="s">
        <v>820</v>
      </c>
      <c r="D10774" t="s">
        <v>9531</v>
      </c>
    </row>
    <row r="10775" spans="1:4" x14ac:dyDescent="0.4">
      <c r="A10775">
        <v>1636025</v>
      </c>
      <c r="B10775" t="s">
        <v>815</v>
      </c>
      <c r="C10775" t="s">
        <v>820</v>
      </c>
      <c r="D10775" t="s">
        <v>9532</v>
      </c>
    </row>
    <row r="10776" spans="1:4" x14ac:dyDescent="0.4">
      <c r="A10776">
        <v>1636026</v>
      </c>
      <c r="B10776" t="s">
        <v>815</v>
      </c>
      <c r="C10776" t="s">
        <v>820</v>
      </c>
      <c r="D10776" t="s">
        <v>9533</v>
      </c>
    </row>
    <row r="10777" spans="1:4" x14ac:dyDescent="0.4">
      <c r="A10777">
        <v>1636027</v>
      </c>
      <c r="B10777" t="s">
        <v>815</v>
      </c>
      <c r="C10777" t="s">
        <v>820</v>
      </c>
      <c r="D10777" t="s">
        <v>9534</v>
      </c>
    </row>
    <row r="10778" spans="1:4" x14ac:dyDescent="0.4">
      <c r="A10778">
        <v>1636028</v>
      </c>
      <c r="B10778" t="s">
        <v>815</v>
      </c>
      <c r="C10778" t="s">
        <v>820</v>
      </c>
      <c r="D10778" t="s">
        <v>9535</v>
      </c>
    </row>
    <row r="10779" spans="1:4" x14ac:dyDescent="0.4">
      <c r="A10779">
        <v>1636029</v>
      </c>
      <c r="B10779" t="s">
        <v>815</v>
      </c>
      <c r="C10779" t="s">
        <v>820</v>
      </c>
      <c r="D10779" t="s">
        <v>9536</v>
      </c>
    </row>
    <row r="10780" spans="1:4" x14ac:dyDescent="0.4">
      <c r="A10780">
        <v>1636030</v>
      </c>
      <c r="B10780" t="s">
        <v>815</v>
      </c>
      <c r="C10780" t="s">
        <v>820</v>
      </c>
      <c r="D10780" t="s">
        <v>9537</v>
      </c>
    </row>
    <row r="10781" spans="1:4" x14ac:dyDescent="0.4">
      <c r="A10781">
        <v>1636031</v>
      </c>
      <c r="B10781" t="s">
        <v>815</v>
      </c>
      <c r="C10781" t="s">
        <v>820</v>
      </c>
      <c r="D10781" t="s">
        <v>9538</v>
      </c>
    </row>
    <row r="10782" spans="1:4" x14ac:dyDescent="0.4">
      <c r="A10782">
        <v>1636032</v>
      </c>
      <c r="B10782" t="s">
        <v>815</v>
      </c>
      <c r="C10782" t="s">
        <v>820</v>
      </c>
      <c r="D10782" t="s">
        <v>9539</v>
      </c>
    </row>
    <row r="10783" spans="1:4" x14ac:dyDescent="0.4">
      <c r="A10783">
        <v>1636033</v>
      </c>
      <c r="B10783" t="s">
        <v>815</v>
      </c>
      <c r="C10783" t="s">
        <v>820</v>
      </c>
      <c r="D10783" t="s">
        <v>9540</v>
      </c>
    </row>
    <row r="10784" spans="1:4" x14ac:dyDescent="0.4">
      <c r="A10784">
        <v>1636034</v>
      </c>
      <c r="B10784" t="s">
        <v>815</v>
      </c>
      <c r="C10784" t="s">
        <v>820</v>
      </c>
      <c r="D10784" t="s">
        <v>9541</v>
      </c>
    </row>
    <row r="10785" spans="1:4" x14ac:dyDescent="0.4">
      <c r="A10785">
        <v>1636035</v>
      </c>
      <c r="B10785" t="s">
        <v>815</v>
      </c>
      <c r="C10785" t="s">
        <v>820</v>
      </c>
      <c r="D10785" t="s">
        <v>9542</v>
      </c>
    </row>
    <row r="10786" spans="1:4" x14ac:dyDescent="0.4">
      <c r="A10786">
        <v>1636036</v>
      </c>
      <c r="B10786" t="s">
        <v>815</v>
      </c>
      <c r="C10786" t="s">
        <v>820</v>
      </c>
      <c r="D10786" t="s">
        <v>9543</v>
      </c>
    </row>
    <row r="10787" spans="1:4" x14ac:dyDescent="0.4">
      <c r="A10787">
        <v>1636037</v>
      </c>
      <c r="B10787" t="s">
        <v>815</v>
      </c>
      <c r="C10787" t="s">
        <v>820</v>
      </c>
      <c r="D10787" t="s">
        <v>9544</v>
      </c>
    </row>
    <row r="10788" spans="1:4" x14ac:dyDescent="0.4">
      <c r="A10788">
        <v>1636038</v>
      </c>
      <c r="B10788" t="s">
        <v>815</v>
      </c>
      <c r="C10788" t="s">
        <v>820</v>
      </c>
      <c r="D10788" t="s">
        <v>9545</v>
      </c>
    </row>
    <row r="10789" spans="1:4" x14ac:dyDescent="0.4">
      <c r="A10789">
        <v>1631490</v>
      </c>
      <c r="B10789" t="s">
        <v>815</v>
      </c>
      <c r="C10789" t="s">
        <v>820</v>
      </c>
      <c r="D10789" t="s">
        <v>9546</v>
      </c>
    </row>
    <row r="10790" spans="1:4" x14ac:dyDescent="0.4">
      <c r="A10790">
        <v>1631401</v>
      </c>
      <c r="B10790" t="s">
        <v>815</v>
      </c>
      <c r="C10790" t="s">
        <v>820</v>
      </c>
      <c r="D10790" t="s">
        <v>9547</v>
      </c>
    </row>
    <row r="10791" spans="1:4" x14ac:dyDescent="0.4">
      <c r="A10791">
        <v>1631402</v>
      </c>
      <c r="B10791" t="s">
        <v>815</v>
      </c>
      <c r="C10791" t="s">
        <v>820</v>
      </c>
      <c r="D10791" t="s">
        <v>9548</v>
      </c>
    </row>
    <row r="10792" spans="1:4" x14ac:dyDescent="0.4">
      <c r="A10792">
        <v>1631403</v>
      </c>
      <c r="B10792" t="s">
        <v>815</v>
      </c>
      <c r="C10792" t="s">
        <v>820</v>
      </c>
      <c r="D10792" t="s">
        <v>9549</v>
      </c>
    </row>
    <row r="10793" spans="1:4" x14ac:dyDescent="0.4">
      <c r="A10793">
        <v>1631404</v>
      </c>
      <c r="B10793" t="s">
        <v>815</v>
      </c>
      <c r="C10793" t="s">
        <v>820</v>
      </c>
      <c r="D10793" t="s">
        <v>9550</v>
      </c>
    </row>
    <row r="10794" spans="1:4" x14ac:dyDescent="0.4">
      <c r="A10794">
        <v>1631405</v>
      </c>
      <c r="B10794" t="s">
        <v>815</v>
      </c>
      <c r="C10794" t="s">
        <v>820</v>
      </c>
      <c r="D10794" t="s">
        <v>9551</v>
      </c>
    </row>
    <row r="10795" spans="1:4" x14ac:dyDescent="0.4">
      <c r="A10795">
        <v>1631406</v>
      </c>
      <c r="B10795" t="s">
        <v>815</v>
      </c>
      <c r="C10795" t="s">
        <v>820</v>
      </c>
      <c r="D10795" t="s">
        <v>9552</v>
      </c>
    </row>
    <row r="10796" spans="1:4" x14ac:dyDescent="0.4">
      <c r="A10796">
        <v>1631407</v>
      </c>
      <c r="B10796" t="s">
        <v>815</v>
      </c>
      <c r="C10796" t="s">
        <v>820</v>
      </c>
      <c r="D10796" t="s">
        <v>9553</v>
      </c>
    </row>
    <row r="10797" spans="1:4" x14ac:dyDescent="0.4">
      <c r="A10797">
        <v>1631408</v>
      </c>
      <c r="B10797" t="s">
        <v>815</v>
      </c>
      <c r="C10797" t="s">
        <v>820</v>
      </c>
      <c r="D10797" t="s">
        <v>9554</v>
      </c>
    </row>
    <row r="10798" spans="1:4" x14ac:dyDescent="0.4">
      <c r="A10798">
        <v>1631409</v>
      </c>
      <c r="B10798" t="s">
        <v>815</v>
      </c>
      <c r="C10798" t="s">
        <v>820</v>
      </c>
      <c r="D10798" t="s">
        <v>9555</v>
      </c>
    </row>
    <row r="10799" spans="1:4" x14ac:dyDescent="0.4">
      <c r="A10799">
        <v>1631410</v>
      </c>
      <c r="B10799" t="s">
        <v>815</v>
      </c>
      <c r="C10799" t="s">
        <v>820</v>
      </c>
      <c r="D10799" t="s">
        <v>9556</v>
      </c>
    </row>
    <row r="10800" spans="1:4" x14ac:dyDescent="0.4">
      <c r="A10800">
        <v>1631411</v>
      </c>
      <c r="B10800" t="s">
        <v>815</v>
      </c>
      <c r="C10800" t="s">
        <v>820</v>
      </c>
      <c r="D10800" t="s">
        <v>9557</v>
      </c>
    </row>
    <row r="10801" spans="1:4" x14ac:dyDescent="0.4">
      <c r="A10801">
        <v>1631412</v>
      </c>
      <c r="B10801" t="s">
        <v>815</v>
      </c>
      <c r="C10801" t="s">
        <v>820</v>
      </c>
      <c r="D10801" t="s">
        <v>9558</v>
      </c>
    </row>
    <row r="10802" spans="1:4" x14ac:dyDescent="0.4">
      <c r="A10802">
        <v>1631413</v>
      </c>
      <c r="B10802" t="s">
        <v>815</v>
      </c>
      <c r="C10802" t="s">
        <v>820</v>
      </c>
      <c r="D10802" t="s">
        <v>9559</v>
      </c>
    </row>
    <row r="10803" spans="1:4" x14ac:dyDescent="0.4">
      <c r="A10803">
        <v>1631414</v>
      </c>
      <c r="B10803" t="s">
        <v>815</v>
      </c>
      <c r="C10803" t="s">
        <v>820</v>
      </c>
      <c r="D10803" t="s">
        <v>9560</v>
      </c>
    </row>
    <row r="10804" spans="1:4" x14ac:dyDescent="0.4">
      <c r="A10804">
        <v>1631415</v>
      </c>
      <c r="B10804" t="s">
        <v>815</v>
      </c>
      <c r="C10804" t="s">
        <v>820</v>
      </c>
      <c r="D10804" t="s">
        <v>9561</v>
      </c>
    </row>
    <row r="10805" spans="1:4" x14ac:dyDescent="0.4">
      <c r="A10805">
        <v>1631416</v>
      </c>
      <c r="B10805" t="s">
        <v>815</v>
      </c>
      <c r="C10805" t="s">
        <v>820</v>
      </c>
      <c r="D10805" t="s">
        <v>9562</v>
      </c>
    </row>
    <row r="10806" spans="1:4" x14ac:dyDescent="0.4">
      <c r="A10806">
        <v>1631417</v>
      </c>
      <c r="B10806" t="s">
        <v>815</v>
      </c>
      <c r="C10806" t="s">
        <v>820</v>
      </c>
      <c r="D10806" t="s">
        <v>9563</v>
      </c>
    </row>
    <row r="10807" spans="1:4" x14ac:dyDescent="0.4">
      <c r="A10807">
        <v>1631418</v>
      </c>
      <c r="B10807" t="s">
        <v>815</v>
      </c>
      <c r="C10807" t="s">
        <v>820</v>
      </c>
      <c r="D10807" t="s">
        <v>9564</v>
      </c>
    </row>
    <row r="10808" spans="1:4" x14ac:dyDescent="0.4">
      <c r="A10808">
        <v>1631419</v>
      </c>
      <c r="B10808" t="s">
        <v>815</v>
      </c>
      <c r="C10808" t="s">
        <v>820</v>
      </c>
      <c r="D10808" t="s">
        <v>9565</v>
      </c>
    </row>
    <row r="10809" spans="1:4" x14ac:dyDescent="0.4">
      <c r="A10809">
        <v>1631420</v>
      </c>
      <c r="B10809" t="s">
        <v>815</v>
      </c>
      <c r="C10809" t="s">
        <v>820</v>
      </c>
      <c r="D10809" t="s">
        <v>9566</v>
      </c>
    </row>
    <row r="10810" spans="1:4" x14ac:dyDescent="0.4">
      <c r="A10810">
        <v>1631421</v>
      </c>
      <c r="B10810" t="s">
        <v>815</v>
      </c>
      <c r="C10810" t="s">
        <v>820</v>
      </c>
      <c r="D10810" t="s">
        <v>9567</v>
      </c>
    </row>
    <row r="10811" spans="1:4" x14ac:dyDescent="0.4">
      <c r="A10811">
        <v>1631422</v>
      </c>
      <c r="B10811" t="s">
        <v>815</v>
      </c>
      <c r="C10811" t="s">
        <v>820</v>
      </c>
      <c r="D10811" t="s">
        <v>9568</v>
      </c>
    </row>
    <row r="10812" spans="1:4" x14ac:dyDescent="0.4">
      <c r="A10812">
        <v>1631423</v>
      </c>
      <c r="B10812" t="s">
        <v>815</v>
      </c>
      <c r="C10812" t="s">
        <v>820</v>
      </c>
      <c r="D10812" t="s">
        <v>9569</v>
      </c>
    </row>
    <row r="10813" spans="1:4" x14ac:dyDescent="0.4">
      <c r="A10813">
        <v>1631424</v>
      </c>
      <c r="B10813" t="s">
        <v>815</v>
      </c>
      <c r="C10813" t="s">
        <v>820</v>
      </c>
      <c r="D10813" t="s">
        <v>9570</v>
      </c>
    </row>
    <row r="10814" spans="1:4" x14ac:dyDescent="0.4">
      <c r="A10814">
        <v>1631425</v>
      </c>
      <c r="B10814" t="s">
        <v>815</v>
      </c>
      <c r="C10814" t="s">
        <v>820</v>
      </c>
      <c r="D10814" t="s">
        <v>9571</v>
      </c>
    </row>
    <row r="10815" spans="1:4" x14ac:dyDescent="0.4">
      <c r="A10815">
        <v>1631426</v>
      </c>
      <c r="B10815" t="s">
        <v>815</v>
      </c>
      <c r="C10815" t="s">
        <v>820</v>
      </c>
      <c r="D10815" t="s">
        <v>9572</v>
      </c>
    </row>
    <row r="10816" spans="1:4" x14ac:dyDescent="0.4">
      <c r="A10816">
        <v>1631427</v>
      </c>
      <c r="B10816" t="s">
        <v>815</v>
      </c>
      <c r="C10816" t="s">
        <v>820</v>
      </c>
      <c r="D10816" t="s">
        <v>9573</v>
      </c>
    </row>
    <row r="10817" spans="1:4" x14ac:dyDescent="0.4">
      <c r="A10817">
        <v>1631428</v>
      </c>
      <c r="B10817" t="s">
        <v>815</v>
      </c>
      <c r="C10817" t="s">
        <v>820</v>
      </c>
      <c r="D10817" t="s">
        <v>9574</v>
      </c>
    </row>
    <row r="10818" spans="1:4" x14ac:dyDescent="0.4">
      <c r="A10818">
        <v>1631429</v>
      </c>
      <c r="B10818" t="s">
        <v>815</v>
      </c>
      <c r="C10818" t="s">
        <v>820</v>
      </c>
      <c r="D10818" t="s">
        <v>9575</v>
      </c>
    </row>
    <row r="10819" spans="1:4" x14ac:dyDescent="0.4">
      <c r="A10819">
        <v>1631430</v>
      </c>
      <c r="B10819" t="s">
        <v>815</v>
      </c>
      <c r="C10819" t="s">
        <v>820</v>
      </c>
      <c r="D10819" t="s">
        <v>9576</v>
      </c>
    </row>
    <row r="10820" spans="1:4" x14ac:dyDescent="0.4">
      <c r="A10820">
        <v>1631431</v>
      </c>
      <c r="B10820" t="s">
        <v>815</v>
      </c>
      <c r="C10820" t="s">
        <v>820</v>
      </c>
      <c r="D10820" t="s">
        <v>9577</v>
      </c>
    </row>
    <row r="10821" spans="1:4" x14ac:dyDescent="0.4">
      <c r="A10821">
        <v>1631432</v>
      </c>
      <c r="B10821" t="s">
        <v>815</v>
      </c>
      <c r="C10821" t="s">
        <v>820</v>
      </c>
      <c r="D10821" t="s">
        <v>9578</v>
      </c>
    </row>
    <row r="10822" spans="1:4" x14ac:dyDescent="0.4">
      <c r="A10822">
        <v>1631433</v>
      </c>
      <c r="B10822" t="s">
        <v>815</v>
      </c>
      <c r="C10822" t="s">
        <v>820</v>
      </c>
      <c r="D10822" t="s">
        <v>9579</v>
      </c>
    </row>
    <row r="10823" spans="1:4" x14ac:dyDescent="0.4">
      <c r="A10823">
        <v>1631434</v>
      </c>
      <c r="B10823" t="s">
        <v>815</v>
      </c>
      <c r="C10823" t="s">
        <v>820</v>
      </c>
      <c r="D10823" t="s">
        <v>9580</v>
      </c>
    </row>
    <row r="10824" spans="1:4" x14ac:dyDescent="0.4">
      <c r="A10824">
        <v>1631435</v>
      </c>
      <c r="B10824" t="s">
        <v>815</v>
      </c>
      <c r="C10824" t="s">
        <v>820</v>
      </c>
      <c r="D10824" t="s">
        <v>9581</v>
      </c>
    </row>
    <row r="10825" spans="1:4" x14ac:dyDescent="0.4">
      <c r="A10825">
        <v>1631436</v>
      </c>
      <c r="B10825" t="s">
        <v>815</v>
      </c>
      <c r="C10825" t="s">
        <v>820</v>
      </c>
      <c r="D10825" t="s">
        <v>9582</v>
      </c>
    </row>
    <row r="10826" spans="1:4" x14ac:dyDescent="0.4">
      <c r="A10826">
        <v>1631437</v>
      </c>
      <c r="B10826" t="s">
        <v>815</v>
      </c>
      <c r="C10826" t="s">
        <v>820</v>
      </c>
      <c r="D10826" t="s">
        <v>9583</v>
      </c>
    </row>
    <row r="10827" spans="1:4" x14ac:dyDescent="0.4">
      <c r="A10827">
        <v>1631438</v>
      </c>
      <c r="B10827" t="s">
        <v>815</v>
      </c>
      <c r="C10827" t="s">
        <v>820</v>
      </c>
      <c r="D10827" t="s">
        <v>9584</v>
      </c>
    </row>
    <row r="10828" spans="1:4" x14ac:dyDescent="0.4">
      <c r="A10828">
        <v>1631439</v>
      </c>
      <c r="B10828" t="s">
        <v>815</v>
      </c>
      <c r="C10828" t="s">
        <v>820</v>
      </c>
      <c r="D10828" t="s">
        <v>9585</v>
      </c>
    </row>
    <row r="10829" spans="1:4" x14ac:dyDescent="0.4">
      <c r="A10829">
        <v>1631440</v>
      </c>
      <c r="B10829" t="s">
        <v>815</v>
      </c>
      <c r="C10829" t="s">
        <v>820</v>
      </c>
      <c r="D10829" t="s">
        <v>9586</v>
      </c>
    </row>
    <row r="10830" spans="1:4" x14ac:dyDescent="0.4">
      <c r="A10830">
        <v>1006028</v>
      </c>
      <c r="B10830" t="s">
        <v>815</v>
      </c>
      <c r="C10830" t="s">
        <v>816</v>
      </c>
      <c r="D10830" t="s">
        <v>9587</v>
      </c>
    </row>
    <row r="10831" spans="1:4" x14ac:dyDescent="0.4">
      <c r="A10831">
        <v>1006029</v>
      </c>
      <c r="B10831" t="s">
        <v>815</v>
      </c>
      <c r="C10831" t="s">
        <v>816</v>
      </c>
      <c r="D10831" t="s">
        <v>9588</v>
      </c>
    </row>
    <row r="10832" spans="1:4" x14ac:dyDescent="0.4">
      <c r="A10832">
        <v>1006030</v>
      </c>
      <c r="B10832" t="s">
        <v>815</v>
      </c>
      <c r="C10832" t="s">
        <v>816</v>
      </c>
      <c r="D10832" t="s">
        <v>9589</v>
      </c>
    </row>
    <row r="10833" spans="1:4" x14ac:dyDescent="0.4">
      <c r="A10833">
        <v>1006031</v>
      </c>
      <c r="B10833" t="s">
        <v>815</v>
      </c>
      <c r="C10833" t="s">
        <v>816</v>
      </c>
      <c r="D10833" t="s">
        <v>9590</v>
      </c>
    </row>
    <row r="10834" spans="1:4" x14ac:dyDescent="0.4">
      <c r="A10834">
        <v>1006032</v>
      </c>
      <c r="B10834" t="s">
        <v>815</v>
      </c>
      <c r="C10834" t="s">
        <v>816</v>
      </c>
      <c r="D10834" t="s">
        <v>9591</v>
      </c>
    </row>
    <row r="10835" spans="1:4" x14ac:dyDescent="0.4">
      <c r="A10835">
        <v>1006033</v>
      </c>
      <c r="B10835" t="s">
        <v>815</v>
      </c>
      <c r="C10835" t="s">
        <v>816</v>
      </c>
      <c r="D10835" t="s">
        <v>9592</v>
      </c>
    </row>
    <row r="10836" spans="1:4" x14ac:dyDescent="0.4">
      <c r="A10836">
        <v>1006034</v>
      </c>
      <c r="B10836" t="s">
        <v>815</v>
      </c>
      <c r="C10836" t="s">
        <v>816</v>
      </c>
      <c r="D10836" t="s">
        <v>9593</v>
      </c>
    </row>
    <row r="10837" spans="1:4" x14ac:dyDescent="0.4">
      <c r="A10837">
        <v>1006035</v>
      </c>
      <c r="B10837" t="s">
        <v>815</v>
      </c>
      <c r="C10837" t="s">
        <v>816</v>
      </c>
      <c r="D10837" t="s">
        <v>9594</v>
      </c>
    </row>
    <row r="10838" spans="1:4" x14ac:dyDescent="0.4">
      <c r="A10838">
        <v>1006036</v>
      </c>
      <c r="B10838" t="s">
        <v>815</v>
      </c>
      <c r="C10838" t="s">
        <v>816</v>
      </c>
      <c r="D10838" t="s">
        <v>9595</v>
      </c>
    </row>
    <row r="10839" spans="1:4" x14ac:dyDescent="0.4">
      <c r="A10839">
        <v>1010029</v>
      </c>
      <c r="B10839" t="s">
        <v>815</v>
      </c>
      <c r="C10839" t="s">
        <v>816</v>
      </c>
      <c r="D10839" t="s">
        <v>9596</v>
      </c>
    </row>
    <row r="10840" spans="1:4" x14ac:dyDescent="0.4">
      <c r="A10840">
        <v>1010063</v>
      </c>
      <c r="B10840" t="s">
        <v>815</v>
      </c>
      <c r="C10840" t="s">
        <v>816</v>
      </c>
      <c r="D10840" t="s">
        <v>9597</v>
      </c>
    </row>
    <row r="10841" spans="1:4" x14ac:dyDescent="0.4">
      <c r="A10841">
        <v>1010024</v>
      </c>
      <c r="B10841" t="s">
        <v>815</v>
      </c>
      <c r="C10841" t="s">
        <v>816</v>
      </c>
      <c r="D10841" t="s">
        <v>9598</v>
      </c>
    </row>
    <row r="10842" spans="1:4" x14ac:dyDescent="0.4">
      <c r="A10842">
        <v>1010033</v>
      </c>
      <c r="B10842" t="s">
        <v>815</v>
      </c>
      <c r="C10842" t="s">
        <v>816</v>
      </c>
      <c r="D10842" t="s">
        <v>9599</v>
      </c>
    </row>
    <row r="10843" spans="1:4" x14ac:dyDescent="0.4">
      <c r="A10843">
        <v>1010052</v>
      </c>
      <c r="B10843" t="s">
        <v>815</v>
      </c>
      <c r="C10843" t="s">
        <v>816</v>
      </c>
      <c r="D10843" t="s">
        <v>9600</v>
      </c>
    </row>
    <row r="10844" spans="1:4" x14ac:dyDescent="0.4">
      <c r="A10844">
        <v>1010045</v>
      </c>
      <c r="B10844" t="s">
        <v>815</v>
      </c>
      <c r="C10844" t="s">
        <v>816</v>
      </c>
      <c r="D10844" t="s">
        <v>9601</v>
      </c>
    </row>
    <row r="10845" spans="1:4" x14ac:dyDescent="0.4">
      <c r="A10845">
        <v>1010036</v>
      </c>
      <c r="B10845" t="s">
        <v>815</v>
      </c>
      <c r="C10845" t="s">
        <v>816</v>
      </c>
      <c r="D10845" t="s">
        <v>9602</v>
      </c>
    </row>
    <row r="10846" spans="1:4" x14ac:dyDescent="0.4">
      <c r="A10846">
        <v>1010035</v>
      </c>
      <c r="B10846" t="s">
        <v>815</v>
      </c>
      <c r="C10846" t="s">
        <v>816</v>
      </c>
      <c r="D10846" t="s">
        <v>9603</v>
      </c>
    </row>
    <row r="10847" spans="1:4" x14ac:dyDescent="0.4">
      <c r="A10847">
        <v>1010026</v>
      </c>
      <c r="B10847" t="s">
        <v>815</v>
      </c>
      <c r="C10847" t="s">
        <v>816</v>
      </c>
      <c r="D10847" t="s">
        <v>9604</v>
      </c>
    </row>
    <row r="10848" spans="1:4" x14ac:dyDescent="0.4">
      <c r="A10848">
        <v>1010025</v>
      </c>
      <c r="B10848" t="s">
        <v>815</v>
      </c>
      <c r="C10848" t="s">
        <v>816</v>
      </c>
      <c r="D10848" t="s">
        <v>9605</v>
      </c>
    </row>
    <row r="10849" spans="1:4" x14ac:dyDescent="0.4">
      <c r="A10849">
        <v>1010051</v>
      </c>
      <c r="B10849" t="s">
        <v>815</v>
      </c>
      <c r="C10849" t="s">
        <v>816</v>
      </c>
      <c r="D10849" t="s">
        <v>9606</v>
      </c>
    </row>
    <row r="10850" spans="1:4" x14ac:dyDescent="0.4">
      <c r="A10850">
        <v>1010041</v>
      </c>
      <c r="B10850" t="s">
        <v>815</v>
      </c>
      <c r="C10850" t="s">
        <v>816</v>
      </c>
      <c r="D10850" t="s">
        <v>9607</v>
      </c>
    </row>
    <row r="10851" spans="1:4" x14ac:dyDescent="0.4">
      <c r="A10851">
        <v>1010062</v>
      </c>
      <c r="B10851" t="s">
        <v>815</v>
      </c>
      <c r="C10851" t="s">
        <v>816</v>
      </c>
      <c r="D10851" t="s">
        <v>9608</v>
      </c>
    </row>
    <row r="10852" spans="1:4" x14ac:dyDescent="0.4">
      <c r="A10852">
        <v>1010046</v>
      </c>
      <c r="B10852" t="s">
        <v>815</v>
      </c>
      <c r="C10852" t="s">
        <v>816</v>
      </c>
      <c r="D10852" t="s">
        <v>9609</v>
      </c>
    </row>
    <row r="10853" spans="1:4" x14ac:dyDescent="0.4">
      <c r="A10853">
        <v>1010048</v>
      </c>
      <c r="B10853" t="s">
        <v>815</v>
      </c>
      <c r="C10853" t="s">
        <v>816</v>
      </c>
      <c r="D10853" t="s">
        <v>9610</v>
      </c>
    </row>
    <row r="10854" spans="1:4" x14ac:dyDescent="0.4">
      <c r="A10854">
        <v>1010043</v>
      </c>
      <c r="B10854" t="s">
        <v>815</v>
      </c>
      <c r="C10854" t="s">
        <v>816</v>
      </c>
      <c r="D10854" t="s">
        <v>9611</v>
      </c>
    </row>
    <row r="10855" spans="1:4" x14ac:dyDescent="0.4">
      <c r="A10855">
        <v>1010054</v>
      </c>
      <c r="B10855" t="s">
        <v>815</v>
      </c>
      <c r="C10855" t="s">
        <v>816</v>
      </c>
      <c r="D10855" t="s">
        <v>9612</v>
      </c>
    </row>
    <row r="10856" spans="1:4" x14ac:dyDescent="0.4">
      <c r="A10856">
        <v>1010037</v>
      </c>
      <c r="B10856" t="s">
        <v>815</v>
      </c>
      <c r="C10856" t="s">
        <v>816</v>
      </c>
      <c r="D10856" t="s">
        <v>9613</v>
      </c>
    </row>
    <row r="10857" spans="1:4" x14ac:dyDescent="0.4">
      <c r="A10857">
        <v>1010022</v>
      </c>
      <c r="B10857" t="s">
        <v>815</v>
      </c>
      <c r="C10857" t="s">
        <v>816</v>
      </c>
      <c r="D10857" t="s">
        <v>9614</v>
      </c>
    </row>
    <row r="10858" spans="1:4" x14ac:dyDescent="0.4">
      <c r="A10858">
        <v>1010028</v>
      </c>
      <c r="B10858" t="s">
        <v>815</v>
      </c>
      <c r="C10858" t="s">
        <v>816</v>
      </c>
      <c r="D10858" t="s">
        <v>9615</v>
      </c>
    </row>
    <row r="10859" spans="1:4" x14ac:dyDescent="0.4">
      <c r="A10859">
        <v>1010034</v>
      </c>
      <c r="B10859" t="s">
        <v>815</v>
      </c>
      <c r="C10859" t="s">
        <v>816</v>
      </c>
      <c r="D10859" t="s">
        <v>9616</v>
      </c>
    </row>
    <row r="10860" spans="1:4" x14ac:dyDescent="0.4">
      <c r="A10860">
        <v>1010042</v>
      </c>
      <c r="B10860" t="s">
        <v>815</v>
      </c>
      <c r="C10860" t="s">
        <v>816</v>
      </c>
      <c r="D10860" t="s">
        <v>9617</v>
      </c>
    </row>
    <row r="10861" spans="1:4" x14ac:dyDescent="0.4">
      <c r="A10861">
        <v>1010027</v>
      </c>
      <c r="B10861" t="s">
        <v>815</v>
      </c>
      <c r="C10861" t="s">
        <v>816</v>
      </c>
      <c r="D10861" t="s">
        <v>9618</v>
      </c>
    </row>
    <row r="10862" spans="1:4" x14ac:dyDescent="0.4">
      <c r="A10862">
        <v>1010023</v>
      </c>
      <c r="B10862" t="s">
        <v>815</v>
      </c>
      <c r="C10862" t="s">
        <v>816</v>
      </c>
      <c r="D10862" t="s">
        <v>9619</v>
      </c>
    </row>
    <row r="10863" spans="1:4" x14ac:dyDescent="0.4">
      <c r="A10863">
        <v>1010038</v>
      </c>
      <c r="B10863" t="s">
        <v>815</v>
      </c>
      <c r="C10863" t="s">
        <v>816</v>
      </c>
      <c r="D10863" t="s">
        <v>9620</v>
      </c>
    </row>
    <row r="10864" spans="1:4" x14ac:dyDescent="0.4">
      <c r="A10864">
        <v>1010053</v>
      </c>
      <c r="B10864" t="s">
        <v>815</v>
      </c>
      <c r="C10864" t="s">
        <v>816</v>
      </c>
      <c r="D10864" t="s">
        <v>9621</v>
      </c>
    </row>
    <row r="10865" spans="1:4" x14ac:dyDescent="0.4">
      <c r="A10865">
        <v>1020094</v>
      </c>
      <c r="B10865" t="s">
        <v>815</v>
      </c>
      <c r="C10865" t="s">
        <v>816</v>
      </c>
      <c r="D10865" t="s">
        <v>9622</v>
      </c>
    </row>
    <row r="10866" spans="1:4" x14ac:dyDescent="0.4">
      <c r="A10866">
        <v>1020091</v>
      </c>
      <c r="B10866" t="s">
        <v>815</v>
      </c>
      <c r="C10866" t="s">
        <v>816</v>
      </c>
      <c r="D10866" t="s">
        <v>9623</v>
      </c>
    </row>
    <row r="10867" spans="1:4" x14ac:dyDescent="0.4">
      <c r="A10867">
        <v>1020074</v>
      </c>
      <c r="B10867" t="s">
        <v>815</v>
      </c>
      <c r="C10867" t="s">
        <v>816</v>
      </c>
      <c r="D10867" t="s">
        <v>9624</v>
      </c>
    </row>
    <row r="10868" spans="1:4" x14ac:dyDescent="0.4">
      <c r="A10868">
        <v>1020073</v>
      </c>
      <c r="B10868" t="s">
        <v>815</v>
      </c>
      <c r="C10868" t="s">
        <v>816</v>
      </c>
      <c r="D10868" t="s">
        <v>9625</v>
      </c>
    </row>
    <row r="10869" spans="1:4" x14ac:dyDescent="0.4">
      <c r="A10869">
        <v>1000002</v>
      </c>
      <c r="B10869" t="s">
        <v>815</v>
      </c>
      <c r="C10869" t="s">
        <v>816</v>
      </c>
      <c r="D10869" t="s">
        <v>9626</v>
      </c>
    </row>
    <row r="10870" spans="1:4" x14ac:dyDescent="0.4">
      <c r="A10870">
        <v>1020083</v>
      </c>
      <c r="B10870" t="s">
        <v>815</v>
      </c>
      <c r="C10870" t="s">
        <v>816</v>
      </c>
      <c r="D10870" t="s">
        <v>9627</v>
      </c>
    </row>
    <row r="10871" spans="1:4" x14ac:dyDescent="0.4">
      <c r="A10871">
        <v>1020076</v>
      </c>
      <c r="B10871" t="s">
        <v>815</v>
      </c>
      <c r="C10871" t="s">
        <v>816</v>
      </c>
      <c r="D10871" t="s">
        <v>7442</v>
      </c>
    </row>
    <row r="10872" spans="1:4" x14ac:dyDescent="0.4">
      <c r="A10872">
        <v>1010064</v>
      </c>
      <c r="B10872" t="s">
        <v>815</v>
      </c>
      <c r="C10872" t="s">
        <v>816</v>
      </c>
      <c r="D10872" t="s">
        <v>8910</v>
      </c>
    </row>
    <row r="10873" spans="1:4" x14ac:dyDescent="0.4">
      <c r="A10873">
        <v>1020075</v>
      </c>
      <c r="B10873" t="s">
        <v>815</v>
      </c>
      <c r="C10873" t="s">
        <v>816</v>
      </c>
      <c r="D10873" t="s">
        <v>9628</v>
      </c>
    </row>
    <row r="10874" spans="1:4" x14ac:dyDescent="0.4">
      <c r="A10874">
        <v>1010021</v>
      </c>
      <c r="B10874" t="s">
        <v>815</v>
      </c>
      <c r="C10874" t="s">
        <v>816</v>
      </c>
      <c r="D10874" t="s">
        <v>9629</v>
      </c>
    </row>
    <row r="10875" spans="1:4" x14ac:dyDescent="0.4">
      <c r="A10875">
        <v>1000001</v>
      </c>
      <c r="B10875" t="s">
        <v>815</v>
      </c>
      <c r="C10875" t="s">
        <v>816</v>
      </c>
      <c r="D10875" t="s">
        <v>2161</v>
      </c>
    </row>
    <row r="10876" spans="1:4" x14ac:dyDescent="0.4">
      <c r="A10876">
        <v>1000014</v>
      </c>
      <c r="B10876" t="s">
        <v>815</v>
      </c>
      <c r="C10876" t="s">
        <v>816</v>
      </c>
      <c r="D10876" t="s">
        <v>9630</v>
      </c>
    </row>
    <row r="10877" spans="1:4" x14ac:dyDescent="0.4">
      <c r="A10877">
        <v>1006190</v>
      </c>
      <c r="B10877" t="s">
        <v>815</v>
      </c>
      <c r="C10877" t="s">
        <v>816</v>
      </c>
      <c r="D10877" t="s">
        <v>9631</v>
      </c>
    </row>
    <row r="10878" spans="1:4" x14ac:dyDescent="0.4">
      <c r="A10878">
        <v>1006101</v>
      </c>
      <c r="B10878" t="s">
        <v>815</v>
      </c>
      <c r="C10878" t="s">
        <v>816</v>
      </c>
      <c r="D10878" t="s">
        <v>9632</v>
      </c>
    </row>
    <row r="10879" spans="1:4" x14ac:dyDescent="0.4">
      <c r="A10879">
        <v>1006102</v>
      </c>
      <c r="B10879" t="s">
        <v>815</v>
      </c>
      <c r="C10879" t="s">
        <v>816</v>
      </c>
      <c r="D10879" t="s">
        <v>9633</v>
      </c>
    </row>
    <row r="10880" spans="1:4" x14ac:dyDescent="0.4">
      <c r="A10880">
        <v>1006103</v>
      </c>
      <c r="B10880" t="s">
        <v>815</v>
      </c>
      <c r="C10880" t="s">
        <v>816</v>
      </c>
      <c r="D10880" t="s">
        <v>9634</v>
      </c>
    </row>
    <row r="10881" spans="1:4" x14ac:dyDescent="0.4">
      <c r="A10881">
        <v>1006104</v>
      </c>
      <c r="B10881" t="s">
        <v>815</v>
      </c>
      <c r="C10881" t="s">
        <v>816</v>
      </c>
      <c r="D10881" t="s">
        <v>9635</v>
      </c>
    </row>
    <row r="10882" spans="1:4" x14ac:dyDescent="0.4">
      <c r="A10882">
        <v>1006105</v>
      </c>
      <c r="B10882" t="s">
        <v>815</v>
      </c>
      <c r="C10882" t="s">
        <v>816</v>
      </c>
      <c r="D10882" t="s">
        <v>9636</v>
      </c>
    </row>
    <row r="10883" spans="1:4" x14ac:dyDescent="0.4">
      <c r="A10883">
        <v>1006106</v>
      </c>
      <c r="B10883" t="s">
        <v>815</v>
      </c>
      <c r="C10883" t="s">
        <v>816</v>
      </c>
      <c r="D10883" t="s">
        <v>9637</v>
      </c>
    </row>
    <row r="10884" spans="1:4" x14ac:dyDescent="0.4">
      <c r="A10884">
        <v>1006107</v>
      </c>
      <c r="B10884" t="s">
        <v>815</v>
      </c>
      <c r="C10884" t="s">
        <v>816</v>
      </c>
      <c r="D10884" t="s">
        <v>9638</v>
      </c>
    </row>
    <row r="10885" spans="1:4" x14ac:dyDescent="0.4">
      <c r="A10885">
        <v>1006108</v>
      </c>
      <c r="B10885" t="s">
        <v>815</v>
      </c>
      <c r="C10885" t="s">
        <v>816</v>
      </c>
      <c r="D10885" t="s">
        <v>9639</v>
      </c>
    </row>
    <row r="10886" spans="1:4" x14ac:dyDescent="0.4">
      <c r="A10886">
        <v>1006109</v>
      </c>
      <c r="B10886" t="s">
        <v>815</v>
      </c>
      <c r="C10886" t="s">
        <v>816</v>
      </c>
      <c r="D10886" t="s">
        <v>9640</v>
      </c>
    </row>
    <row r="10887" spans="1:4" x14ac:dyDescent="0.4">
      <c r="A10887">
        <v>1006110</v>
      </c>
      <c r="B10887" t="s">
        <v>815</v>
      </c>
      <c r="C10887" t="s">
        <v>816</v>
      </c>
      <c r="D10887" t="s">
        <v>9641</v>
      </c>
    </row>
    <row r="10888" spans="1:4" x14ac:dyDescent="0.4">
      <c r="A10888">
        <v>1006111</v>
      </c>
      <c r="B10888" t="s">
        <v>815</v>
      </c>
      <c r="C10888" t="s">
        <v>816</v>
      </c>
      <c r="D10888" t="s">
        <v>9642</v>
      </c>
    </row>
    <row r="10889" spans="1:4" x14ac:dyDescent="0.4">
      <c r="A10889">
        <v>1006112</v>
      </c>
      <c r="B10889" t="s">
        <v>815</v>
      </c>
      <c r="C10889" t="s">
        <v>816</v>
      </c>
      <c r="D10889" t="s">
        <v>9643</v>
      </c>
    </row>
    <row r="10890" spans="1:4" x14ac:dyDescent="0.4">
      <c r="A10890">
        <v>1006113</v>
      </c>
      <c r="B10890" t="s">
        <v>815</v>
      </c>
      <c r="C10890" t="s">
        <v>816</v>
      </c>
      <c r="D10890" t="s">
        <v>9644</v>
      </c>
    </row>
    <row r="10891" spans="1:4" x14ac:dyDescent="0.4">
      <c r="A10891">
        <v>1006114</v>
      </c>
      <c r="B10891" t="s">
        <v>815</v>
      </c>
      <c r="C10891" t="s">
        <v>816</v>
      </c>
      <c r="D10891" t="s">
        <v>9645</v>
      </c>
    </row>
    <row r="10892" spans="1:4" x14ac:dyDescent="0.4">
      <c r="A10892">
        <v>1006115</v>
      </c>
      <c r="B10892" t="s">
        <v>815</v>
      </c>
      <c r="C10892" t="s">
        <v>816</v>
      </c>
      <c r="D10892" t="s">
        <v>9646</v>
      </c>
    </row>
    <row r="10893" spans="1:4" x14ac:dyDescent="0.4">
      <c r="A10893">
        <v>1006116</v>
      </c>
      <c r="B10893" t="s">
        <v>815</v>
      </c>
      <c r="C10893" t="s">
        <v>816</v>
      </c>
      <c r="D10893" t="s">
        <v>9647</v>
      </c>
    </row>
    <row r="10894" spans="1:4" x14ac:dyDescent="0.4">
      <c r="A10894">
        <v>1006117</v>
      </c>
      <c r="B10894" t="s">
        <v>815</v>
      </c>
      <c r="C10894" t="s">
        <v>816</v>
      </c>
      <c r="D10894" t="s">
        <v>9648</v>
      </c>
    </row>
    <row r="10895" spans="1:4" x14ac:dyDescent="0.4">
      <c r="A10895">
        <v>1006118</v>
      </c>
      <c r="B10895" t="s">
        <v>815</v>
      </c>
      <c r="C10895" t="s">
        <v>816</v>
      </c>
      <c r="D10895" t="s">
        <v>9649</v>
      </c>
    </row>
    <row r="10896" spans="1:4" x14ac:dyDescent="0.4">
      <c r="A10896">
        <v>1006119</v>
      </c>
      <c r="B10896" t="s">
        <v>815</v>
      </c>
      <c r="C10896" t="s">
        <v>816</v>
      </c>
      <c r="D10896" t="s">
        <v>9650</v>
      </c>
    </row>
    <row r="10897" spans="1:4" x14ac:dyDescent="0.4">
      <c r="A10897">
        <v>1006120</v>
      </c>
      <c r="B10897" t="s">
        <v>815</v>
      </c>
      <c r="C10897" t="s">
        <v>816</v>
      </c>
      <c r="D10897" t="s">
        <v>9651</v>
      </c>
    </row>
    <row r="10898" spans="1:4" x14ac:dyDescent="0.4">
      <c r="A10898">
        <v>1006121</v>
      </c>
      <c r="B10898" t="s">
        <v>815</v>
      </c>
      <c r="C10898" t="s">
        <v>816</v>
      </c>
      <c r="D10898" t="s">
        <v>9652</v>
      </c>
    </row>
    <row r="10899" spans="1:4" x14ac:dyDescent="0.4">
      <c r="A10899">
        <v>1006122</v>
      </c>
      <c r="B10899" t="s">
        <v>815</v>
      </c>
      <c r="C10899" t="s">
        <v>816</v>
      </c>
      <c r="D10899" t="s">
        <v>9653</v>
      </c>
    </row>
    <row r="10900" spans="1:4" x14ac:dyDescent="0.4">
      <c r="A10900">
        <v>1006123</v>
      </c>
      <c r="B10900" t="s">
        <v>815</v>
      </c>
      <c r="C10900" t="s">
        <v>816</v>
      </c>
      <c r="D10900" t="s">
        <v>9654</v>
      </c>
    </row>
    <row r="10901" spans="1:4" x14ac:dyDescent="0.4">
      <c r="A10901">
        <v>1006124</v>
      </c>
      <c r="B10901" t="s">
        <v>815</v>
      </c>
      <c r="C10901" t="s">
        <v>816</v>
      </c>
      <c r="D10901" t="s">
        <v>9655</v>
      </c>
    </row>
    <row r="10902" spans="1:4" x14ac:dyDescent="0.4">
      <c r="A10902">
        <v>1006125</v>
      </c>
      <c r="B10902" t="s">
        <v>815</v>
      </c>
      <c r="C10902" t="s">
        <v>816</v>
      </c>
      <c r="D10902" t="s">
        <v>9656</v>
      </c>
    </row>
    <row r="10903" spans="1:4" x14ac:dyDescent="0.4">
      <c r="A10903">
        <v>1006126</v>
      </c>
      <c r="B10903" t="s">
        <v>815</v>
      </c>
      <c r="C10903" t="s">
        <v>816</v>
      </c>
      <c r="D10903" t="s">
        <v>9657</v>
      </c>
    </row>
    <row r="10904" spans="1:4" x14ac:dyDescent="0.4">
      <c r="A10904">
        <v>1006127</v>
      </c>
      <c r="B10904" t="s">
        <v>815</v>
      </c>
      <c r="C10904" t="s">
        <v>816</v>
      </c>
      <c r="D10904" t="s">
        <v>9658</v>
      </c>
    </row>
    <row r="10905" spans="1:4" x14ac:dyDescent="0.4">
      <c r="A10905">
        <v>1006128</v>
      </c>
      <c r="B10905" t="s">
        <v>815</v>
      </c>
      <c r="C10905" t="s">
        <v>816</v>
      </c>
      <c r="D10905" t="s">
        <v>9659</v>
      </c>
    </row>
    <row r="10906" spans="1:4" x14ac:dyDescent="0.4">
      <c r="A10906">
        <v>1006129</v>
      </c>
      <c r="B10906" t="s">
        <v>815</v>
      </c>
      <c r="C10906" t="s">
        <v>816</v>
      </c>
      <c r="D10906" t="s">
        <v>9660</v>
      </c>
    </row>
    <row r="10907" spans="1:4" x14ac:dyDescent="0.4">
      <c r="A10907">
        <v>1006130</v>
      </c>
      <c r="B10907" t="s">
        <v>815</v>
      </c>
      <c r="C10907" t="s">
        <v>816</v>
      </c>
      <c r="D10907" t="s">
        <v>9661</v>
      </c>
    </row>
    <row r="10908" spans="1:4" x14ac:dyDescent="0.4">
      <c r="A10908">
        <v>1006131</v>
      </c>
      <c r="B10908" t="s">
        <v>815</v>
      </c>
      <c r="C10908" t="s">
        <v>816</v>
      </c>
      <c r="D10908" t="s">
        <v>9662</v>
      </c>
    </row>
    <row r="10909" spans="1:4" x14ac:dyDescent="0.4">
      <c r="A10909">
        <v>1006132</v>
      </c>
      <c r="B10909" t="s">
        <v>815</v>
      </c>
      <c r="C10909" t="s">
        <v>816</v>
      </c>
      <c r="D10909" t="s">
        <v>9663</v>
      </c>
    </row>
    <row r="10910" spans="1:4" x14ac:dyDescent="0.4">
      <c r="A10910">
        <v>1006133</v>
      </c>
      <c r="B10910" t="s">
        <v>815</v>
      </c>
      <c r="C10910" t="s">
        <v>816</v>
      </c>
      <c r="D10910" t="s">
        <v>9664</v>
      </c>
    </row>
    <row r="10911" spans="1:4" x14ac:dyDescent="0.4">
      <c r="A10911">
        <v>1006134</v>
      </c>
      <c r="B10911" t="s">
        <v>815</v>
      </c>
      <c r="C10911" t="s">
        <v>816</v>
      </c>
      <c r="D10911" t="s">
        <v>9665</v>
      </c>
    </row>
    <row r="10912" spans="1:4" x14ac:dyDescent="0.4">
      <c r="A10912">
        <v>1006135</v>
      </c>
      <c r="B10912" t="s">
        <v>815</v>
      </c>
      <c r="C10912" t="s">
        <v>816</v>
      </c>
      <c r="D10912" t="s">
        <v>9666</v>
      </c>
    </row>
    <row r="10913" spans="1:4" x14ac:dyDescent="0.4">
      <c r="A10913">
        <v>1006136</v>
      </c>
      <c r="B10913" t="s">
        <v>815</v>
      </c>
      <c r="C10913" t="s">
        <v>816</v>
      </c>
      <c r="D10913" t="s">
        <v>9667</v>
      </c>
    </row>
    <row r="10914" spans="1:4" x14ac:dyDescent="0.4">
      <c r="A10914">
        <v>1006137</v>
      </c>
      <c r="B10914" t="s">
        <v>815</v>
      </c>
      <c r="C10914" t="s">
        <v>816</v>
      </c>
      <c r="D10914" t="s">
        <v>9668</v>
      </c>
    </row>
    <row r="10915" spans="1:4" x14ac:dyDescent="0.4">
      <c r="A10915">
        <v>1006138</v>
      </c>
      <c r="B10915" t="s">
        <v>815</v>
      </c>
      <c r="C10915" t="s">
        <v>816</v>
      </c>
      <c r="D10915" t="s">
        <v>9669</v>
      </c>
    </row>
    <row r="10916" spans="1:4" x14ac:dyDescent="0.4">
      <c r="A10916">
        <v>1006139</v>
      </c>
      <c r="B10916" t="s">
        <v>815</v>
      </c>
      <c r="C10916" t="s">
        <v>816</v>
      </c>
      <c r="D10916" t="s">
        <v>9670</v>
      </c>
    </row>
    <row r="10917" spans="1:4" x14ac:dyDescent="0.4">
      <c r="A10917">
        <v>1006140</v>
      </c>
      <c r="B10917" t="s">
        <v>815</v>
      </c>
      <c r="C10917" t="s">
        <v>816</v>
      </c>
      <c r="D10917" t="s">
        <v>9671</v>
      </c>
    </row>
    <row r="10918" spans="1:4" x14ac:dyDescent="0.4">
      <c r="A10918">
        <v>1006141</v>
      </c>
      <c r="B10918" t="s">
        <v>815</v>
      </c>
      <c r="C10918" t="s">
        <v>816</v>
      </c>
      <c r="D10918" t="s">
        <v>9672</v>
      </c>
    </row>
    <row r="10919" spans="1:4" x14ac:dyDescent="0.4">
      <c r="A10919">
        <v>1006142</v>
      </c>
      <c r="B10919" t="s">
        <v>815</v>
      </c>
      <c r="C10919" t="s">
        <v>816</v>
      </c>
      <c r="D10919" t="s">
        <v>9673</v>
      </c>
    </row>
    <row r="10920" spans="1:4" x14ac:dyDescent="0.4">
      <c r="A10920">
        <v>1006143</v>
      </c>
      <c r="B10920" t="s">
        <v>815</v>
      </c>
      <c r="C10920" t="s">
        <v>816</v>
      </c>
      <c r="D10920" t="s">
        <v>9674</v>
      </c>
    </row>
    <row r="10921" spans="1:4" x14ac:dyDescent="0.4">
      <c r="A10921">
        <v>1006144</v>
      </c>
      <c r="B10921" t="s">
        <v>815</v>
      </c>
      <c r="C10921" t="s">
        <v>816</v>
      </c>
      <c r="D10921" t="s">
        <v>9675</v>
      </c>
    </row>
    <row r="10922" spans="1:4" x14ac:dyDescent="0.4">
      <c r="A10922">
        <v>1010065</v>
      </c>
      <c r="B10922" t="s">
        <v>815</v>
      </c>
      <c r="C10922" t="s">
        <v>816</v>
      </c>
      <c r="D10922" t="s">
        <v>9676</v>
      </c>
    </row>
    <row r="10923" spans="1:4" x14ac:dyDescent="0.4">
      <c r="A10923">
        <v>1020084</v>
      </c>
      <c r="B10923" t="s">
        <v>815</v>
      </c>
      <c r="C10923" t="s">
        <v>816</v>
      </c>
      <c r="D10923" t="s">
        <v>9677</v>
      </c>
    </row>
    <row r="10924" spans="1:4" x14ac:dyDescent="0.4">
      <c r="A10924">
        <v>1020092</v>
      </c>
      <c r="B10924" t="s">
        <v>815</v>
      </c>
      <c r="C10924" t="s">
        <v>816</v>
      </c>
      <c r="D10924" t="s">
        <v>9678</v>
      </c>
    </row>
    <row r="10925" spans="1:4" x14ac:dyDescent="0.4">
      <c r="A10925">
        <v>1010031</v>
      </c>
      <c r="B10925" t="s">
        <v>815</v>
      </c>
      <c r="C10925" t="s">
        <v>816</v>
      </c>
      <c r="D10925" t="s">
        <v>9679</v>
      </c>
    </row>
    <row r="10926" spans="1:4" x14ac:dyDescent="0.4">
      <c r="A10926">
        <v>1000003</v>
      </c>
      <c r="B10926" t="s">
        <v>815</v>
      </c>
      <c r="C10926" t="s">
        <v>816</v>
      </c>
      <c r="D10926" t="s">
        <v>9680</v>
      </c>
    </row>
    <row r="10927" spans="1:4" x14ac:dyDescent="0.4">
      <c r="A10927">
        <v>1010003</v>
      </c>
      <c r="B10927" t="s">
        <v>815</v>
      </c>
      <c r="C10927" t="s">
        <v>816</v>
      </c>
      <c r="D10927" t="s">
        <v>9681</v>
      </c>
    </row>
    <row r="10928" spans="1:4" x14ac:dyDescent="0.4">
      <c r="A10928">
        <v>1000012</v>
      </c>
      <c r="B10928" t="s">
        <v>815</v>
      </c>
      <c r="C10928" t="s">
        <v>816</v>
      </c>
      <c r="D10928" t="s">
        <v>9682</v>
      </c>
    </row>
    <row r="10929" spans="1:4" x14ac:dyDescent="0.4">
      <c r="A10929">
        <v>1020093</v>
      </c>
      <c r="B10929" t="s">
        <v>815</v>
      </c>
      <c r="C10929" t="s">
        <v>816</v>
      </c>
      <c r="D10929" t="s">
        <v>9683</v>
      </c>
    </row>
    <row r="10930" spans="1:4" x14ac:dyDescent="0.4">
      <c r="A10930">
        <v>1020071</v>
      </c>
      <c r="B10930" t="s">
        <v>815</v>
      </c>
      <c r="C10930" t="s">
        <v>816</v>
      </c>
      <c r="D10930" t="s">
        <v>207</v>
      </c>
    </row>
    <row r="10931" spans="1:4" x14ac:dyDescent="0.4">
      <c r="A10931">
        <v>1000005</v>
      </c>
      <c r="B10931" t="s">
        <v>815</v>
      </c>
      <c r="C10931" t="s">
        <v>816</v>
      </c>
      <c r="D10931" t="s">
        <v>9684</v>
      </c>
    </row>
    <row r="10932" spans="1:4" x14ac:dyDescent="0.4">
      <c r="A10932">
        <v>1006690</v>
      </c>
      <c r="B10932" t="s">
        <v>815</v>
      </c>
      <c r="C10932" t="s">
        <v>816</v>
      </c>
      <c r="D10932" t="s">
        <v>9685</v>
      </c>
    </row>
    <row r="10933" spans="1:4" x14ac:dyDescent="0.4">
      <c r="A10933">
        <v>1006601</v>
      </c>
      <c r="B10933" t="s">
        <v>815</v>
      </c>
      <c r="C10933" t="s">
        <v>816</v>
      </c>
      <c r="D10933" t="s">
        <v>9686</v>
      </c>
    </row>
    <row r="10934" spans="1:4" x14ac:dyDescent="0.4">
      <c r="A10934">
        <v>1006602</v>
      </c>
      <c r="B10934" t="s">
        <v>815</v>
      </c>
      <c r="C10934" t="s">
        <v>816</v>
      </c>
      <c r="D10934" t="s">
        <v>9687</v>
      </c>
    </row>
    <row r="10935" spans="1:4" x14ac:dyDescent="0.4">
      <c r="A10935">
        <v>1006603</v>
      </c>
      <c r="B10935" t="s">
        <v>815</v>
      </c>
      <c r="C10935" t="s">
        <v>816</v>
      </c>
      <c r="D10935" t="s">
        <v>9688</v>
      </c>
    </row>
    <row r="10936" spans="1:4" x14ac:dyDescent="0.4">
      <c r="A10936">
        <v>1006604</v>
      </c>
      <c r="B10936" t="s">
        <v>815</v>
      </c>
      <c r="C10936" t="s">
        <v>816</v>
      </c>
      <c r="D10936" t="s">
        <v>9689</v>
      </c>
    </row>
    <row r="10937" spans="1:4" x14ac:dyDescent="0.4">
      <c r="A10937">
        <v>1006605</v>
      </c>
      <c r="B10937" t="s">
        <v>815</v>
      </c>
      <c r="C10937" t="s">
        <v>816</v>
      </c>
      <c r="D10937" t="s">
        <v>9690</v>
      </c>
    </row>
    <row r="10938" spans="1:4" x14ac:dyDescent="0.4">
      <c r="A10938">
        <v>1006606</v>
      </c>
      <c r="B10938" t="s">
        <v>815</v>
      </c>
      <c r="C10938" t="s">
        <v>816</v>
      </c>
      <c r="D10938" t="s">
        <v>9691</v>
      </c>
    </row>
    <row r="10939" spans="1:4" x14ac:dyDescent="0.4">
      <c r="A10939">
        <v>1006607</v>
      </c>
      <c r="B10939" t="s">
        <v>815</v>
      </c>
      <c r="C10939" t="s">
        <v>816</v>
      </c>
      <c r="D10939" t="s">
        <v>9692</v>
      </c>
    </row>
    <row r="10940" spans="1:4" x14ac:dyDescent="0.4">
      <c r="A10940">
        <v>1006608</v>
      </c>
      <c r="B10940" t="s">
        <v>815</v>
      </c>
      <c r="C10940" t="s">
        <v>816</v>
      </c>
      <c r="D10940" t="s">
        <v>9693</v>
      </c>
    </row>
    <row r="10941" spans="1:4" x14ac:dyDescent="0.4">
      <c r="A10941">
        <v>1006609</v>
      </c>
      <c r="B10941" t="s">
        <v>815</v>
      </c>
      <c r="C10941" t="s">
        <v>816</v>
      </c>
      <c r="D10941" t="s">
        <v>9694</v>
      </c>
    </row>
    <row r="10942" spans="1:4" x14ac:dyDescent="0.4">
      <c r="A10942">
        <v>1006610</v>
      </c>
      <c r="B10942" t="s">
        <v>815</v>
      </c>
      <c r="C10942" t="s">
        <v>816</v>
      </c>
      <c r="D10942" t="s">
        <v>9695</v>
      </c>
    </row>
    <row r="10943" spans="1:4" x14ac:dyDescent="0.4">
      <c r="A10943">
        <v>1006611</v>
      </c>
      <c r="B10943" t="s">
        <v>815</v>
      </c>
      <c r="C10943" t="s">
        <v>816</v>
      </c>
      <c r="D10943" t="s">
        <v>9696</v>
      </c>
    </row>
    <row r="10944" spans="1:4" x14ac:dyDescent="0.4">
      <c r="A10944">
        <v>1006612</v>
      </c>
      <c r="B10944" t="s">
        <v>815</v>
      </c>
      <c r="C10944" t="s">
        <v>816</v>
      </c>
      <c r="D10944" t="s">
        <v>9697</v>
      </c>
    </row>
    <row r="10945" spans="1:4" x14ac:dyDescent="0.4">
      <c r="A10945">
        <v>1006613</v>
      </c>
      <c r="B10945" t="s">
        <v>815</v>
      </c>
      <c r="C10945" t="s">
        <v>816</v>
      </c>
      <c r="D10945" t="s">
        <v>9698</v>
      </c>
    </row>
    <row r="10946" spans="1:4" x14ac:dyDescent="0.4">
      <c r="A10946">
        <v>1006614</v>
      </c>
      <c r="B10946" t="s">
        <v>815</v>
      </c>
      <c r="C10946" t="s">
        <v>816</v>
      </c>
      <c r="D10946" t="s">
        <v>9699</v>
      </c>
    </row>
    <row r="10947" spans="1:4" x14ac:dyDescent="0.4">
      <c r="A10947">
        <v>1006615</v>
      </c>
      <c r="B10947" t="s">
        <v>815</v>
      </c>
      <c r="C10947" t="s">
        <v>816</v>
      </c>
      <c r="D10947" t="s">
        <v>9700</v>
      </c>
    </row>
    <row r="10948" spans="1:4" x14ac:dyDescent="0.4">
      <c r="A10948">
        <v>1006616</v>
      </c>
      <c r="B10948" t="s">
        <v>815</v>
      </c>
      <c r="C10948" t="s">
        <v>816</v>
      </c>
      <c r="D10948" t="s">
        <v>9701</v>
      </c>
    </row>
    <row r="10949" spans="1:4" x14ac:dyDescent="0.4">
      <c r="A10949">
        <v>1006617</v>
      </c>
      <c r="B10949" t="s">
        <v>815</v>
      </c>
      <c r="C10949" t="s">
        <v>816</v>
      </c>
      <c r="D10949" t="s">
        <v>9702</v>
      </c>
    </row>
    <row r="10950" spans="1:4" x14ac:dyDescent="0.4">
      <c r="A10950">
        <v>1086025</v>
      </c>
      <c r="B10950" t="s">
        <v>815</v>
      </c>
      <c r="C10950" t="s">
        <v>818</v>
      </c>
      <c r="D10950" t="s">
        <v>9703</v>
      </c>
    </row>
    <row r="10951" spans="1:4" x14ac:dyDescent="0.4">
      <c r="A10951">
        <v>1086026</v>
      </c>
      <c r="B10951" t="s">
        <v>815</v>
      </c>
      <c r="C10951" t="s">
        <v>818</v>
      </c>
      <c r="D10951" t="s">
        <v>9704</v>
      </c>
    </row>
    <row r="10952" spans="1:4" x14ac:dyDescent="0.4">
      <c r="A10952">
        <v>1086027</v>
      </c>
      <c r="B10952" t="s">
        <v>815</v>
      </c>
      <c r="C10952" t="s">
        <v>818</v>
      </c>
      <c r="D10952" t="s">
        <v>9705</v>
      </c>
    </row>
    <row r="10953" spans="1:4" x14ac:dyDescent="0.4">
      <c r="A10953">
        <v>1086028</v>
      </c>
      <c r="B10953" t="s">
        <v>815</v>
      </c>
      <c r="C10953" t="s">
        <v>818</v>
      </c>
      <c r="D10953" t="s">
        <v>9706</v>
      </c>
    </row>
    <row r="10954" spans="1:4" x14ac:dyDescent="0.4">
      <c r="A10954">
        <v>1086029</v>
      </c>
      <c r="B10954" t="s">
        <v>815</v>
      </c>
      <c r="C10954" t="s">
        <v>818</v>
      </c>
      <c r="D10954" t="s">
        <v>9707</v>
      </c>
    </row>
    <row r="10955" spans="1:4" x14ac:dyDescent="0.4">
      <c r="A10955">
        <v>1086030</v>
      </c>
      <c r="B10955" t="s">
        <v>815</v>
      </c>
      <c r="C10955" t="s">
        <v>818</v>
      </c>
      <c r="D10955" t="s">
        <v>9708</v>
      </c>
    </row>
    <row r="10956" spans="1:4" x14ac:dyDescent="0.4">
      <c r="A10956">
        <v>1086031</v>
      </c>
      <c r="B10956" t="s">
        <v>815</v>
      </c>
      <c r="C10956" t="s">
        <v>818</v>
      </c>
      <c r="D10956" t="s">
        <v>9709</v>
      </c>
    </row>
    <row r="10957" spans="1:4" x14ac:dyDescent="0.4">
      <c r="A10957">
        <v>1086032</v>
      </c>
      <c r="B10957" t="s">
        <v>815</v>
      </c>
      <c r="C10957" t="s">
        <v>818</v>
      </c>
      <c r="D10957" t="s">
        <v>9710</v>
      </c>
    </row>
    <row r="10958" spans="1:4" x14ac:dyDescent="0.4">
      <c r="A10958">
        <v>1086190</v>
      </c>
      <c r="B10958" t="s">
        <v>815</v>
      </c>
      <c r="C10958" t="s">
        <v>818</v>
      </c>
      <c r="D10958" t="s">
        <v>9711</v>
      </c>
    </row>
    <row r="10959" spans="1:4" x14ac:dyDescent="0.4">
      <c r="A10959">
        <v>1086101</v>
      </c>
      <c r="B10959" t="s">
        <v>815</v>
      </c>
      <c r="C10959" t="s">
        <v>818</v>
      </c>
      <c r="D10959" t="s">
        <v>9712</v>
      </c>
    </row>
    <row r="10960" spans="1:4" x14ac:dyDescent="0.4">
      <c r="A10960">
        <v>1086102</v>
      </c>
      <c r="B10960" t="s">
        <v>815</v>
      </c>
      <c r="C10960" t="s">
        <v>818</v>
      </c>
      <c r="D10960" t="s">
        <v>9713</v>
      </c>
    </row>
    <row r="10961" spans="1:4" x14ac:dyDescent="0.4">
      <c r="A10961">
        <v>1086103</v>
      </c>
      <c r="B10961" t="s">
        <v>815</v>
      </c>
      <c r="C10961" t="s">
        <v>818</v>
      </c>
      <c r="D10961" t="s">
        <v>9714</v>
      </c>
    </row>
    <row r="10962" spans="1:4" x14ac:dyDescent="0.4">
      <c r="A10962">
        <v>1086104</v>
      </c>
      <c r="B10962" t="s">
        <v>815</v>
      </c>
      <c r="C10962" t="s">
        <v>818</v>
      </c>
      <c r="D10962" t="s">
        <v>9715</v>
      </c>
    </row>
    <row r="10963" spans="1:4" x14ac:dyDescent="0.4">
      <c r="A10963">
        <v>1086105</v>
      </c>
      <c r="B10963" t="s">
        <v>815</v>
      </c>
      <c r="C10963" t="s">
        <v>818</v>
      </c>
      <c r="D10963" t="s">
        <v>9716</v>
      </c>
    </row>
    <row r="10964" spans="1:4" x14ac:dyDescent="0.4">
      <c r="A10964">
        <v>1086106</v>
      </c>
      <c r="B10964" t="s">
        <v>815</v>
      </c>
      <c r="C10964" t="s">
        <v>818</v>
      </c>
      <c r="D10964" t="s">
        <v>9717</v>
      </c>
    </row>
    <row r="10965" spans="1:4" x14ac:dyDescent="0.4">
      <c r="A10965">
        <v>1086107</v>
      </c>
      <c r="B10965" t="s">
        <v>815</v>
      </c>
      <c r="C10965" t="s">
        <v>818</v>
      </c>
      <c r="D10965" t="s">
        <v>9718</v>
      </c>
    </row>
    <row r="10966" spans="1:4" x14ac:dyDescent="0.4">
      <c r="A10966">
        <v>1086108</v>
      </c>
      <c r="B10966" t="s">
        <v>815</v>
      </c>
      <c r="C10966" t="s">
        <v>818</v>
      </c>
      <c r="D10966" t="s">
        <v>9719</v>
      </c>
    </row>
    <row r="10967" spans="1:4" x14ac:dyDescent="0.4">
      <c r="A10967">
        <v>1086109</v>
      </c>
      <c r="B10967" t="s">
        <v>815</v>
      </c>
      <c r="C10967" t="s">
        <v>818</v>
      </c>
      <c r="D10967" t="s">
        <v>9720</v>
      </c>
    </row>
    <row r="10968" spans="1:4" x14ac:dyDescent="0.4">
      <c r="A10968">
        <v>1086110</v>
      </c>
      <c r="B10968" t="s">
        <v>815</v>
      </c>
      <c r="C10968" t="s">
        <v>818</v>
      </c>
      <c r="D10968" t="s">
        <v>9721</v>
      </c>
    </row>
    <row r="10969" spans="1:4" x14ac:dyDescent="0.4">
      <c r="A10969">
        <v>1086111</v>
      </c>
      <c r="B10969" t="s">
        <v>815</v>
      </c>
      <c r="C10969" t="s">
        <v>818</v>
      </c>
      <c r="D10969" t="s">
        <v>9722</v>
      </c>
    </row>
    <row r="10970" spans="1:4" x14ac:dyDescent="0.4">
      <c r="A10970">
        <v>1086112</v>
      </c>
      <c r="B10970" t="s">
        <v>815</v>
      </c>
      <c r="C10970" t="s">
        <v>818</v>
      </c>
      <c r="D10970" t="s">
        <v>9723</v>
      </c>
    </row>
    <row r="10971" spans="1:4" x14ac:dyDescent="0.4">
      <c r="A10971">
        <v>1086113</v>
      </c>
      <c r="B10971" t="s">
        <v>815</v>
      </c>
      <c r="C10971" t="s">
        <v>818</v>
      </c>
      <c r="D10971" t="s">
        <v>9724</v>
      </c>
    </row>
    <row r="10972" spans="1:4" x14ac:dyDescent="0.4">
      <c r="A10972">
        <v>1086114</v>
      </c>
      <c r="B10972" t="s">
        <v>815</v>
      </c>
      <c r="C10972" t="s">
        <v>818</v>
      </c>
      <c r="D10972" t="s">
        <v>9725</v>
      </c>
    </row>
    <row r="10973" spans="1:4" x14ac:dyDescent="0.4">
      <c r="A10973">
        <v>1086115</v>
      </c>
      <c r="B10973" t="s">
        <v>815</v>
      </c>
      <c r="C10973" t="s">
        <v>818</v>
      </c>
      <c r="D10973" t="s">
        <v>9726</v>
      </c>
    </row>
    <row r="10974" spans="1:4" x14ac:dyDescent="0.4">
      <c r="A10974">
        <v>1086116</v>
      </c>
      <c r="B10974" t="s">
        <v>815</v>
      </c>
      <c r="C10974" t="s">
        <v>818</v>
      </c>
      <c r="D10974" t="s">
        <v>9727</v>
      </c>
    </row>
    <row r="10975" spans="1:4" x14ac:dyDescent="0.4">
      <c r="A10975">
        <v>1086117</v>
      </c>
      <c r="B10975" t="s">
        <v>815</v>
      </c>
      <c r="C10975" t="s">
        <v>818</v>
      </c>
      <c r="D10975" t="s">
        <v>9728</v>
      </c>
    </row>
    <row r="10976" spans="1:4" x14ac:dyDescent="0.4">
      <c r="A10976">
        <v>1086118</v>
      </c>
      <c r="B10976" t="s">
        <v>815</v>
      </c>
      <c r="C10976" t="s">
        <v>818</v>
      </c>
      <c r="D10976" t="s">
        <v>9729</v>
      </c>
    </row>
    <row r="10977" spans="1:4" x14ac:dyDescent="0.4">
      <c r="A10977">
        <v>1086119</v>
      </c>
      <c r="B10977" t="s">
        <v>815</v>
      </c>
      <c r="C10977" t="s">
        <v>818</v>
      </c>
      <c r="D10977" t="s">
        <v>9730</v>
      </c>
    </row>
    <row r="10978" spans="1:4" x14ac:dyDescent="0.4">
      <c r="A10978">
        <v>1086120</v>
      </c>
      <c r="B10978" t="s">
        <v>815</v>
      </c>
      <c r="C10978" t="s">
        <v>818</v>
      </c>
      <c r="D10978" t="s">
        <v>9731</v>
      </c>
    </row>
    <row r="10979" spans="1:4" x14ac:dyDescent="0.4">
      <c r="A10979">
        <v>1086121</v>
      </c>
      <c r="B10979" t="s">
        <v>815</v>
      </c>
      <c r="C10979" t="s">
        <v>818</v>
      </c>
      <c r="D10979" t="s">
        <v>9732</v>
      </c>
    </row>
    <row r="10980" spans="1:4" x14ac:dyDescent="0.4">
      <c r="A10980">
        <v>1086122</v>
      </c>
      <c r="B10980" t="s">
        <v>815</v>
      </c>
      <c r="C10980" t="s">
        <v>818</v>
      </c>
      <c r="D10980" t="s">
        <v>9733</v>
      </c>
    </row>
    <row r="10981" spans="1:4" x14ac:dyDescent="0.4">
      <c r="A10981">
        <v>1086123</v>
      </c>
      <c r="B10981" t="s">
        <v>815</v>
      </c>
      <c r="C10981" t="s">
        <v>818</v>
      </c>
      <c r="D10981" t="s">
        <v>9734</v>
      </c>
    </row>
    <row r="10982" spans="1:4" x14ac:dyDescent="0.4">
      <c r="A10982">
        <v>1086124</v>
      </c>
      <c r="B10982" t="s">
        <v>815</v>
      </c>
      <c r="C10982" t="s">
        <v>818</v>
      </c>
      <c r="D10982" t="s">
        <v>9735</v>
      </c>
    </row>
    <row r="10983" spans="1:4" x14ac:dyDescent="0.4">
      <c r="A10983">
        <v>1086125</v>
      </c>
      <c r="B10983" t="s">
        <v>815</v>
      </c>
      <c r="C10983" t="s">
        <v>818</v>
      </c>
      <c r="D10983" t="s">
        <v>9736</v>
      </c>
    </row>
    <row r="10984" spans="1:4" x14ac:dyDescent="0.4">
      <c r="A10984">
        <v>1086126</v>
      </c>
      <c r="B10984" t="s">
        <v>815</v>
      </c>
      <c r="C10984" t="s">
        <v>818</v>
      </c>
      <c r="D10984" t="s">
        <v>9737</v>
      </c>
    </row>
    <row r="10985" spans="1:4" x14ac:dyDescent="0.4">
      <c r="A10985">
        <v>1086127</v>
      </c>
      <c r="B10985" t="s">
        <v>815</v>
      </c>
      <c r="C10985" t="s">
        <v>818</v>
      </c>
      <c r="D10985" t="s">
        <v>9738</v>
      </c>
    </row>
    <row r="10986" spans="1:4" x14ac:dyDescent="0.4">
      <c r="A10986">
        <v>1086128</v>
      </c>
      <c r="B10986" t="s">
        <v>815</v>
      </c>
      <c r="C10986" t="s">
        <v>818</v>
      </c>
      <c r="D10986" t="s">
        <v>9739</v>
      </c>
    </row>
    <row r="10987" spans="1:4" x14ac:dyDescent="0.4">
      <c r="A10987">
        <v>1086129</v>
      </c>
      <c r="B10987" t="s">
        <v>815</v>
      </c>
      <c r="C10987" t="s">
        <v>818</v>
      </c>
      <c r="D10987" t="s">
        <v>9740</v>
      </c>
    </row>
    <row r="10988" spans="1:4" x14ac:dyDescent="0.4">
      <c r="A10988">
        <v>1086130</v>
      </c>
      <c r="B10988" t="s">
        <v>815</v>
      </c>
      <c r="C10988" t="s">
        <v>818</v>
      </c>
      <c r="D10988" t="s">
        <v>9741</v>
      </c>
    </row>
    <row r="10989" spans="1:4" x14ac:dyDescent="0.4">
      <c r="A10989">
        <v>1086131</v>
      </c>
      <c r="B10989" t="s">
        <v>815</v>
      </c>
      <c r="C10989" t="s">
        <v>818</v>
      </c>
      <c r="D10989" t="s">
        <v>9742</v>
      </c>
    </row>
    <row r="10990" spans="1:4" x14ac:dyDescent="0.4">
      <c r="A10990">
        <v>1086290</v>
      </c>
      <c r="B10990" t="s">
        <v>815</v>
      </c>
      <c r="C10990" t="s">
        <v>818</v>
      </c>
      <c r="D10990" t="s">
        <v>9743</v>
      </c>
    </row>
    <row r="10991" spans="1:4" x14ac:dyDescent="0.4">
      <c r="A10991">
        <v>1086201</v>
      </c>
      <c r="B10991" t="s">
        <v>815</v>
      </c>
      <c r="C10991" t="s">
        <v>818</v>
      </c>
      <c r="D10991" t="s">
        <v>9744</v>
      </c>
    </row>
    <row r="10992" spans="1:4" x14ac:dyDescent="0.4">
      <c r="A10992">
        <v>1086202</v>
      </c>
      <c r="B10992" t="s">
        <v>815</v>
      </c>
      <c r="C10992" t="s">
        <v>818</v>
      </c>
      <c r="D10992" t="s">
        <v>9745</v>
      </c>
    </row>
    <row r="10993" spans="1:4" x14ac:dyDescent="0.4">
      <c r="A10993">
        <v>1086203</v>
      </c>
      <c r="B10993" t="s">
        <v>815</v>
      </c>
      <c r="C10993" t="s">
        <v>818</v>
      </c>
      <c r="D10993" t="s">
        <v>9746</v>
      </c>
    </row>
    <row r="10994" spans="1:4" x14ac:dyDescent="0.4">
      <c r="A10994">
        <v>1086204</v>
      </c>
      <c r="B10994" t="s">
        <v>815</v>
      </c>
      <c r="C10994" t="s">
        <v>818</v>
      </c>
      <c r="D10994" t="s">
        <v>9747</v>
      </c>
    </row>
    <row r="10995" spans="1:4" x14ac:dyDescent="0.4">
      <c r="A10995">
        <v>1086205</v>
      </c>
      <c r="B10995" t="s">
        <v>815</v>
      </c>
      <c r="C10995" t="s">
        <v>818</v>
      </c>
      <c r="D10995" t="s">
        <v>9748</v>
      </c>
    </row>
    <row r="10996" spans="1:4" x14ac:dyDescent="0.4">
      <c r="A10996">
        <v>1086206</v>
      </c>
      <c r="B10996" t="s">
        <v>815</v>
      </c>
      <c r="C10996" t="s">
        <v>818</v>
      </c>
      <c r="D10996" t="s">
        <v>9749</v>
      </c>
    </row>
    <row r="10997" spans="1:4" x14ac:dyDescent="0.4">
      <c r="A10997">
        <v>1086207</v>
      </c>
      <c r="B10997" t="s">
        <v>815</v>
      </c>
      <c r="C10997" t="s">
        <v>818</v>
      </c>
      <c r="D10997" t="s">
        <v>9750</v>
      </c>
    </row>
    <row r="10998" spans="1:4" x14ac:dyDescent="0.4">
      <c r="A10998">
        <v>1086208</v>
      </c>
      <c r="B10998" t="s">
        <v>815</v>
      </c>
      <c r="C10998" t="s">
        <v>818</v>
      </c>
      <c r="D10998" t="s">
        <v>9751</v>
      </c>
    </row>
    <row r="10999" spans="1:4" x14ac:dyDescent="0.4">
      <c r="A10999">
        <v>1086209</v>
      </c>
      <c r="B10999" t="s">
        <v>815</v>
      </c>
      <c r="C10999" t="s">
        <v>818</v>
      </c>
      <c r="D10999" t="s">
        <v>9752</v>
      </c>
    </row>
    <row r="11000" spans="1:4" x14ac:dyDescent="0.4">
      <c r="A11000">
        <v>1086210</v>
      </c>
      <c r="B11000" t="s">
        <v>815</v>
      </c>
      <c r="C11000" t="s">
        <v>818</v>
      </c>
      <c r="D11000" t="s">
        <v>9753</v>
      </c>
    </row>
    <row r="11001" spans="1:4" x14ac:dyDescent="0.4">
      <c r="A11001">
        <v>1086211</v>
      </c>
      <c r="B11001" t="s">
        <v>815</v>
      </c>
      <c r="C11001" t="s">
        <v>818</v>
      </c>
      <c r="D11001" t="s">
        <v>9754</v>
      </c>
    </row>
    <row r="11002" spans="1:4" x14ac:dyDescent="0.4">
      <c r="A11002">
        <v>1086212</v>
      </c>
      <c r="B11002" t="s">
        <v>815</v>
      </c>
      <c r="C11002" t="s">
        <v>818</v>
      </c>
      <c r="D11002" t="s">
        <v>9755</v>
      </c>
    </row>
    <row r="11003" spans="1:4" x14ac:dyDescent="0.4">
      <c r="A11003">
        <v>1086213</v>
      </c>
      <c r="B11003" t="s">
        <v>815</v>
      </c>
      <c r="C11003" t="s">
        <v>818</v>
      </c>
      <c r="D11003" t="s">
        <v>9756</v>
      </c>
    </row>
    <row r="11004" spans="1:4" x14ac:dyDescent="0.4">
      <c r="A11004">
        <v>1086214</v>
      </c>
      <c r="B11004" t="s">
        <v>815</v>
      </c>
      <c r="C11004" t="s">
        <v>818</v>
      </c>
      <c r="D11004" t="s">
        <v>9757</v>
      </c>
    </row>
    <row r="11005" spans="1:4" x14ac:dyDescent="0.4">
      <c r="A11005">
        <v>1086215</v>
      </c>
      <c r="B11005" t="s">
        <v>815</v>
      </c>
      <c r="C11005" t="s">
        <v>818</v>
      </c>
      <c r="D11005" t="s">
        <v>9758</v>
      </c>
    </row>
    <row r="11006" spans="1:4" x14ac:dyDescent="0.4">
      <c r="A11006">
        <v>1086216</v>
      </c>
      <c r="B11006" t="s">
        <v>815</v>
      </c>
      <c r="C11006" t="s">
        <v>818</v>
      </c>
      <c r="D11006" t="s">
        <v>9759</v>
      </c>
    </row>
    <row r="11007" spans="1:4" x14ac:dyDescent="0.4">
      <c r="A11007">
        <v>1086217</v>
      </c>
      <c r="B11007" t="s">
        <v>815</v>
      </c>
      <c r="C11007" t="s">
        <v>818</v>
      </c>
      <c r="D11007" t="s">
        <v>9760</v>
      </c>
    </row>
    <row r="11008" spans="1:4" x14ac:dyDescent="0.4">
      <c r="A11008">
        <v>1086218</v>
      </c>
      <c r="B11008" t="s">
        <v>815</v>
      </c>
      <c r="C11008" t="s">
        <v>818</v>
      </c>
      <c r="D11008" t="s">
        <v>9761</v>
      </c>
    </row>
    <row r="11009" spans="1:4" x14ac:dyDescent="0.4">
      <c r="A11009">
        <v>1086219</v>
      </c>
      <c r="B11009" t="s">
        <v>815</v>
      </c>
      <c r="C11009" t="s">
        <v>818</v>
      </c>
      <c r="D11009" t="s">
        <v>9762</v>
      </c>
    </row>
    <row r="11010" spans="1:4" x14ac:dyDescent="0.4">
      <c r="A11010">
        <v>1086220</v>
      </c>
      <c r="B11010" t="s">
        <v>815</v>
      </c>
      <c r="C11010" t="s">
        <v>818</v>
      </c>
      <c r="D11010" t="s">
        <v>9763</v>
      </c>
    </row>
    <row r="11011" spans="1:4" x14ac:dyDescent="0.4">
      <c r="A11011">
        <v>1086221</v>
      </c>
      <c r="B11011" t="s">
        <v>815</v>
      </c>
      <c r="C11011" t="s">
        <v>818</v>
      </c>
      <c r="D11011" t="s">
        <v>9764</v>
      </c>
    </row>
    <row r="11012" spans="1:4" x14ac:dyDescent="0.4">
      <c r="A11012">
        <v>1086222</v>
      </c>
      <c r="B11012" t="s">
        <v>815</v>
      </c>
      <c r="C11012" t="s">
        <v>818</v>
      </c>
      <c r="D11012" t="s">
        <v>9765</v>
      </c>
    </row>
    <row r="11013" spans="1:4" x14ac:dyDescent="0.4">
      <c r="A11013">
        <v>1086223</v>
      </c>
      <c r="B11013" t="s">
        <v>815</v>
      </c>
      <c r="C11013" t="s">
        <v>818</v>
      </c>
      <c r="D11013" t="s">
        <v>9766</v>
      </c>
    </row>
    <row r="11014" spans="1:4" x14ac:dyDescent="0.4">
      <c r="A11014">
        <v>1086224</v>
      </c>
      <c r="B11014" t="s">
        <v>815</v>
      </c>
      <c r="C11014" t="s">
        <v>818</v>
      </c>
      <c r="D11014" t="s">
        <v>9767</v>
      </c>
    </row>
    <row r="11015" spans="1:4" x14ac:dyDescent="0.4">
      <c r="A11015">
        <v>1086225</v>
      </c>
      <c r="B11015" t="s">
        <v>815</v>
      </c>
      <c r="C11015" t="s">
        <v>818</v>
      </c>
      <c r="D11015" t="s">
        <v>9768</v>
      </c>
    </row>
    <row r="11016" spans="1:4" x14ac:dyDescent="0.4">
      <c r="A11016">
        <v>1086226</v>
      </c>
      <c r="B11016" t="s">
        <v>815</v>
      </c>
      <c r="C11016" t="s">
        <v>818</v>
      </c>
      <c r="D11016" t="s">
        <v>9769</v>
      </c>
    </row>
    <row r="11017" spans="1:4" x14ac:dyDescent="0.4">
      <c r="A11017">
        <v>1086227</v>
      </c>
      <c r="B11017" t="s">
        <v>815</v>
      </c>
      <c r="C11017" t="s">
        <v>818</v>
      </c>
      <c r="D11017" t="s">
        <v>9770</v>
      </c>
    </row>
    <row r="11018" spans="1:4" x14ac:dyDescent="0.4">
      <c r="A11018">
        <v>1086228</v>
      </c>
      <c r="B11018" t="s">
        <v>815</v>
      </c>
      <c r="C11018" t="s">
        <v>818</v>
      </c>
      <c r="D11018" t="s">
        <v>9771</v>
      </c>
    </row>
    <row r="11019" spans="1:4" x14ac:dyDescent="0.4">
      <c r="A11019">
        <v>1086229</v>
      </c>
      <c r="B11019" t="s">
        <v>815</v>
      </c>
      <c r="C11019" t="s">
        <v>818</v>
      </c>
      <c r="D11019" t="s">
        <v>9772</v>
      </c>
    </row>
    <row r="11020" spans="1:4" x14ac:dyDescent="0.4">
      <c r="A11020">
        <v>1086230</v>
      </c>
      <c r="B11020" t="s">
        <v>815</v>
      </c>
      <c r="C11020" t="s">
        <v>818</v>
      </c>
      <c r="D11020" t="s">
        <v>9773</v>
      </c>
    </row>
    <row r="11021" spans="1:4" x14ac:dyDescent="0.4">
      <c r="A11021">
        <v>1086231</v>
      </c>
      <c r="B11021" t="s">
        <v>815</v>
      </c>
      <c r="C11021" t="s">
        <v>818</v>
      </c>
      <c r="D11021" t="s">
        <v>9774</v>
      </c>
    </row>
    <row r="11022" spans="1:4" x14ac:dyDescent="0.4">
      <c r="A11022">
        <v>1050014</v>
      </c>
      <c r="B11022" t="s">
        <v>815</v>
      </c>
      <c r="C11022" t="s">
        <v>818</v>
      </c>
      <c r="D11022" t="s">
        <v>9775</v>
      </c>
    </row>
    <row r="11023" spans="1:4" x14ac:dyDescent="0.4">
      <c r="A11023">
        <v>1080014</v>
      </c>
      <c r="B11023" t="s">
        <v>815</v>
      </c>
      <c r="C11023" t="s">
        <v>818</v>
      </c>
      <c r="D11023" t="s">
        <v>9776</v>
      </c>
    </row>
    <row r="11024" spans="1:4" x14ac:dyDescent="0.4">
      <c r="A11024">
        <v>1050023</v>
      </c>
      <c r="B11024" t="s">
        <v>815</v>
      </c>
      <c r="C11024" t="s">
        <v>818</v>
      </c>
      <c r="D11024" t="s">
        <v>9777</v>
      </c>
    </row>
    <row r="11025" spans="1:4" x14ac:dyDescent="0.4">
      <c r="A11025">
        <v>1080023</v>
      </c>
      <c r="B11025" t="s">
        <v>815</v>
      </c>
      <c r="C11025" t="s">
        <v>818</v>
      </c>
      <c r="D11025" t="s">
        <v>9778</v>
      </c>
    </row>
    <row r="11026" spans="1:4" x14ac:dyDescent="0.4">
      <c r="A11026">
        <v>1050011</v>
      </c>
      <c r="B11026" t="s">
        <v>815</v>
      </c>
      <c r="C11026" t="s">
        <v>818</v>
      </c>
      <c r="D11026" t="s">
        <v>9779</v>
      </c>
    </row>
    <row r="11027" spans="1:4" x14ac:dyDescent="0.4">
      <c r="A11027">
        <v>1050012</v>
      </c>
      <c r="B11027" t="s">
        <v>815</v>
      </c>
      <c r="C11027" t="s">
        <v>818</v>
      </c>
      <c r="D11027" t="s">
        <v>9780</v>
      </c>
    </row>
    <row r="11028" spans="1:4" x14ac:dyDescent="0.4">
      <c r="A11028">
        <v>1080072</v>
      </c>
      <c r="B11028" t="s">
        <v>815</v>
      </c>
      <c r="C11028" t="s">
        <v>818</v>
      </c>
      <c r="D11028" t="s">
        <v>9781</v>
      </c>
    </row>
    <row r="11029" spans="1:4" x14ac:dyDescent="0.4">
      <c r="A11029">
        <v>1080071</v>
      </c>
      <c r="B11029" t="s">
        <v>815</v>
      </c>
      <c r="C11029" t="s">
        <v>818</v>
      </c>
      <c r="D11029" t="s">
        <v>9782</v>
      </c>
    </row>
    <row r="11030" spans="1:4" x14ac:dyDescent="0.4">
      <c r="A11030">
        <v>1050004</v>
      </c>
      <c r="B11030" t="s">
        <v>815</v>
      </c>
      <c r="C11030" t="s">
        <v>818</v>
      </c>
      <c r="D11030" t="s">
        <v>2046</v>
      </c>
    </row>
    <row r="11031" spans="1:4" x14ac:dyDescent="0.4">
      <c r="A11031">
        <v>1350091</v>
      </c>
      <c r="B11031" t="s">
        <v>815</v>
      </c>
      <c r="C11031" t="s">
        <v>818</v>
      </c>
      <c r="D11031" t="s">
        <v>9783</v>
      </c>
    </row>
    <row r="11032" spans="1:4" x14ac:dyDescent="0.4">
      <c r="A11032">
        <v>1080074</v>
      </c>
      <c r="B11032" t="s">
        <v>815</v>
      </c>
      <c r="C11032" t="s">
        <v>818</v>
      </c>
      <c r="D11032" t="s">
        <v>9784</v>
      </c>
    </row>
    <row r="11033" spans="1:4" x14ac:dyDescent="0.4">
      <c r="A11033">
        <v>1050001</v>
      </c>
      <c r="B11033" t="s">
        <v>815</v>
      </c>
      <c r="C11033" t="s">
        <v>818</v>
      </c>
      <c r="D11033" t="s">
        <v>9785</v>
      </c>
    </row>
    <row r="11034" spans="1:4" x14ac:dyDescent="0.4">
      <c r="A11034">
        <v>1056090</v>
      </c>
      <c r="B11034" t="s">
        <v>815</v>
      </c>
      <c r="C11034" t="s">
        <v>818</v>
      </c>
      <c r="D11034" t="s">
        <v>9786</v>
      </c>
    </row>
    <row r="11035" spans="1:4" x14ac:dyDescent="0.4">
      <c r="A11035">
        <v>1056001</v>
      </c>
      <c r="B11035" t="s">
        <v>815</v>
      </c>
      <c r="C11035" t="s">
        <v>818</v>
      </c>
      <c r="D11035" t="s">
        <v>9787</v>
      </c>
    </row>
    <row r="11036" spans="1:4" x14ac:dyDescent="0.4">
      <c r="A11036">
        <v>1056002</v>
      </c>
      <c r="B11036" t="s">
        <v>815</v>
      </c>
      <c r="C11036" t="s">
        <v>818</v>
      </c>
      <c r="D11036" t="s">
        <v>9788</v>
      </c>
    </row>
    <row r="11037" spans="1:4" x14ac:dyDescent="0.4">
      <c r="A11037">
        <v>1056003</v>
      </c>
      <c r="B11037" t="s">
        <v>815</v>
      </c>
      <c r="C11037" t="s">
        <v>818</v>
      </c>
      <c r="D11037" t="s">
        <v>9789</v>
      </c>
    </row>
    <row r="11038" spans="1:4" x14ac:dyDescent="0.4">
      <c r="A11038">
        <v>1056004</v>
      </c>
      <c r="B11038" t="s">
        <v>815</v>
      </c>
      <c r="C11038" t="s">
        <v>818</v>
      </c>
      <c r="D11038" t="s">
        <v>9790</v>
      </c>
    </row>
    <row r="11039" spans="1:4" x14ac:dyDescent="0.4">
      <c r="A11039">
        <v>1056005</v>
      </c>
      <c r="B11039" t="s">
        <v>815</v>
      </c>
      <c r="C11039" t="s">
        <v>818</v>
      </c>
      <c r="D11039" t="s">
        <v>9791</v>
      </c>
    </row>
    <row r="11040" spans="1:4" x14ac:dyDescent="0.4">
      <c r="A11040">
        <v>1056006</v>
      </c>
      <c r="B11040" t="s">
        <v>815</v>
      </c>
      <c r="C11040" t="s">
        <v>818</v>
      </c>
      <c r="D11040" t="s">
        <v>9792</v>
      </c>
    </row>
    <row r="11041" spans="1:4" x14ac:dyDescent="0.4">
      <c r="A11041">
        <v>1056007</v>
      </c>
      <c r="B11041" t="s">
        <v>815</v>
      </c>
      <c r="C11041" t="s">
        <v>818</v>
      </c>
      <c r="D11041" t="s">
        <v>9793</v>
      </c>
    </row>
    <row r="11042" spans="1:4" x14ac:dyDescent="0.4">
      <c r="A11042">
        <v>1056008</v>
      </c>
      <c r="B11042" t="s">
        <v>815</v>
      </c>
      <c r="C11042" t="s">
        <v>818</v>
      </c>
      <c r="D11042" t="s">
        <v>9794</v>
      </c>
    </row>
    <row r="11043" spans="1:4" x14ac:dyDescent="0.4">
      <c r="A11043">
        <v>1056009</v>
      </c>
      <c r="B11043" t="s">
        <v>815</v>
      </c>
      <c r="C11043" t="s">
        <v>818</v>
      </c>
      <c r="D11043" t="s">
        <v>9795</v>
      </c>
    </row>
    <row r="11044" spans="1:4" x14ac:dyDescent="0.4">
      <c r="A11044">
        <v>1056010</v>
      </c>
      <c r="B11044" t="s">
        <v>815</v>
      </c>
      <c r="C11044" t="s">
        <v>818</v>
      </c>
      <c r="D11044" t="s">
        <v>9796</v>
      </c>
    </row>
    <row r="11045" spans="1:4" x14ac:dyDescent="0.4">
      <c r="A11045">
        <v>1056011</v>
      </c>
      <c r="B11045" t="s">
        <v>815</v>
      </c>
      <c r="C11045" t="s">
        <v>818</v>
      </c>
      <c r="D11045" t="s">
        <v>9797</v>
      </c>
    </row>
    <row r="11046" spans="1:4" x14ac:dyDescent="0.4">
      <c r="A11046">
        <v>1056012</v>
      </c>
      <c r="B11046" t="s">
        <v>815</v>
      </c>
      <c r="C11046" t="s">
        <v>818</v>
      </c>
      <c r="D11046" t="s">
        <v>9798</v>
      </c>
    </row>
    <row r="11047" spans="1:4" x14ac:dyDescent="0.4">
      <c r="A11047">
        <v>1056013</v>
      </c>
      <c r="B11047" t="s">
        <v>815</v>
      </c>
      <c r="C11047" t="s">
        <v>818</v>
      </c>
      <c r="D11047" t="s">
        <v>9799</v>
      </c>
    </row>
    <row r="11048" spans="1:4" x14ac:dyDescent="0.4">
      <c r="A11048">
        <v>1056014</v>
      </c>
      <c r="B11048" t="s">
        <v>815</v>
      </c>
      <c r="C11048" t="s">
        <v>818</v>
      </c>
      <c r="D11048" t="s">
        <v>9800</v>
      </c>
    </row>
    <row r="11049" spans="1:4" x14ac:dyDescent="0.4">
      <c r="A11049">
        <v>1056015</v>
      </c>
      <c r="B11049" t="s">
        <v>815</v>
      </c>
      <c r="C11049" t="s">
        <v>818</v>
      </c>
      <c r="D11049" t="s">
        <v>9801</v>
      </c>
    </row>
    <row r="11050" spans="1:4" x14ac:dyDescent="0.4">
      <c r="A11050">
        <v>1056016</v>
      </c>
      <c r="B11050" t="s">
        <v>815</v>
      </c>
      <c r="C11050" t="s">
        <v>818</v>
      </c>
      <c r="D11050" t="s">
        <v>9802</v>
      </c>
    </row>
    <row r="11051" spans="1:4" x14ac:dyDescent="0.4">
      <c r="A11051">
        <v>1056017</v>
      </c>
      <c r="B11051" t="s">
        <v>815</v>
      </c>
      <c r="C11051" t="s">
        <v>818</v>
      </c>
      <c r="D11051" t="s">
        <v>9803</v>
      </c>
    </row>
    <row r="11052" spans="1:4" x14ac:dyDescent="0.4">
      <c r="A11052">
        <v>1056018</v>
      </c>
      <c r="B11052" t="s">
        <v>815</v>
      </c>
      <c r="C11052" t="s">
        <v>818</v>
      </c>
      <c r="D11052" t="s">
        <v>9804</v>
      </c>
    </row>
    <row r="11053" spans="1:4" x14ac:dyDescent="0.4">
      <c r="A11053">
        <v>1056019</v>
      </c>
      <c r="B11053" t="s">
        <v>815</v>
      </c>
      <c r="C11053" t="s">
        <v>818</v>
      </c>
      <c r="D11053" t="s">
        <v>9805</v>
      </c>
    </row>
    <row r="11054" spans="1:4" x14ac:dyDescent="0.4">
      <c r="A11054">
        <v>1056020</v>
      </c>
      <c r="B11054" t="s">
        <v>815</v>
      </c>
      <c r="C11054" t="s">
        <v>818</v>
      </c>
      <c r="D11054" t="s">
        <v>9806</v>
      </c>
    </row>
    <row r="11055" spans="1:4" x14ac:dyDescent="0.4">
      <c r="A11055">
        <v>1056021</v>
      </c>
      <c r="B11055" t="s">
        <v>815</v>
      </c>
      <c r="C11055" t="s">
        <v>818</v>
      </c>
      <c r="D11055" t="s">
        <v>9807</v>
      </c>
    </row>
    <row r="11056" spans="1:4" x14ac:dyDescent="0.4">
      <c r="A11056">
        <v>1056022</v>
      </c>
      <c r="B11056" t="s">
        <v>815</v>
      </c>
      <c r="C11056" t="s">
        <v>818</v>
      </c>
      <c r="D11056" t="s">
        <v>9808</v>
      </c>
    </row>
    <row r="11057" spans="1:4" x14ac:dyDescent="0.4">
      <c r="A11057">
        <v>1056023</v>
      </c>
      <c r="B11057" t="s">
        <v>815</v>
      </c>
      <c r="C11057" t="s">
        <v>818</v>
      </c>
      <c r="D11057" t="s">
        <v>9809</v>
      </c>
    </row>
    <row r="11058" spans="1:4" x14ac:dyDescent="0.4">
      <c r="A11058">
        <v>1056024</v>
      </c>
      <c r="B11058" t="s">
        <v>815</v>
      </c>
      <c r="C11058" t="s">
        <v>818</v>
      </c>
      <c r="D11058" t="s">
        <v>9810</v>
      </c>
    </row>
    <row r="11059" spans="1:4" x14ac:dyDescent="0.4">
      <c r="A11059">
        <v>1056025</v>
      </c>
      <c r="B11059" t="s">
        <v>815</v>
      </c>
      <c r="C11059" t="s">
        <v>818</v>
      </c>
      <c r="D11059" t="s">
        <v>9811</v>
      </c>
    </row>
    <row r="11060" spans="1:4" x14ac:dyDescent="0.4">
      <c r="A11060">
        <v>1056026</v>
      </c>
      <c r="B11060" t="s">
        <v>815</v>
      </c>
      <c r="C11060" t="s">
        <v>818</v>
      </c>
      <c r="D11060" t="s">
        <v>9812</v>
      </c>
    </row>
    <row r="11061" spans="1:4" x14ac:dyDescent="0.4">
      <c r="A11061">
        <v>1056027</v>
      </c>
      <c r="B11061" t="s">
        <v>815</v>
      </c>
      <c r="C11061" t="s">
        <v>818</v>
      </c>
      <c r="D11061" t="s">
        <v>9813</v>
      </c>
    </row>
    <row r="11062" spans="1:4" x14ac:dyDescent="0.4">
      <c r="A11062">
        <v>1056028</v>
      </c>
      <c r="B11062" t="s">
        <v>815</v>
      </c>
      <c r="C11062" t="s">
        <v>818</v>
      </c>
      <c r="D11062" t="s">
        <v>9814</v>
      </c>
    </row>
    <row r="11063" spans="1:4" x14ac:dyDescent="0.4">
      <c r="A11063">
        <v>1631314</v>
      </c>
      <c r="B11063" t="s">
        <v>815</v>
      </c>
      <c r="C11063" t="s">
        <v>820</v>
      </c>
      <c r="D11063" t="s">
        <v>9815</v>
      </c>
    </row>
    <row r="11064" spans="1:4" x14ac:dyDescent="0.4">
      <c r="A11064">
        <v>1631315</v>
      </c>
      <c r="B11064" t="s">
        <v>815</v>
      </c>
      <c r="C11064" t="s">
        <v>820</v>
      </c>
      <c r="D11064" t="s">
        <v>9816</v>
      </c>
    </row>
    <row r="11065" spans="1:4" x14ac:dyDescent="0.4">
      <c r="A11065">
        <v>1631316</v>
      </c>
      <c r="B11065" t="s">
        <v>815</v>
      </c>
      <c r="C11065" t="s">
        <v>820</v>
      </c>
      <c r="D11065" t="s">
        <v>9817</v>
      </c>
    </row>
    <row r="11066" spans="1:4" x14ac:dyDescent="0.4">
      <c r="A11066">
        <v>1631317</v>
      </c>
      <c r="B11066" t="s">
        <v>815</v>
      </c>
      <c r="C11066" t="s">
        <v>820</v>
      </c>
      <c r="D11066" t="s">
        <v>9818</v>
      </c>
    </row>
    <row r="11067" spans="1:4" x14ac:dyDescent="0.4">
      <c r="A11067">
        <v>1631318</v>
      </c>
      <c r="B11067" t="s">
        <v>815</v>
      </c>
      <c r="C11067" t="s">
        <v>820</v>
      </c>
      <c r="D11067" t="s">
        <v>9819</v>
      </c>
    </row>
    <row r="11068" spans="1:4" x14ac:dyDescent="0.4">
      <c r="A11068">
        <v>1631319</v>
      </c>
      <c r="B11068" t="s">
        <v>815</v>
      </c>
      <c r="C11068" t="s">
        <v>820</v>
      </c>
      <c r="D11068" t="s">
        <v>9820</v>
      </c>
    </row>
    <row r="11069" spans="1:4" x14ac:dyDescent="0.4">
      <c r="A11069">
        <v>1631320</v>
      </c>
      <c r="B11069" t="s">
        <v>815</v>
      </c>
      <c r="C11069" t="s">
        <v>820</v>
      </c>
      <c r="D11069" t="s">
        <v>9821</v>
      </c>
    </row>
    <row r="11070" spans="1:4" x14ac:dyDescent="0.4">
      <c r="A11070">
        <v>1631321</v>
      </c>
      <c r="B11070" t="s">
        <v>815</v>
      </c>
      <c r="C11070" t="s">
        <v>820</v>
      </c>
      <c r="D11070" t="s">
        <v>9822</v>
      </c>
    </row>
    <row r="11071" spans="1:4" x14ac:dyDescent="0.4">
      <c r="A11071">
        <v>1631322</v>
      </c>
      <c r="B11071" t="s">
        <v>815</v>
      </c>
      <c r="C11071" t="s">
        <v>820</v>
      </c>
      <c r="D11071" t="s">
        <v>9823</v>
      </c>
    </row>
    <row r="11072" spans="1:4" x14ac:dyDescent="0.4">
      <c r="A11072">
        <v>1631323</v>
      </c>
      <c r="B11072" t="s">
        <v>815</v>
      </c>
      <c r="C11072" t="s">
        <v>820</v>
      </c>
      <c r="D11072" t="s">
        <v>9824</v>
      </c>
    </row>
    <row r="11073" spans="1:4" x14ac:dyDescent="0.4">
      <c r="A11073">
        <v>1631324</v>
      </c>
      <c r="B11073" t="s">
        <v>815</v>
      </c>
      <c r="C11073" t="s">
        <v>820</v>
      </c>
      <c r="D11073" t="s">
        <v>9825</v>
      </c>
    </row>
    <row r="11074" spans="1:4" x14ac:dyDescent="0.4">
      <c r="A11074">
        <v>1631325</v>
      </c>
      <c r="B11074" t="s">
        <v>815</v>
      </c>
      <c r="C11074" t="s">
        <v>820</v>
      </c>
      <c r="D11074" t="s">
        <v>9826</v>
      </c>
    </row>
    <row r="11075" spans="1:4" x14ac:dyDescent="0.4">
      <c r="A11075">
        <v>1631326</v>
      </c>
      <c r="B11075" t="s">
        <v>815</v>
      </c>
      <c r="C11075" t="s">
        <v>820</v>
      </c>
      <c r="D11075" t="s">
        <v>9827</v>
      </c>
    </row>
    <row r="11076" spans="1:4" x14ac:dyDescent="0.4">
      <c r="A11076">
        <v>1631327</v>
      </c>
      <c r="B11076" t="s">
        <v>815</v>
      </c>
      <c r="C11076" t="s">
        <v>820</v>
      </c>
      <c r="D11076" t="s">
        <v>9828</v>
      </c>
    </row>
    <row r="11077" spans="1:4" x14ac:dyDescent="0.4">
      <c r="A11077">
        <v>1631328</v>
      </c>
      <c r="B11077" t="s">
        <v>815</v>
      </c>
      <c r="C11077" t="s">
        <v>820</v>
      </c>
      <c r="D11077" t="s">
        <v>9829</v>
      </c>
    </row>
    <row r="11078" spans="1:4" x14ac:dyDescent="0.4">
      <c r="A11078">
        <v>1631329</v>
      </c>
      <c r="B11078" t="s">
        <v>815</v>
      </c>
      <c r="C11078" t="s">
        <v>820</v>
      </c>
      <c r="D11078" t="s">
        <v>9830</v>
      </c>
    </row>
    <row r="11079" spans="1:4" x14ac:dyDescent="0.4">
      <c r="A11079">
        <v>1631330</v>
      </c>
      <c r="B11079" t="s">
        <v>815</v>
      </c>
      <c r="C11079" t="s">
        <v>820</v>
      </c>
      <c r="D11079" t="s">
        <v>9831</v>
      </c>
    </row>
    <row r="11080" spans="1:4" x14ac:dyDescent="0.4">
      <c r="A11080">
        <v>1631331</v>
      </c>
      <c r="B11080" t="s">
        <v>815</v>
      </c>
      <c r="C11080" t="s">
        <v>820</v>
      </c>
      <c r="D11080" t="s">
        <v>9832</v>
      </c>
    </row>
    <row r="11081" spans="1:4" x14ac:dyDescent="0.4">
      <c r="A11081">
        <v>1631332</v>
      </c>
      <c r="B11081" t="s">
        <v>815</v>
      </c>
      <c r="C11081" t="s">
        <v>820</v>
      </c>
      <c r="D11081" t="s">
        <v>9833</v>
      </c>
    </row>
    <row r="11082" spans="1:4" x14ac:dyDescent="0.4">
      <c r="A11082">
        <v>1631333</v>
      </c>
      <c r="B11082" t="s">
        <v>815</v>
      </c>
      <c r="C11082" t="s">
        <v>820</v>
      </c>
      <c r="D11082" t="s">
        <v>9834</v>
      </c>
    </row>
    <row r="11083" spans="1:4" x14ac:dyDescent="0.4">
      <c r="A11083">
        <v>1631334</v>
      </c>
      <c r="B11083" t="s">
        <v>815</v>
      </c>
      <c r="C11083" t="s">
        <v>820</v>
      </c>
      <c r="D11083" t="s">
        <v>9835</v>
      </c>
    </row>
    <row r="11084" spans="1:4" x14ac:dyDescent="0.4">
      <c r="A11084">
        <v>1631335</v>
      </c>
      <c r="B11084" t="s">
        <v>815</v>
      </c>
      <c r="C11084" t="s">
        <v>820</v>
      </c>
      <c r="D11084" t="s">
        <v>9836</v>
      </c>
    </row>
    <row r="11085" spans="1:4" x14ac:dyDescent="0.4">
      <c r="A11085">
        <v>1631336</v>
      </c>
      <c r="B11085" t="s">
        <v>815</v>
      </c>
      <c r="C11085" t="s">
        <v>820</v>
      </c>
      <c r="D11085" t="s">
        <v>9837</v>
      </c>
    </row>
    <row r="11086" spans="1:4" x14ac:dyDescent="0.4">
      <c r="A11086">
        <v>1631337</v>
      </c>
      <c r="B11086" t="s">
        <v>815</v>
      </c>
      <c r="C11086" t="s">
        <v>820</v>
      </c>
      <c r="D11086" t="s">
        <v>9838</v>
      </c>
    </row>
    <row r="11087" spans="1:4" x14ac:dyDescent="0.4">
      <c r="A11087">
        <v>1631338</v>
      </c>
      <c r="B11087" t="s">
        <v>815</v>
      </c>
      <c r="C11087" t="s">
        <v>820</v>
      </c>
      <c r="D11087" t="s">
        <v>9839</v>
      </c>
    </row>
    <row r="11088" spans="1:4" x14ac:dyDescent="0.4">
      <c r="A11088">
        <v>1631339</v>
      </c>
      <c r="B11088" t="s">
        <v>815</v>
      </c>
      <c r="C11088" t="s">
        <v>820</v>
      </c>
      <c r="D11088" t="s">
        <v>9840</v>
      </c>
    </row>
    <row r="11089" spans="1:4" x14ac:dyDescent="0.4">
      <c r="A11089">
        <v>1631340</v>
      </c>
      <c r="B11089" t="s">
        <v>815</v>
      </c>
      <c r="C11089" t="s">
        <v>820</v>
      </c>
      <c r="D11089" t="s">
        <v>9841</v>
      </c>
    </row>
    <row r="11090" spans="1:4" x14ac:dyDescent="0.4">
      <c r="A11090">
        <v>1631341</v>
      </c>
      <c r="B11090" t="s">
        <v>815</v>
      </c>
      <c r="C11090" t="s">
        <v>820</v>
      </c>
      <c r="D11090" t="s">
        <v>9842</v>
      </c>
    </row>
    <row r="11091" spans="1:4" x14ac:dyDescent="0.4">
      <c r="A11091">
        <v>1631342</v>
      </c>
      <c r="B11091" t="s">
        <v>815</v>
      </c>
      <c r="C11091" t="s">
        <v>820</v>
      </c>
      <c r="D11091" t="s">
        <v>9843</v>
      </c>
    </row>
    <row r="11092" spans="1:4" x14ac:dyDescent="0.4">
      <c r="A11092">
        <v>1631343</v>
      </c>
      <c r="B11092" t="s">
        <v>815</v>
      </c>
      <c r="C11092" t="s">
        <v>820</v>
      </c>
      <c r="D11092" t="s">
        <v>9844</v>
      </c>
    </row>
    <row r="11093" spans="1:4" x14ac:dyDescent="0.4">
      <c r="A11093">
        <v>1631344</v>
      </c>
      <c r="B11093" t="s">
        <v>815</v>
      </c>
      <c r="C11093" t="s">
        <v>820</v>
      </c>
      <c r="D11093" t="s">
        <v>9845</v>
      </c>
    </row>
    <row r="11094" spans="1:4" x14ac:dyDescent="0.4">
      <c r="A11094">
        <v>1630890</v>
      </c>
      <c r="B11094" t="s">
        <v>815</v>
      </c>
      <c r="C11094" t="s">
        <v>820</v>
      </c>
      <c r="D11094" t="s">
        <v>9846</v>
      </c>
    </row>
    <row r="11095" spans="1:4" x14ac:dyDescent="0.4">
      <c r="A11095">
        <v>1630801</v>
      </c>
      <c r="B11095" t="s">
        <v>815</v>
      </c>
      <c r="C11095" t="s">
        <v>820</v>
      </c>
      <c r="D11095" t="s">
        <v>9847</v>
      </c>
    </row>
    <row r="11096" spans="1:4" x14ac:dyDescent="0.4">
      <c r="A11096">
        <v>1630802</v>
      </c>
      <c r="B11096" t="s">
        <v>815</v>
      </c>
      <c r="C11096" t="s">
        <v>820</v>
      </c>
      <c r="D11096" t="s">
        <v>9848</v>
      </c>
    </row>
    <row r="11097" spans="1:4" x14ac:dyDescent="0.4">
      <c r="A11097">
        <v>1630803</v>
      </c>
      <c r="B11097" t="s">
        <v>815</v>
      </c>
      <c r="C11097" t="s">
        <v>820</v>
      </c>
      <c r="D11097" t="s">
        <v>9849</v>
      </c>
    </row>
    <row r="11098" spans="1:4" x14ac:dyDescent="0.4">
      <c r="A11098">
        <v>1630804</v>
      </c>
      <c r="B11098" t="s">
        <v>815</v>
      </c>
      <c r="C11098" t="s">
        <v>820</v>
      </c>
      <c r="D11098" t="s">
        <v>9850</v>
      </c>
    </row>
    <row r="11099" spans="1:4" x14ac:dyDescent="0.4">
      <c r="A11099">
        <v>1630805</v>
      </c>
      <c r="B11099" t="s">
        <v>815</v>
      </c>
      <c r="C11099" t="s">
        <v>820</v>
      </c>
      <c r="D11099" t="s">
        <v>9851</v>
      </c>
    </row>
    <row r="11100" spans="1:4" x14ac:dyDescent="0.4">
      <c r="A11100">
        <v>1630806</v>
      </c>
      <c r="B11100" t="s">
        <v>815</v>
      </c>
      <c r="C11100" t="s">
        <v>820</v>
      </c>
      <c r="D11100" t="s">
        <v>9852</v>
      </c>
    </row>
    <row r="11101" spans="1:4" x14ac:dyDescent="0.4">
      <c r="A11101">
        <v>1630807</v>
      </c>
      <c r="B11101" t="s">
        <v>815</v>
      </c>
      <c r="C11101" t="s">
        <v>820</v>
      </c>
      <c r="D11101" t="s">
        <v>9853</v>
      </c>
    </row>
    <row r="11102" spans="1:4" x14ac:dyDescent="0.4">
      <c r="A11102">
        <v>1630808</v>
      </c>
      <c r="B11102" t="s">
        <v>815</v>
      </c>
      <c r="C11102" t="s">
        <v>820</v>
      </c>
      <c r="D11102" t="s">
        <v>9854</v>
      </c>
    </row>
    <row r="11103" spans="1:4" x14ac:dyDescent="0.4">
      <c r="A11103">
        <v>1630809</v>
      </c>
      <c r="B11103" t="s">
        <v>815</v>
      </c>
      <c r="C11103" t="s">
        <v>820</v>
      </c>
      <c r="D11103" t="s">
        <v>9855</v>
      </c>
    </row>
    <row r="11104" spans="1:4" x14ac:dyDescent="0.4">
      <c r="A11104">
        <v>1630810</v>
      </c>
      <c r="B11104" t="s">
        <v>815</v>
      </c>
      <c r="C11104" t="s">
        <v>820</v>
      </c>
      <c r="D11104" t="s">
        <v>9856</v>
      </c>
    </row>
    <row r="11105" spans="1:4" x14ac:dyDescent="0.4">
      <c r="A11105">
        <v>1630811</v>
      </c>
      <c r="B11105" t="s">
        <v>815</v>
      </c>
      <c r="C11105" t="s">
        <v>820</v>
      </c>
      <c r="D11105" t="s">
        <v>9857</v>
      </c>
    </row>
    <row r="11106" spans="1:4" x14ac:dyDescent="0.4">
      <c r="A11106">
        <v>1630812</v>
      </c>
      <c r="B11106" t="s">
        <v>815</v>
      </c>
      <c r="C11106" t="s">
        <v>820</v>
      </c>
      <c r="D11106" t="s">
        <v>9858</v>
      </c>
    </row>
    <row r="11107" spans="1:4" x14ac:dyDescent="0.4">
      <c r="A11107">
        <v>1630813</v>
      </c>
      <c r="B11107" t="s">
        <v>815</v>
      </c>
      <c r="C11107" t="s">
        <v>820</v>
      </c>
      <c r="D11107" t="s">
        <v>9859</v>
      </c>
    </row>
    <row r="11108" spans="1:4" x14ac:dyDescent="0.4">
      <c r="A11108">
        <v>1630814</v>
      </c>
      <c r="B11108" t="s">
        <v>815</v>
      </c>
      <c r="C11108" t="s">
        <v>820</v>
      </c>
      <c r="D11108" t="s">
        <v>9860</v>
      </c>
    </row>
    <row r="11109" spans="1:4" x14ac:dyDescent="0.4">
      <c r="A11109">
        <v>1630815</v>
      </c>
      <c r="B11109" t="s">
        <v>815</v>
      </c>
      <c r="C11109" t="s">
        <v>820</v>
      </c>
      <c r="D11109" t="s">
        <v>9861</v>
      </c>
    </row>
    <row r="11110" spans="1:4" x14ac:dyDescent="0.4">
      <c r="A11110">
        <v>1630816</v>
      </c>
      <c r="B11110" t="s">
        <v>815</v>
      </c>
      <c r="C11110" t="s">
        <v>820</v>
      </c>
      <c r="D11110" t="s">
        <v>9862</v>
      </c>
    </row>
    <row r="11111" spans="1:4" x14ac:dyDescent="0.4">
      <c r="A11111">
        <v>1630817</v>
      </c>
      <c r="B11111" t="s">
        <v>815</v>
      </c>
      <c r="C11111" t="s">
        <v>820</v>
      </c>
      <c r="D11111" t="s">
        <v>9863</v>
      </c>
    </row>
    <row r="11112" spans="1:4" x14ac:dyDescent="0.4">
      <c r="A11112">
        <v>1630818</v>
      </c>
      <c r="B11112" t="s">
        <v>815</v>
      </c>
      <c r="C11112" t="s">
        <v>820</v>
      </c>
      <c r="D11112" t="s">
        <v>9864</v>
      </c>
    </row>
    <row r="11113" spans="1:4" x14ac:dyDescent="0.4">
      <c r="A11113">
        <v>1630819</v>
      </c>
      <c r="B11113" t="s">
        <v>815</v>
      </c>
      <c r="C11113" t="s">
        <v>820</v>
      </c>
      <c r="D11113" t="s">
        <v>9865</v>
      </c>
    </row>
    <row r="11114" spans="1:4" x14ac:dyDescent="0.4">
      <c r="A11114">
        <v>1630820</v>
      </c>
      <c r="B11114" t="s">
        <v>815</v>
      </c>
      <c r="C11114" t="s">
        <v>820</v>
      </c>
      <c r="D11114" t="s">
        <v>9866</v>
      </c>
    </row>
    <row r="11115" spans="1:4" x14ac:dyDescent="0.4">
      <c r="A11115">
        <v>1630821</v>
      </c>
      <c r="B11115" t="s">
        <v>815</v>
      </c>
      <c r="C11115" t="s">
        <v>820</v>
      </c>
      <c r="D11115" t="s">
        <v>9867</v>
      </c>
    </row>
    <row r="11116" spans="1:4" x14ac:dyDescent="0.4">
      <c r="A11116">
        <v>1630822</v>
      </c>
      <c r="B11116" t="s">
        <v>815</v>
      </c>
      <c r="C11116" t="s">
        <v>820</v>
      </c>
      <c r="D11116" t="s">
        <v>9868</v>
      </c>
    </row>
    <row r="11117" spans="1:4" x14ac:dyDescent="0.4">
      <c r="A11117">
        <v>1630823</v>
      </c>
      <c r="B11117" t="s">
        <v>815</v>
      </c>
      <c r="C11117" t="s">
        <v>820</v>
      </c>
      <c r="D11117" t="s">
        <v>9869</v>
      </c>
    </row>
    <row r="11118" spans="1:4" x14ac:dyDescent="0.4">
      <c r="A11118">
        <v>1630824</v>
      </c>
      <c r="B11118" t="s">
        <v>815</v>
      </c>
      <c r="C11118" t="s">
        <v>820</v>
      </c>
      <c r="D11118" t="s">
        <v>9870</v>
      </c>
    </row>
    <row r="11119" spans="1:4" x14ac:dyDescent="0.4">
      <c r="A11119">
        <v>1630825</v>
      </c>
      <c r="B11119" t="s">
        <v>815</v>
      </c>
      <c r="C11119" t="s">
        <v>820</v>
      </c>
      <c r="D11119" t="s">
        <v>9871</v>
      </c>
    </row>
    <row r="11120" spans="1:4" x14ac:dyDescent="0.4">
      <c r="A11120">
        <v>1630826</v>
      </c>
      <c r="B11120" t="s">
        <v>815</v>
      </c>
      <c r="C11120" t="s">
        <v>820</v>
      </c>
      <c r="D11120" t="s">
        <v>9872</v>
      </c>
    </row>
    <row r="11121" spans="1:4" x14ac:dyDescent="0.4">
      <c r="A11121">
        <v>1630827</v>
      </c>
      <c r="B11121" t="s">
        <v>815</v>
      </c>
      <c r="C11121" t="s">
        <v>820</v>
      </c>
      <c r="D11121" t="s">
        <v>9873</v>
      </c>
    </row>
    <row r="11122" spans="1:4" x14ac:dyDescent="0.4">
      <c r="A11122">
        <v>1630828</v>
      </c>
      <c r="B11122" t="s">
        <v>815</v>
      </c>
      <c r="C11122" t="s">
        <v>820</v>
      </c>
      <c r="D11122" t="s">
        <v>9874</v>
      </c>
    </row>
    <row r="11123" spans="1:4" x14ac:dyDescent="0.4">
      <c r="A11123">
        <v>1630829</v>
      </c>
      <c r="B11123" t="s">
        <v>815</v>
      </c>
      <c r="C11123" t="s">
        <v>820</v>
      </c>
      <c r="D11123" t="s">
        <v>9875</v>
      </c>
    </row>
    <row r="11124" spans="1:4" x14ac:dyDescent="0.4">
      <c r="A11124">
        <v>1630830</v>
      </c>
      <c r="B11124" t="s">
        <v>815</v>
      </c>
      <c r="C11124" t="s">
        <v>820</v>
      </c>
      <c r="D11124" t="s">
        <v>9876</v>
      </c>
    </row>
    <row r="11125" spans="1:4" x14ac:dyDescent="0.4">
      <c r="A11125">
        <v>1631590</v>
      </c>
      <c r="B11125" t="s">
        <v>815</v>
      </c>
      <c r="C11125" t="s">
        <v>820</v>
      </c>
      <c r="D11125" t="s">
        <v>9877</v>
      </c>
    </row>
    <row r="11126" spans="1:4" x14ac:dyDescent="0.4">
      <c r="A11126">
        <v>1631501</v>
      </c>
      <c r="B11126" t="s">
        <v>815</v>
      </c>
      <c r="C11126" t="s">
        <v>820</v>
      </c>
      <c r="D11126" t="s">
        <v>9878</v>
      </c>
    </row>
    <row r="11127" spans="1:4" x14ac:dyDescent="0.4">
      <c r="A11127">
        <v>1631502</v>
      </c>
      <c r="B11127" t="s">
        <v>815</v>
      </c>
      <c r="C11127" t="s">
        <v>820</v>
      </c>
      <c r="D11127" t="s">
        <v>9879</v>
      </c>
    </row>
    <row r="11128" spans="1:4" x14ac:dyDescent="0.4">
      <c r="A11128">
        <v>1631503</v>
      </c>
      <c r="B11128" t="s">
        <v>815</v>
      </c>
      <c r="C11128" t="s">
        <v>820</v>
      </c>
      <c r="D11128" t="s">
        <v>9880</v>
      </c>
    </row>
    <row r="11129" spans="1:4" x14ac:dyDescent="0.4">
      <c r="A11129">
        <v>1631504</v>
      </c>
      <c r="B11129" t="s">
        <v>815</v>
      </c>
      <c r="C11129" t="s">
        <v>820</v>
      </c>
      <c r="D11129" t="s">
        <v>9881</v>
      </c>
    </row>
    <row r="11130" spans="1:4" x14ac:dyDescent="0.4">
      <c r="A11130">
        <v>1631505</v>
      </c>
      <c r="B11130" t="s">
        <v>815</v>
      </c>
      <c r="C11130" t="s">
        <v>820</v>
      </c>
      <c r="D11130" t="s">
        <v>9882</v>
      </c>
    </row>
    <row r="11131" spans="1:4" x14ac:dyDescent="0.4">
      <c r="A11131">
        <v>1631506</v>
      </c>
      <c r="B11131" t="s">
        <v>815</v>
      </c>
      <c r="C11131" t="s">
        <v>820</v>
      </c>
      <c r="D11131" t="s">
        <v>9883</v>
      </c>
    </row>
    <row r="11132" spans="1:4" x14ac:dyDescent="0.4">
      <c r="A11132">
        <v>1631507</v>
      </c>
      <c r="B11132" t="s">
        <v>815</v>
      </c>
      <c r="C11132" t="s">
        <v>820</v>
      </c>
      <c r="D11132" t="s">
        <v>9884</v>
      </c>
    </row>
    <row r="11133" spans="1:4" x14ac:dyDescent="0.4">
      <c r="A11133">
        <v>1631508</v>
      </c>
      <c r="B11133" t="s">
        <v>815</v>
      </c>
      <c r="C11133" t="s">
        <v>820</v>
      </c>
      <c r="D11133" t="s">
        <v>9885</v>
      </c>
    </row>
    <row r="11134" spans="1:4" x14ac:dyDescent="0.4">
      <c r="A11134">
        <v>1631509</v>
      </c>
      <c r="B11134" t="s">
        <v>815</v>
      </c>
      <c r="C11134" t="s">
        <v>820</v>
      </c>
      <c r="D11134" t="s">
        <v>9886</v>
      </c>
    </row>
    <row r="11135" spans="1:4" x14ac:dyDescent="0.4">
      <c r="A11135">
        <v>1631510</v>
      </c>
      <c r="B11135" t="s">
        <v>815</v>
      </c>
      <c r="C11135" t="s">
        <v>820</v>
      </c>
      <c r="D11135" t="s">
        <v>9887</v>
      </c>
    </row>
    <row r="11136" spans="1:4" x14ac:dyDescent="0.4">
      <c r="A11136">
        <v>1631511</v>
      </c>
      <c r="B11136" t="s">
        <v>815</v>
      </c>
      <c r="C11136" t="s">
        <v>820</v>
      </c>
      <c r="D11136" t="s">
        <v>9888</v>
      </c>
    </row>
    <row r="11137" spans="1:4" x14ac:dyDescent="0.4">
      <c r="A11137">
        <v>1631512</v>
      </c>
      <c r="B11137" t="s">
        <v>815</v>
      </c>
      <c r="C11137" t="s">
        <v>820</v>
      </c>
      <c r="D11137" t="s">
        <v>9889</v>
      </c>
    </row>
    <row r="11138" spans="1:4" x14ac:dyDescent="0.4">
      <c r="A11138">
        <v>1631513</v>
      </c>
      <c r="B11138" t="s">
        <v>815</v>
      </c>
      <c r="C11138" t="s">
        <v>820</v>
      </c>
      <c r="D11138" t="s">
        <v>9890</v>
      </c>
    </row>
    <row r="11139" spans="1:4" x14ac:dyDescent="0.4">
      <c r="A11139">
        <v>1631514</v>
      </c>
      <c r="B11139" t="s">
        <v>815</v>
      </c>
      <c r="C11139" t="s">
        <v>820</v>
      </c>
      <c r="D11139" t="s">
        <v>9891</v>
      </c>
    </row>
    <row r="11140" spans="1:4" x14ac:dyDescent="0.4">
      <c r="A11140">
        <v>1631515</v>
      </c>
      <c r="B11140" t="s">
        <v>815</v>
      </c>
      <c r="C11140" t="s">
        <v>820</v>
      </c>
      <c r="D11140" t="s">
        <v>9892</v>
      </c>
    </row>
    <row r="11141" spans="1:4" x14ac:dyDescent="0.4">
      <c r="A11141">
        <v>1631516</v>
      </c>
      <c r="B11141" t="s">
        <v>815</v>
      </c>
      <c r="C11141" t="s">
        <v>820</v>
      </c>
      <c r="D11141" t="s">
        <v>9893</v>
      </c>
    </row>
    <row r="11142" spans="1:4" x14ac:dyDescent="0.4">
      <c r="A11142">
        <v>1631517</v>
      </c>
      <c r="B11142" t="s">
        <v>815</v>
      </c>
      <c r="C11142" t="s">
        <v>820</v>
      </c>
      <c r="D11142" t="s">
        <v>9894</v>
      </c>
    </row>
    <row r="11143" spans="1:4" x14ac:dyDescent="0.4">
      <c r="A11143">
        <v>1631518</v>
      </c>
      <c r="B11143" t="s">
        <v>815</v>
      </c>
      <c r="C11143" t="s">
        <v>820</v>
      </c>
      <c r="D11143" t="s">
        <v>9895</v>
      </c>
    </row>
    <row r="11144" spans="1:4" x14ac:dyDescent="0.4">
      <c r="A11144">
        <v>1631519</v>
      </c>
      <c r="B11144" t="s">
        <v>815</v>
      </c>
      <c r="C11144" t="s">
        <v>820</v>
      </c>
      <c r="D11144" t="s">
        <v>9896</v>
      </c>
    </row>
    <row r="11145" spans="1:4" x14ac:dyDescent="0.4">
      <c r="A11145">
        <v>1631520</v>
      </c>
      <c r="B11145" t="s">
        <v>815</v>
      </c>
      <c r="C11145" t="s">
        <v>820</v>
      </c>
      <c r="D11145" t="s">
        <v>9897</v>
      </c>
    </row>
    <row r="11146" spans="1:4" x14ac:dyDescent="0.4">
      <c r="A11146">
        <v>1631521</v>
      </c>
      <c r="B11146" t="s">
        <v>815</v>
      </c>
      <c r="C11146" t="s">
        <v>820</v>
      </c>
      <c r="D11146" t="s">
        <v>9898</v>
      </c>
    </row>
    <row r="11147" spans="1:4" x14ac:dyDescent="0.4">
      <c r="A11147">
        <v>1631522</v>
      </c>
      <c r="B11147" t="s">
        <v>815</v>
      </c>
      <c r="C11147" t="s">
        <v>820</v>
      </c>
      <c r="D11147" t="s">
        <v>9899</v>
      </c>
    </row>
    <row r="11148" spans="1:4" x14ac:dyDescent="0.4">
      <c r="A11148">
        <v>1631523</v>
      </c>
      <c r="B11148" t="s">
        <v>815</v>
      </c>
      <c r="C11148" t="s">
        <v>820</v>
      </c>
      <c r="D11148" t="s">
        <v>9900</v>
      </c>
    </row>
    <row r="11149" spans="1:4" x14ac:dyDescent="0.4">
      <c r="A11149">
        <v>1631524</v>
      </c>
      <c r="B11149" t="s">
        <v>815</v>
      </c>
      <c r="C11149" t="s">
        <v>820</v>
      </c>
      <c r="D11149" t="s">
        <v>9901</v>
      </c>
    </row>
    <row r="11150" spans="1:4" x14ac:dyDescent="0.4">
      <c r="A11150">
        <v>1631525</v>
      </c>
      <c r="B11150" t="s">
        <v>815</v>
      </c>
      <c r="C11150" t="s">
        <v>820</v>
      </c>
      <c r="D11150" t="s">
        <v>9902</v>
      </c>
    </row>
    <row r="11151" spans="1:4" x14ac:dyDescent="0.4">
      <c r="A11151">
        <v>1631526</v>
      </c>
      <c r="B11151" t="s">
        <v>815</v>
      </c>
      <c r="C11151" t="s">
        <v>820</v>
      </c>
      <c r="D11151" t="s">
        <v>9903</v>
      </c>
    </row>
    <row r="11152" spans="1:4" x14ac:dyDescent="0.4">
      <c r="A11152">
        <v>1631527</v>
      </c>
      <c r="B11152" t="s">
        <v>815</v>
      </c>
      <c r="C11152" t="s">
        <v>820</v>
      </c>
      <c r="D11152" t="s">
        <v>9904</v>
      </c>
    </row>
    <row r="11153" spans="1:4" x14ac:dyDescent="0.4">
      <c r="A11153">
        <v>1631528</v>
      </c>
      <c r="B11153" t="s">
        <v>815</v>
      </c>
      <c r="C11153" t="s">
        <v>820</v>
      </c>
      <c r="D11153" t="s">
        <v>9905</v>
      </c>
    </row>
    <row r="11154" spans="1:4" x14ac:dyDescent="0.4">
      <c r="A11154">
        <v>1631529</v>
      </c>
      <c r="B11154" t="s">
        <v>815</v>
      </c>
      <c r="C11154" t="s">
        <v>820</v>
      </c>
      <c r="D11154" t="s">
        <v>9906</v>
      </c>
    </row>
    <row r="11155" spans="1:4" x14ac:dyDescent="0.4">
      <c r="A11155">
        <v>1631530</v>
      </c>
      <c r="B11155" t="s">
        <v>815</v>
      </c>
      <c r="C11155" t="s">
        <v>820</v>
      </c>
      <c r="D11155" t="s">
        <v>9907</v>
      </c>
    </row>
    <row r="11156" spans="1:4" x14ac:dyDescent="0.4">
      <c r="A11156">
        <v>1631531</v>
      </c>
      <c r="B11156" t="s">
        <v>815</v>
      </c>
      <c r="C11156" t="s">
        <v>820</v>
      </c>
      <c r="D11156" t="s">
        <v>9908</v>
      </c>
    </row>
    <row r="11157" spans="1:4" x14ac:dyDescent="0.4">
      <c r="A11157">
        <v>1631190</v>
      </c>
      <c r="B11157" t="s">
        <v>815</v>
      </c>
      <c r="C11157" t="s">
        <v>820</v>
      </c>
      <c r="D11157" t="s">
        <v>9909</v>
      </c>
    </row>
    <row r="11158" spans="1:4" x14ac:dyDescent="0.4">
      <c r="A11158">
        <v>1631101</v>
      </c>
      <c r="B11158" t="s">
        <v>815</v>
      </c>
      <c r="C11158" t="s">
        <v>820</v>
      </c>
      <c r="D11158" t="s">
        <v>9910</v>
      </c>
    </row>
    <row r="11159" spans="1:4" x14ac:dyDescent="0.4">
      <c r="A11159">
        <v>1631102</v>
      </c>
      <c r="B11159" t="s">
        <v>815</v>
      </c>
      <c r="C11159" t="s">
        <v>820</v>
      </c>
      <c r="D11159" t="s">
        <v>9911</v>
      </c>
    </row>
    <row r="11160" spans="1:4" x14ac:dyDescent="0.4">
      <c r="A11160">
        <v>1631103</v>
      </c>
      <c r="B11160" t="s">
        <v>815</v>
      </c>
      <c r="C11160" t="s">
        <v>820</v>
      </c>
      <c r="D11160" t="s">
        <v>9912</v>
      </c>
    </row>
    <row r="11161" spans="1:4" x14ac:dyDescent="0.4">
      <c r="A11161">
        <v>1631104</v>
      </c>
      <c r="B11161" t="s">
        <v>815</v>
      </c>
      <c r="C11161" t="s">
        <v>820</v>
      </c>
      <c r="D11161" t="s">
        <v>9913</v>
      </c>
    </row>
    <row r="11162" spans="1:4" x14ac:dyDescent="0.4">
      <c r="A11162">
        <v>1631105</v>
      </c>
      <c r="B11162" t="s">
        <v>815</v>
      </c>
      <c r="C11162" t="s">
        <v>820</v>
      </c>
      <c r="D11162" t="s">
        <v>9914</v>
      </c>
    </row>
    <row r="11163" spans="1:4" x14ac:dyDescent="0.4">
      <c r="A11163">
        <v>1631106</v>
      </c>
      <c r="B11163" t="s">
        <v>815</v>
      </c>
      <c r="C11163" t="s">
        <v>820</v>
      </c>
      <c r="D11163" t="s">
        <v>9915</v>
      </c>
    </row>
    <row r="11164" spans="1:4" x14ac:dyDescent="0.4">
      <c r="A11164">
        <v>1631107</v>
      </c>
      <c r="B11164" t="s">
        <v>815</v>
      </c>
      <c r="C11164" t="s">
        <v>820</v>
      </c>
      <c r="D11164" t="s">
        <v>9916</v>
      </c>
    </row>
    <row r="11165" spans="1:4" x14ac:dyDescent="0.4">
      <c r="A11165">
        <v>1631108</v>
      </c>
      <c r="B11165" t="s">
        <v>815</v>
      </c>
      <c r="C11165" t="s">
        <v>820</v>
      </c>
      <c r="D11165" t="s">
        <v>9917</v>
      </c>
    </row>
    <row r="11166" spans="1:4" x14ac:dyDescent="0.4">
      <c r="A11166">
        <v>1631109</v>
      </c>
      <c r="B11166" t="s">
        <v>815</v>
      </c>
      <c r="C11166" t="s">
        <v>820</v>
      </c>
      <c r="D11166" t="s">
        <v>9918</v>
      </c>
    </row>
    <row r="11167" spans="1:4" x14ac:dyDescent="0.4">
      <c r="A11167">
        <v>1631110</v>
      </c>
      <c r="B11167" t="s">
        <v>815</v>
      </c>
      <c r="C11167" t="s">
        <v>820</v>
      </c>
      <c r="D11167" t="s">
        <v>9919</v>
      </c>
    </row>
    <row r="11168" spans="1:4" x14ac:dyDescent="0.4">
      <c r="A11168">
        <v>1631111</v>
      </c>
      <c r="B11168" t="s">
        <v>815</v>
      </c>
      <c r="C11168" t="s">
        <v>820</v>
      </c>
      <c r="D11168" t="s">
        <v>9920</v>
      </c>
    </row>
    <row r="11169" spans="1:4" x14ac:dyDescent="0.4">
      <c r="A11169">
        <v>1631112</v>
      </c>
      <c r="B11169" t="s">
        <v>815</v>
      </c>
      <c r="C11169" t="s">
        <v>820</v>
      </c>
      <c r="D11169" t="s">
        <v>9921</v>
      </c>
    </row>
    <row r="11170" spans="1:4" x14ac:dyDescent="0.4">
      <c r="A11170">
        <v>1631113</v>
      </c>
      <c r="B11170" t="s">
        <v>815</v>
      </c>
      <c r="C11170" t="s">
        <v>820</v>
      </c>
      <c r="D11170" t="s">
        <v>9922</v>
      </c>
    </row>
    <row r="11171" spans="1:4" x14ac:dyDescent="0.4">
      <c r="A11171">
        <v>1631114</v>
      </c>
      <c r="B11171" t="s">
        <v>815</v>
      </c>
      <c r="C11171" t="s">
        <v>820</v>
      </c>
      <c r="D11171" t="s">
        <v>9923</v>
      </c>
    </row>
    <row r="11172" spans="1:4" x14ac:dyDescent="0.4">
      <c r="A11172">
        <v>1631115</v>
      </c>
      <c r="B11172" t="s">
        <v>815</v>
      </c>
      <c r="C11172" t="s">
        <v>820</v>
      </c>
      <c r="D11172" t="s">
        <v>9924</v>
      </c>
    </row>
    <row r="11173" spans="1:4" x14ac:dyDescent="0.4">
      <c r="A11173">
        <v>1631116</v>
      </c>
      <c r="B11173" t="s">
        <v>815</v>
      </c>
      <c r="C11173" t="s">
        <v>820</v>
      </c>
      <c r="D11173" t="s">
        <v>9925</v>
      </c>
    </row>
    <row r="11174" spans="1:4" x14ac:dyDescent="0.4">
      <c r="A11174">
        <v>1006618</v>
      </c>
      <c r="B11174" t="s">
        <v>815</v>
      </c>
      <c r="C11174" t="s">
        <v>816</v>
      </c>
      <c r="D11174" t="s">
        <v>9926</v>
      </c>
    </row>
    <row r="11175" spans="1:4" x14ac:dyDescent="0.4">
      <c r="A11175">
        <v>1056029</v>
      </c>
      <c r="B11175" t="s">
        <v>815</v>
      </c>
      <c r="C11175" t="s">
        <v>818</v>
      </c>
      <c r="D11175" t="s">
        <v>9927</v>
      </c>
    </row>
    <row r="11176" spans="1:4" x14ac:dyDescent="0.4">
      <c r="A11176">
        <v>1631117</v>
      </c>
      <c r="B11176" t="s">
        <v>815</v>
      </c>
      <c r="C11176" t="s">
        <v>820</v>
      </c>
      <c r="D11176" t="s">
        <v>9928</v>
      </c>
    </row>
    <row r="11177" spans="1:4" x14ac:dyDescent="0.4">
      <c r="A11177">
        <v>1631441</v>
      </c>
      <c r="B11177" t="s">
        <v>815</v>
      </c>
      <c r="C11177" t="s">
        <v>820</v>
      </c>
      <c r="D11177" t="s">
        <v>9929</v>
      </c>
    </row>
    <row r="11178" spans="1:4" x14ac:dyDescent="0.4">
      <c r="A11178">
        <v>1510066</v>
      </c>
      <c r="B11178" t="s">
        <v>815</v>
      </c>
      <c r="C11178" t="s">
        <v>8862</v>
      </c>
      <c r="D11178" t="s">
        <v>3877</v>
      </c>
    </row>
    <row r="11179" spans="1:4" x14ac:dyDescent="0.4">
      <c r="A11179">
        <v>1510072</v>
      </c>
      <c r="B11179" t="s">
        <v>815</v>
      </c>
      <c r="C11179" t="s">
        <v>8862</v>
      </c>
      <c r="D11179" t="s">
        <v>9930</v>
      </c>
    </row>
    <row r="11180" spans="1:4" x14ac:dyDescent="0.4">
      <c r="A11180">
        <v>1500035</v>
      </c>
      <c r="B11180" t="s">
        <v>815</v>
      </c>
      <c r="C11180" t="s">
        <v>8862</v>
      </c>
      <c r="D11180" t="s">
        <v>9931</v>
      </c>
    </row>
    <row r="11181" spans="1:4" x14ac:dyDescent="0.4">
      <c r="A11181">
        <v>1510061</v>
      </c>
      <c r="B11181" t="s">
        <v>815</v>
      </c>
      <c r="C11181" t="s">
        <v>8862</v>
      </c>
      <c r="D11181" t="s">
        <v>9932</v>
      </c>
    </row>
    <row r="11182" spans="1:4" x14ac:dyDescent="0.4">
      <c r="A11182">
        <v>1500011</v>
      </c>
      <c r="B11182" t="s">
        <v>815</v>
      </c>
      <c r="C11182" t="s">
        <v>8862</v>
      </c>
      <c r="D11182" t="s">
        <v>1693</v>
      </c>
    </row>
    <row r="11183" spans="1:4" x14ac:dyDescent="0.4">
      <c r="A11183">
        <v>1500012</v>
      </c>
      <c r="B11183" t="s">
        <v>815</v>
      </c>
      <c r="C11183" t="s">
        <v>8862</v>
      </c>
      <c r="D11183" t="s">
        <v>7620</v>
      </c>
    </row>
    <row r="11184" spans="1:4" x14ac:dyDescent="0.4">
      <c r="A11184">
        <v>1510071</v>
      </c>
      <c r="B11184" t="s">
        <v>815</v>
      </c>
      <c r="C11184" t="s">
        <v>8862</v>
      </c>
      <c r="D11184" t="s">
        <v>403</v>
      </c>
    </row>
    <row r="11185" spans="1:4" x14ac:dyDescent="0.4">
      <c r="A11185">
        <v>1500044</v>
      </c>
      <c r="B11185" t="s">
        <v>815</v>
      </c>
      <c r="C11185" t="s">
        <v>8862</v>
      </c>
      <c r="D11185" t="s">
        <v>9933</v>
      </c>
    </row>
    <row r="11186" spans="1:4" x14ac:dyDescent="0.4">
      <c r="A11186">
        <v>1510062</v>
      </c>
      <c r="B11186" t="s">
        <v>815</v>
      </c>
      <c r="C11186" t="s">
        <v>8862</v>
      </c>
      <c r="D11186" t="s">
        <v>9934</v>
      </c>
    </row>
    <row r="11187" spans="1:4" x14ac:dyDescent="0.4">
      <c r="A11187">
        <v>1510053</v>
      </c>
      <c r="B11187" t="s">
        <v>815</v>
      </c>
      <c r="C11187" t="s">
        <v>8862</v>
      </c>
      <c r="D11187" t="s">
        <v>9935</v>
      </c>
    </row>
    <row r="11188" spans="1:4" x14ac:dyDescent="0.4">
      <c r="A11188">
        <v>1510052</v>
      </c>
      <c r="B11188" t="s">
        <v>815</v>
      </c>
      <c r="C11188" t="s">
        <v>8862</v>
      </c>
      <c r="D11188" t="s">
        <v>9936</v>
      </c>
    </row>
    <row r="11189" spans="1:4" x14ac:dyDescent="0.4">
      <c r="A11189">
        <v>1640000</v>
      </c>
      <c r="B11189" t="s">
        <v>815</v>
      </c>
      <c r="C11189" t="s">
        <v>1318</v>
      </c>
    </row>
    <row r="11190" spans="1:4" x14ac:dyDescent="0.4">
      <c r="A11190">
        <v>1650026</v>
      </c>
      <c r="B11190" t="s">
        <v>815</v>
      </c>
      <c r="C11190" t="s">
        <v>1318</v>
      </c>
      <c r="D11190" t="s">
        <v>590</v>
      </c>
    </row>
    <row r="11191" spans="1:4" x14ac:dyDescent="0.4">
      <c r="A11191">
        <v>1650022</v>
      </c>
      <c r="B11191" t="s">
        <v>815</v>
      </c>
      <c r="C11191" t="s">
        <v>1318</v>
      </c>
      <c r="D11191" t="s">
        <v>9937</v>
      </c>
    </row>
    <row r="11192" spans="1:4" x14ac:dyDescent="0.4">
      <c r="A11192">
        <v>1650023</v>
      </c>
      <c r="B11192" t="s">
        <v>815</v>
      </c>
      <c r="C11192" t="s">
        <v>1318</v>
      </c>
      <c r="D11192" t="s">
        <v>9938</v>
      </c>
    </row>
    <row r="11193" spans="1:4" x14ac:dyDescent="0.4">
      <c r="A11193">
        <v>1650031</v>
      </c>
      <c r="B11193" t="s">
        <v>815</v>
      </c>
      <c r="C11193" t="s">
        <v>1318</v>
      </c>
      <c r="D11193" t="s">
        <v>9939</v>
      </c>
    </row>
    <row r="11194" spans="1:4" x14ac:dyDescent="0.4">
      <c r="A11194">
        <v>1640002</v>
      </c>
      <c r="B11194" t="s">
        <v>815</v>
      </c>
      <c r="C11194" t="s">
        <v>1318</v>
      </c>
      <c r="D11194" t="s">
        <v>9940</v>
      </c>
    </row>
    <row r="11195" spans="1:4" x14ac:dyDescent="0.4">
      <c r="A11195">
        <v>1650032</v>
      </c>
      <c r="B11195" t="s">
        <v>815</v>
      </c>
      <c r="C11195" t="s">
        <v>1318</v>
      </c>
      <c r="D11195" t="s">
        <v>9941</v>
      </c>
    </row>
    <row r="11196" spans="1:4" x14ac:dyDescent="0.4">
      <c r="A11196">
        <v>1650035</v>
      </c>
      <c r="B11196" t="s">
        <v>815</v>
      </c>
      <c r="C11196" t="s">
        <v>1318</v>
      </c>
      <c r="D11196" t="s">
        <v>9942</v>
      </c>
    </row>
    <row r="11197" spans="1:4" x14ac:dyDescent="0.4">
      <c r="A11197">
        <v>2200011</v>
      </c>
      <c r="B11197" t="s">
        <v>2200</v>
      </c>
      <c r="C11197" t="s">
        <v>2202</v>
      </c>
      <c r="D11197" t="s">
        <v>1749</v>
      </c>
    </row>
    <row r="11198" spans="1:4" x14ac:dyDescent="0.4">
      <c r="A11198">
        <v>2200051</v>
      </c>
      <c r="B11198" t="s">
        <v>2200</v>
      </c>
      <c r="C11198" t="s">
        <v>2202</v>
      </c>
      <c r="D11198" t="s">
        <v>184</v>
      </c>
    </row>
    <row r="11199" spans="1:4" x14ac:dyDescent="0.4">
      <c r="A11199">
        <v>2200042</v>
      </c>
      <c r="B11199" t="s">
        <v>2200</v>
      </c>
      <c r="C11199" t="s">
        <v>2202</v>
      </c>
      <c r="D11199" t="s">
        <v>9943</v>
      </c>
    </row>
    <row r="11200" spans="1:4" x14ac:dyDescent="0.4">
      <c r="A11200">
        <v>2200041</v>
      </c>
      <c r="B11200" t="s">
        <v>2200</v>
      </c>
      <c r="C11200" t="s">
        <v>2202</v>
      </c>
      <c r="D11200" t="s">
        <v>9944</v>
      </c>
    </row>
    <row r="11201" spans="1:4" x14ac:dyDescent="0.4">
      <c r="A11201">
        <v>2200046</v>
      </c>
      <c r="B11201" t="s">
        <v>2200</v>
      </c>
      <c r="C11201" t="s">
        <v>2202</v>
      </c>
      <c r="D11201" t="s">
        <v>9945</v>
      </c>
    </row>
    <row r="11202" spans="1:4" x14ac:dyDescent="0.4">
      <c r="A11202">
        <v>2200024</v>
      </c>
      <c r="B11202" t="s">
        <v>2200</v>
      </c>
      <c r="C11202" t="s">
        <v>2202</v>
      </c>
      <c r="D11202" t="s">
        <v>9946</v>
      </c>
    </row>
    <row r="11203" spans="1:4" x14ac:dyDescent="0.4">
      <c r="A11203">
        <v>2200052</v>
      </c>
      <c r="B11203" t="s">
        <v>2200</v>
      </c>
      <c r="C11203" t="s">
        <v>2202</v>
      </c>
      <c r="D11203" t="s">
        <v>9947</v>
      </c>
    </row>
    <row r="11204" spans="1:4" x14ac:dyDescent="0.4">
      <c r="A11204">
        <v>2200022</v>
      </c>
      <c r="B11204" t="s">
        <v>2200</v>
      </c>
      <c r="C11204" t="s">
        <v>2202</v>
      </c>
      <c r="D11204" t="s">
        <v>9948</v>
      </c>
    </row>
    <row r="11205" spans="1:4" x14ac:dyDescent="0.4">
      <c r="A11205">
        <v>2200055</v>
      </c>
      <c r="B11205" t="s">
        <v>2200</v>
      </c>
      <c r="C11205" t="s">
        <v>2202</v>
      </c>
      <c r="D11205" t="s">
        <v>9949</v>
      </c>
    </row>
    <row r="11206" spans="1:4" x14ac:dyDescent="0.4">
      <c r="A11206">
        <v>2200062</v>
      </c>
      <c r="B11206" t="s">
        <v>2200</v>
      </c>
      <c r="C11206" t="s">
        <v>2202</v>
      </c>
      <c r="D11206" t="s">
        <v>9950</v>
      </c>
    </row>
    <row r="11207" spans="1:4" x14ac:dyDescent="0.4">
      <c r="A11207">
        <v>2200023</v>
      </c>
      <c r="B11207" t="s">
        <v>2200</v>
      </c>
      <c r="C11207" t="s">
        <v>2202</v>
      </c>
      <c r="D11207" t="s">
        <v>6539</v>
      </c>
    </row>
    <row r="11208" spans="1:4" x14ac:dyDescent="0.4">
      <c r="A11208">
        <v>2200053</v>
      </c>
      <c r="B11208" t="s">
        <v>2200</v>
      </c>
      <c r="C11208" t="s">
        <v>2202</v>
      </c>
      <c r="D11208" t="s">
        <v>9951</v>
      </c>
    </row>
    <row r="11209" spans="1:4" x14ac:dyDescent="0.4">
      <c r="A11209">
        <v>2200013</v>
      </c>
      <c r="B11209" t="s">
        <v>2200</v>
      </c>
      <c r="C11209" t="s">
        <v>2202</v>
      </c>
      <c r="D11209" t="s">
        <v>1611</v>
      </c>
    </row>
    <row r="11210" spans="1:4" x14ac:dyDescent="0.4">
      <c r="A11210">
        <v>2200012</v>
      </c>
      <c r="B11210" t="s">
        <v>2200</v>
      </c>
      <c r="C11210" t="s">
        <v>2202</v>
      </c>
      <c r="D11210" t="s">
        <v>9952</v>
      </c>
    </row>
    <row r="11211" spans="1:4" x14ac:dyDescent="0.4">
      <c r="A11211">
        <v>2206090</v>
      </c>
      <c r="B11211" t="s">
        <v>2200</v>
      </c>
      <c r="C11211" t="s">
        <v>2202</v>
      </c>
      <c r="D11211" t="s">
        <v>9953</v>
      </c>
    </row>
    <row r="11212" spans="1:4" x14ac:dyDescent="0.4">
      <c r="A11212">
        <v>2206001</v>
      </c>
      <c r="B11212" t="s">
        <v>2200</v>
      </c>
      <c r="C11212" t="s">
        <v>2202</v>
      </c>
      <c r="D11212" t="s">
        <v>9954</v>
      </c>
    </row>
    <row r="11213" spans="1:4" x14ac:dyDescent="0.4">
      <c r="A11213">
        <v>2206002</v>
      </c>
      <c r="B11213" t="s">
        <v>2200</v>
      </c>
      <c r="C11213" t="s">
        <v>2202</v>
      </c>
      <c r="D11213" t="s">
        <v>9955</v>
      </c>
    </row>
    <row r="11214" spans="1:4" x14ac:dyDescent="0.4">
      <c r="A11214">
        <v>2206003</v>
      </c>
      <c r="B11214" t="s">
        <v>2200</v>
      </c>
      <c r="C11214" t="s">
        <v>2202</v>
      </c>
      <c r="D11214" t="s">
        <v>9956</v>
      </c>
    </row>
    <row r="11215" spans="1:4" x14ac:dyDescent="0.4">
      <c r="A11215">
        <v>2206004</v>
      </c>
      <c r="B11215" t="s">
        <v>2200</v>
      </c>
      <c r="C11215" t="s">
        <v>2202</v>
      </c>
      <c r="D11215" t="s">
        <v>9957</v>
      </c>
    </row>
    <row r="11216" spans="1:4" x14ac:dyDescent="0.4">
      <c r="A11216">
        <v>2206005</v>
      </c>
      <c r="B11216" t="s">
        <v>2200</v>
      </c>
      <c r="C11216" t="s">
        <v>2202</v>
      </c>
      <c r="D11216" t="s">
        <v>9958</v>
      </c>
    </row>
    <row r="11217" spans="1:4" x14ac:dyDescent="0.4">
      <c r="A11217">
        <v>2206006</v>
      </c>
      <c r="B11217" t="s">
        <v>2200</v>
      </c>
      <c r="C11217" t="s">
        <v>2202</v>
      </c>
      <c r="D11217" t="s">
        <v>9959</v>
      </c>
    </row>
    <row r="11218" spans="1:4" x14ac:dyDescent="0.4">
      <c r="A11218">
        <v>2206007</v>
      </c>
      <c r="B11218" t="s">
        <v>2200</v>
      </c>
      <c r="C11218" t="s">
        <v>2202</v>
      </c>
      <c r="D11218" t="s">
        <v>9960</v>
      </c>
    </row>
    <row r="11219" spans="1:4" x14ac:dyDescent="0.4">
      <c r="A11219">
        <v>2206008</v>
      </c>
      <c r="B11219" t="s">
        <v>2200</v>
      </c>
      <c r="C11219" t="s">
        <v>2202</v>
      </c>
      <c r="D11219" t="s">
        <v>9961</v>
      </c>
    </row>
    <row r="11220" spans="1:4" x14ac:dyDescent="0.4">
      <c r="A11220">
        <v>2206009</v>
      </c>
      <c r="B11220" t="s">
        <v>2200</v>
      </c>
      <c r="C11220" t="s">
        <v>2202</v>
      </c>
      <c r="D11220" t="s">
        <v>9962</v>
      </c>
    </row>
    <row r="11221" spans="1:4" x14ac:dyDescent="0.4">
      <c r="A11221">
        <v>2206010</v>
      </c>
      <c r="B11221" t="s">
        <v>2200</v>
      </c>
      <c r="C11221" t="s">
        <v>2202</v>
      </c>
      <c r="D11221" t="s">
        <v>9963</v>
      </c>
    </row>
    <row r="11222" spans="1:4" x14ac:dyDescent="0.4">
      <c r="A11222">
        <v>2206011</v>
      </c>
      <c r="B11222" t="s">
        <v>2200</v>
      </c>
      <c r="C11222" t="s">
        <v>2202</v>
      </c>
      <c r="D11222" t="s">
        <v>9964</v>
      </c>
    </row>
    <row r="11223" spans="1:4" x14ac:dyDescent="0.4">
      <c r="A11223">
        <v>2206012</v>
      </c>
      <c r="B11223" t="s">
        <v>2200</v>
      </c>
      <c r="C11223" t="s">
        <v>2202</v>
      </c>
      <c r="D11223" t="s">
        <v>9965</v>
      </c>
    </row>
    <row r="11224" spans="1:4" x14ac:dyDescent="0.4">
      <c r="A11224">
        <v>2206013</v>
      </c>
      <c r="B11224" t="s">
        <v>2200</v>
      </c>
      <c r="C11224" t="s">
        <v>2202</v>
      </c>
      <c r="D11224" t="s">
        <v>9966</v>
      </c>
    </row>
    <row r="11225" spans="1:4" x14ac:dyDescent="0.4">
      <c r="A11225">
        <v>2206014</v>
      </c>
      <c r="B11225" t="s">
        <v>2200</v>
      </c>
      <c r="C11225" t="s">
        <v>2202</v>
      </c>
      <c r="D11225" t="s">
        <v>9967</v>
      </c>
    </row>
    <row r="11226" spans="1:4" x14ac:dyDescent="0.4">
      <c r="A11226">
        <v>2206015</v>
      </c>
      <c r="B11226" t="s">
        <v>2200</v>
      </c>
      <c r="C11226" t="s">
        <v>2202</v>
      </c>
      <c r="D11226" t="s">
        <v>9968</v>
      </c>
    </row>
    <row r="11227" spans="1:4" x14ac:dyDescent="0.4">
      <c r="A11227">
        <v>2206016</v>
      </c>
      <c r="B11227" t="s">
        <v>2200</v>
      </c>
      <c r="C11227" t="s">
        <v>2202</v>
      </c>
      <c r="D11227" t="s">
        <v>9969</v>
      </c>
    </row>
    <row r="11228" spans="1:4" x14ac:dyDescent="0.4">
      <c r="A11228">
        <v>2206017</v>
      </c>
      <c r="B11228" t="s">
        <v>2200</v>
      </c>
      <c r="C11228" t="s">
        <v>2202</v>
      </c>
      <c r="D11228" t="s">
        <v>9970</v>
      </c>
    </row>
    <row r="11229" spans="1:4" x14ac:dyDescent="0.4">
      <c r="A11229">
        <v>2206018</v>
      </c>
      <c r="B11229" t="s">
        <v>2200</v>
      </c>
      <c r="C11229" t="s">
        <v>2202</v>
      </c>
      <c r="D11229" t="s">
        <v>9971</v>
      </c>
    </row>
    <row r="11230" spans="1:4" x14ac:dyDescent="0.4">
      <c r="A11230">
        <v>2206019</v>
      </c>
      <c r="B11230" t="s">
        <v>2200</v>
      </c>
      <c r="C11230" t="s">
        <v>2202</v>
      </c>
      <c r="D11230" t="s">
        <v>9972</v>
      </c>
    </row>
    <row r="11231" spans="1:4" x14ac:dyDescent="0.4">
      <c r="A11231">
        <v>2206020</v>
      </c>
      <c r="B11231" t="s">
        <v>2200</v>
      </c>
      <c r="C11231" t="s">
        <v>2202</v>
      </c>
      <c r="D11231" t="s">
        <v>9973</v>
      </c>
    </row>
    <row r="11232" spans="1:4" x14ac:dyDescent="0.4">
      <c r="A11232">
        <v>2206021</v>
      </c>
      <c r="B11232" t="s">
        <v>2200</v>
      </c>
      <c r="C11232" t="s">
        <v>2202</v>
      </c>
      <c r="D11232" t="s">
        <v>9974</v>
      </c>
    </row>
    <row r="11233" spans="1:4" x14ac:dyDescent="0.4">
      <c r="A11233">
        <v>2206022</v>
      </c>
      <c r="B11233" t="s">
        <v>2200</v>
      </c>
      <c r="C11233" t="s">
        <v>2202</v>
      </c>
      <c r="D11233" t="s">
        <v>9975</v>
      </c>
    </row>
    <row r="11234" spans="1:4" x14ac:dyDescent="0.4">
      <c r="A11234">
        <v>2206023</v>
      </c>
      <c r="B11234" t="s">
        <v>2200</v>
      </c>
      <c r="C11234" t="s">
        <v>2202</v>
      </c>
      <c r="D11234" t="s">
        <v>9976</v>
      </c>
    </row>
    <row r="11235" spans="1:4" x14ac:dyDescent="0.4">
      <c r="A11235">
        <v>2206024</v>
      </c>
      <c r="B11235" t="s">
        <v>2200</v>
      </c>
      <c r="C11235" t="s">
        <v>2202</v>
      </c>
      <c r="D11235" t="s">
        <v>9977</v>
      </c>
    </row>
    <row r="11236" spans="1:4" x14ac:dyDescent="0.4">
      <c r="A11236">
        <v>2206025</v>
      </c>
      <c r="B11236" t="s">
        <v>2200</v>
      </c>
      <c r="C11236" t="s">
        <v>2202</v>
      </c>
      <c r="D11236" t="s">
        <v>9978</v>
      </c>
    </row>
    <row r="11237" spans="1:4" x14ac:dyDescent="0.4">
      <c r="A11237">
        <v>2206026</v>
      </c>
      <c r="B11237" t="s">
        <v>2200</v>
      </c>
      <c r="C11237" t="s">
        <v>2202</v>
      </c>
      <c r="D11237" t="s">
        <v>9979</v>
      </c>
    </row>
    <row r="11238" spans="1:4" x14ac:dyDescent="0.4">
      <c r="A11238">
        <v>2206027</v>
      </c>
      <c r="B11238" t="s">
        <v>2200</v>
      </c>
      <c r="C11238" t="s">
        <v>2202</v>
      </c>
      <c r="D11238" t="s">
        <v>9980</v>
      </c>
    </row>
    <row r="11239" spans="1:4" x14ac:dyDescent="0.4">
      <c r="A11239">
        <v>2206028</v>
      </c>
      <c r="B11239" t="s">
        <v>2200</v>
      </c>
      <c r="C11239" t="s">
        <v>2202</v>
      </c>
      <c r="D11239" t="s">
        <v>9981</v>
      </c>
    </row>
    <row r="11240" spans="1:4" x14ac:dyDescent="0.4">
      <c r="A11240">
        <v>2206029</v>
      </c>
      <c r="B11240" t="s">
        <v>2200</v>
      </c>
      <c r="C11240" t="s">
        <v>2202</v>
      </c>
      <c r="D11240" t="s">
        <v>9982</v>
      </c>
    </row>
    <row r="11241" spans="1:4" x14ac:dyDescent="0.4">
      <c r="A11241">
        <v>2206030</v>
      </c>
      <c r="B11241" t="s">
        <v>2200</v>
      </c>
      <c r="C11241" t="s">
        <v>2202</v>
      </c>
      <c r="D11241" t="s">
        <v>9983</v>
      </c>
    </row>
    <row r="11242" spans="1:4" x14ac:dyDescent="0.4">
      <c r="A11242">
        <v>2206031</v>
      </c>
      <c r="B11242" t="s">
        <v>2200</v>
      </c>
      <c r="C11242" t="s">
        <v>2202</v>
      </c>
      <c r="D11242" t="s">
        <v>9984</v>
      </c>
    </row>
    <row r="11243" spans="1:4" x14ac:dyDescent="0.4">
      <c r="A11243">
        <v>2206032</v>
      </c>
      <c r="B11243" t="s">
        <v>2200</v>
      </c>
      <c r="C11243" t="s">
        <v>2202</v>
      </c>
      <c r="D11243" t="s">
        <v>9985</v>
      </c>
    </row>
    <row r="11244" spans="1:4" x14ac:dyDescent="0.4">
      <c r="A11244">
        <v>2206033</v>
      </c>
      <c r="B11244" t="s">
        <v>2200</v>
      </c>
      <c r="C11244" t="s">
        <v>2202</v>
      </c>
      <c r="D11244" t="s">
        <v>9986</v>
      </c>
    </row>
    <row r="11245" spans="1:4" x14ac:dyDescent="0.4">
      <c r="A11245">
        <v>2206034</v>
      </c>
      <c r="B11245" t="s">
        <v>2200</v>
      </c>
      <c r="C11245" t="s">
        <v>2202</v>
      </c>
      <c r="D11245" t="s">
        <v>9987</v>
      </c>
    </row>
    <row r="11246" spans="1:4" x14ac:dyDescent="0.4">
      <c r="A11246">
        <v>2206035</v>
      </c>
      <c r="B11246" t="s">
        <v>2200</v>
      </c>
      <c r="C11246" t="s">
        <v>2202</v>
      </c>
      <c r="D11246" t="s">
        <v>9988</v>
      </c>
    </row>
    <row r="11247" spans="1:4" x14ac:dyDescent="0.4">
      <c r="A11247">
        <v>2206190</v>
      </c>
      <c r="B11247" t="s">
        <v>2200</v>
      </c>
      <c r="C11247" t="s">
        <v>2202</v>
      </c>
      <c r="D11247" t="s">
        <v>9989</v>
      </c>
    </row>
    <row r="11248" spans="1:4" x14ac:dyDescent="0.4">
      <c r="A11248">
        <v>2206101</v>
      </c>
      <c r="B11248" t="s">
        <v>2200</v>
      </c>
      <c r="C11248" t="s">
        <v>2202</v>
      </c>
      <c r="D11248" t="s">
        <v>9990</v>
      </c>
    </row>
    <row r="11249" spans="1:4" x14ac:dyDescent="0.4">
      <c r="A11249">
        <v>2206102</v>
      </c>
      <c r="B11249" t="s">
        <v>2200</v>
      </c>
      <c r="C11249" t="s">
        <v>2202</v>
      </c>
      <c r="D11249" t="s">
        <v>9991</v>
      </c>
    </row>
    <row r="11250" spans="1:4" x14ac:dyDescent="0.4">
      <c r="A11250">
        <v>2206103</v>
      </c>
      <c r="B11250" t="s">
        <v>2200</v>
      </c>
      <c r="C11250" t="s">
        <v>2202</v>
      </c>
      <c r="D11250" t="s">
        <v>9992</v>
      </c>
    </row>
    <row r="11251" spans="1:4" x14ac:dyDescent="0.4">
      <c r="A11251">
        <v>2206104</v>
      </c>
      <c r="B11251" t="s">
        <v>2200</v>
      </c>
      <c r="C11251" t="s">
        <v>2202</v>
      </c>
      <c r="D11251" t="s">
        <v>9993</v>
      </c>
    </row>
    <row r="11252" spans="1:4" x14ac:dyDescent="0.4">
      <c r="A11252">
        <v>2206105</v>
      </c>
      <c r="B11252" t="s">
        <v>2200</v>
      </c>
      <c r="C11252" t="s">
        <v>2202</v>
      </c>
      <c r="D11252" t="s">
        <v>9994</v>
      </c>
    </row>
    <row r="11253" spans="1:4" x14ac:dyDescent="0.4">
      <c r="A11253">
        <v>2206106</v>
      </c>
      <c r="B11253" t="s">
        <v>2200</v>
      </c>
      <c r="C11253" t="s">
        <v>2202</v>
      </c>
      <c r="D11253" t="s">
        <v>9995</v>
      </c>
    </row>
    <row r="11254" spans="1:4" x14ac:dyDescent="0.4">
      <c r="A11254">
        <v>2206107</v>
      </c>
      <c r="B11254" t="s">
        <v>2200</v>
      </c>
      <c r="C11254" t="s">
        <v>2202</v>
      </c>
      <c r="D11254" t="s">
        <v>9996</v>
      </c>
    </row>
    <row r="11255" spans="1:4" x14ac:dyDescent="0.4">
      <c r="A11255">
        <v>2206108</v>
      </c>
      <c r="B11255" t="s">
        <v>2200</v>
      </c>
      <c r="C11255" t="s">
        <v>2202</v>
      </c>
      <c r="D11255" t="s">
        <v>9997</v>
      </c>
    </row>
    <row r="11256" spans="1:4" x14ac:dyDescent="0.4">
      <c r="A11256">
        <v>2206109</v>
      </c>
      <c r="B11256" t="s">
        <v>2200</v>
      </c>
      <c r="C11256" t="s">
        <v>2202</v>
      </c>
      <c r="D11256" t="s">
        <v>9998</v>
      </c>
    </row>
    <row r="11257" spans="1:4" x14ac:dyDescent="0.4">
      <c r="A11257">
        <v>2206110</v>
      </c>
      <c r="B11257" t="s">
        <v>2200</v>
      </c>
      <c r="C11257" t="s">
        <v>2202</v>
      </c>
      <c r="D11257" t="s">
        <v>9999</v>
      </c>
    </row>
    <row r="11258" spans="1:4" x14ac:dyDescent="0.4">
      <c r="A11258">
        <v>2206111</v>
      </c>
      <c r="B11258" t="s">
        <v>2200</v>
      </c>
      <c r="C11258" t="s">
        <v>2202</v>
      </c>
      <c r="D11258" t="s">
        <v>10000</v>
      </c>
    </row>
    <row r="11259" spans="1:4" x14ac:dyDescent="0.4">
      <c r="A11259">
        <v>2206112</v>
      </c>
      <c r="B11259" t="s">
        <v>2200</v>
      </c>
      <c r="C11259" t="s">
        <v>2202</v>
      </c>
      <c r="D11259" t="s">
        <v>10001</v>
      </c>
    </row>
    <row r="11260" spans="1:4" x14ac:dyDescent="0.4">
      <c r="A11260">
        <v>2206113</v>
      </c>
      <c r="B11260" t="s">
        <v>2200</v>
      </c>
      <c r="C11260" t="s">
        <v>2202</v>
      </c>
      <c r="D11260" t="s">
        <v>10002</v>
      </c>
    </row>
    <row r="11261" spans="1:4" x14ac:dyDescent="0.4">
      <c r="A11261">
        <v>2206114</v>
      </c>
      <c r="B11261" t="s">
        <v>2200</v>
      </c>
      <c r="C11261" t="s">
        <v>2202</v>
      </c>
      <c r="D11261" t="s">
        <v>10003</v>
      </c>
    </row>
    <row r="11262" spans="1:4" x14ac:dyDescent="0.4">
      <c r="A11262">
        <v>2206115</v>
      </c>
      <c r="B11262" t="s">
        <v>2200</v>
      </c>
      <c r="C11262" t="s">
        <v>2202</v>
      </c>
      <c r="D11262" t="s">
        <v>10004</v>
      </c>
    </row>
    <row r="11263" spans="1:4" x14ac:dyDescent="0.4">
      <c r="A11263">
        <v>2206116</v>
      </c>
      <c r="B11263" t="s">
        <v>2200</v>
      </c>
      <c r="C11263" t="s">
        <v>2202</v>
      </c>
      <c r="D11263" t="s">
        <v>10005</v>
      </c>
    </row>
    <row r="11264" spans="1:4" x14ac:dyDescent="0.4">
      <c r="A11264">
        <v>2206117</v>
      </c>
      <c r="B11264" t="s">
        <v>2200</v>
      </c>
      <c r="C11264" t="s">
        <v>2202</v>
      </c>
      <c r="D11264" t="s">
        <v>10006</v>
      </c>
    </row>
    <row r="11265" spans="1:4" x14ac:dyDescent="0.4">
      <c r="A11265">
        <v>2206118</v>
      </c>
      <c r="B11265" t="s">
        <v>2200</v>
      </c>
      <c r="C11265" t="s">
        <v>2202</v>
      </c>
      <c r="D11265" t="s">
        <v>10007</v>
      </c>
    </row>
    <row r="11266" spans="1:4" x14ac:dyDescent="0.4">
      <c r="A11266">
        <v>2206119</v>
      </c>
      <c r="B11266" t="s">
        <v>2200</v>
      </c>
      <c r="C11266" t="s">
        <v>2202</v>
      </c>
      <c r="D11266" t="s">
        <v>10008</v>
      </c>
    </row>
    <row r="11267" spans="1:4" x14ac:dyDescent="0.4">
      <c r="A11267">
        <v>2206120</v>
      </c>
      <c r="B11267" t="s">
        <v>2200</v>
      </c>
      <c r="C11267" t="s">
        <v>2202</v>
      </c>
      <c r="D11267" t="s">
        <v>10009</v>
      </c>
    </row>
    <row r="11268" spans="1:4" x14ac:dyDescent="0.4">
      <c r="A11268">
        <v>2206121</v>
      </c>
      <c r="B11268" t="s">
        <v>2200</v>
      </c>
      <c r="C11268" t="s">
        <v>2202</v>
      </c>
      <c r="D11268" t="s">
        <v>10010</v>
      </c>
    </row>
    <row r="11269" spans="1:4" x14ac:dyDescent="0.4">
      <c r="A11269">
        <v>2206122</v>
      </c>
      <c r="B11269" t="s">
        <v>2200</v>
      </c>
      <c r="C11269" t="s">
        <v>2202</v>
      </c>
      <c r="D11269" t="s">
        <v>10011</v>
      </c>
    </row>
    <row r="11270" spans="1:4" x14ac:dyDescent="0.4">
      <c r="A11270">
        <v>2206123</v>
      </c>
      <c r="B11270" t="s">
        <v>2200</v>
      </c>
      <c r="C11270" t="s">
        <v>2202</v>
      </c>
      <c r="D11270" t="s">
        <v>10012</v>
      </c>
    </row>
    <row r="11271" spans="1:4" x14ac:dyDescent="0.4">
      <c r="A11271">
        <v>2206124</v>
      </c>
      <c r="B11271" t="s">
        <v>2200</v>
      </c>
      <c r="C11271" t="s">
        <v>2202</v>
      </c>
      <c r="D11271" t="s">
        <v>10013</v>
      </c>
    </row>
    <row r="11272" spans="1:4" x14ac:dyDescent="0.4">
      <c r="A11272">
        <v>2206125</v>
      </c>
      <c r="B11272" t="s">
        <v>2200</v>
      </c>
      <c r="C11272" t="s">
        <v>2202</v>
      </c>
      <c r="D11272" t="s">
        <v>10014</v>
      </c>
    </row>
    <row r="11273" spans="1:4" x14ac:dyDescent="0.4">
      <c r="A11273">
        <v>2206126</v>
      </c>
      <c r="B11273" t="s">
        <v>2200</v>
      </c>
      <c r="C11273" t="s">
        <v>2202</v>
      </c>
      <c r="D11273" t="s">
        <v>10015</v>
      </c>
    </row>
    <row r="11274" spans="1:4" x14ac:dyDescent="0.4">
      <c r="A11274">
        <v>2206127</v>
      </c>
      <c r="B11274" t="s">
        <v>2200</v>
      </c>
      <c r="C11274" t="s">
        <v>2202</v>
      </c>
      <c r="D11274" t="s">
        <v>10016</v>
      </c>
    </row>
    <row r="11275" spans="1:4" x14ac:dyDescent="0.4">
      <c r="A11275">
        <v>2206128</v>
      </c>
      <c r="B11275" t="s">
        <v>2200</v>
      </c>
      <c r="C11275" t="s">
        <v>2202</v>
      </c>
      <c r="D11275" t="s">
        <v>10017</v>
      </c>
    </row>
    <row r="11276" spans="1:4" x14ac:dyDescent="0.4">
      <c r="A11276">
        <v>2206290</v>
      </c>
      <c r="B11276" t="s">
        <v>2200</v>
      </c>
      <c r="C11276" t="s">
        <v>2202</v>
      </c>
      <c r="D11276" t="s">
        <v>10018</v>
      </c>
    </row>
    <row r="11277" spans="1:4" x14ac:dyDescent="0.4">
      <c r="A11277">
        <v>2206201</v>
      </c>
      <c r="B11277" t="s">
        <v>2200</v>
      </c>
      <c r="C11277" t="s">
        <v>2202</v>
      </c>
      <c r="D11277" t="s">
        <v>10019</v>
      </c>
    </row>
    <row r="11278" spans="1:4" x14ac:dyDescent="0.4">
      <c r="A11278">
        <v>2206202</v>
      </c>
      <c r="B11278" t="s">
        <v>2200</v>
      </c>
      <c r="C11278" t="s">
        <v>2202</v>
      </c>
      <c r="D11278" t="s">
        <v>10020</v>
      </c>
    </row>
    <row r="11279" spans="1:4" x14ac:dyDescent="0.4">
      <c r="A11279">
        <v>2206203</v>
      </c>
      <c r="B11279" t="s">
        <v>2200</v>
      </c>
      <c r="C11279" t="s">
        <v>2202</v>
      </c>
      <c r="D11279" t="s">
        <v>10021</v>
      </c>
    </row>
    <row r="11280" spans="1:4" x14ac:dyDescent="0.4">
      <c r="A11280">
        <v>2206204</v>
      </c>
      <c r="B11280" t="s">
        <v>2200</v>
      </c>
      <c r="C11280" t="s">
        <v>2202</v>
      </c>
      <c r="D11280" t="s">
        <v>10022</v>
      </c>
    </row>
    <row r="11281" spans="1:4" x14ac:dyDescent="0.4">
      <c r="A11281">
        <v>3510115</v>
      </c>
      <c r="B11281" t="s">
        <v>1636</v>
      </c>
      <c r="C11281" t="s">
        <v>4318</v>
      </c>
      <c r="D11281" t="s">
        <v>10023</v>
      </c>
    </row>
    <row r="11282" spans="1:4" x14ac:dyDescent="0.4">
      <c r="A11282">
        <v>3510105</v>
      </c>
      <c r="B11282" t="s">
        <v>1636</v>
      </c>
      <c r="C11282" t="s">
        <v>4318</v>
      </c>
      <c r="D11282" t="s">
        <v>10024</v>
      </c>
    </row>
    <row r="11283" spans="1:4" x14ac:dyDescent="0.4">
      <c r="A11283">
        <v>3510106</v>
      </c>
      <c r="B11283" t="s">
        <v>1636</v>
      </c>
      <c r="C11283" t="s">
        <v>4318</v>
      </c>
      <c r="D11283" t="s">
        <v>10025</v>
      </c>
    </row>
    <row r="11284" spans="1:4" x14ac:dyDescent="0.4">
      <c r="A11284">
        <v>3510114</v>
      </c>
      <c r="B11284" t="s">
        <v>1636</v>
      </c>
      <c r="C11284" t="s">
        <v>4318</v>
      </c>
      <c r="D11284" t="s">
        <v>403</v>
      </c>
    </row>
    <row r="11285" spans="1:4" x14ac:dyDescent="0.4">
      <c r="A11285">
        <v>3510116</v>
      </c>
      <c r="B11285" t="s">
        <v>1636</v>
      </c>
      <c r="C11285" t="s">
        <v>4318</v>
      </c>
      <c r="D11285" t="s">
        <v>10026</v>
      </c>
    </row>
    <row r="11286" spans="1:4" x14ac:dyDescent="0.4">
      <c r="A11286">
        <v>3510112</v>
      </c>
      <c r="B11286" t="s">
        <v>1636</v>
      </c>
      <c r="C11286" t="s">
        <v>4318</v>
      </c>
      <c r="D11286" t="s">
        <v>7888</v>
      </c>
    </row>
    <row r="11287" spans="1:4" x14ac:dyDescent="0.4">
      <c r="A11287">
        <v>3510104</v>
      </c>
      <c r="B11287" t="s">
        <v>1636</v>
      </c>
      <c r="C11287" t="s">
        <v>4318</v>
      </c>
      <c r="D11287" t="s">
        <v>659</v>
      </c>
    </row>
    <row r="11288" spans="1:4" x14ac:dyDescent="0.4">
      <c r="A11288">
        <v>3520000</v>
      </c>
      <c r="B11288" t="s">
        <v>1636</v>
      </c>
      <c r="C11288" t="s">
        <v>10027</v>
      </c>
    </row>
    <row r="11289" spans="1:4" x14ac:dyDescent="0.4">
      <c r="A11289">
        <v>3520021</v>
      </c>
      <c r="B11289" t="s">
        <v>1636</v>
      </c>
      <c r="C11289" t="s">
        <v>10027</v>
      </c>
      <c r="D11289" t="s">
        <v>10028</v>
      </c>
    </row>
    <row r="11290" spans="1:4" x14ac:dyDescent="0.4">
      <c r="A11290">
        <v>3520015</v>
      </c>
      <c r="B11290" t="s">
        <v>1636</v>
      </c>
      <c r="C11290" t="s">
        <v>10027</v>
      </c>
      <c r="D11290" t="s">
        <v>766</v>
      </c>
    </row>
    <row r="11291" spans="1:4" x14ac:dyDescent="0.4">
      <c r="A11291">
        <v>3520033</v>
      </c>
      <c r="B11291" t="s">
        <v>1636</v>
      </c>
      <c r="C11291" t="s">
        <v>10027</v>
      </c>
      <c r="D11291" t="s">
        <v>595</v>
      </c>
    </row>
    <row r="11292" spans="1:4" x14ac:dyDescent="0.4">
      <c r="A11292">
        <v>3520004</v>
      </c>
      <c r="B11292" t="s">
        <v>1636</v>
      </c>
      <c r="C11292" t="s">
        <v>10027</v>
      </c>
      <c r="D11292" t="s">
        <v>621</v>
      </c>
    </row>
    <row r="11293" spans="1:4" x14ac:dyDescent="0.4">
      <c r="A11293">
        <v>3520025</v>
      </c>
      <c r="B11293" t="s">
        <v>1636</v>
      </c>
      <c r="C11293" t="s">
        <v>10027</v>
      </c>
      <c r="D11293" t="s">
        <v>3833</v>
      </c>
    </row>
    <row r="11294" spans="1:4" x14ac:dyDescent="0.4">
      <c r="A11294">
        <v>3520003</v>
      </c>
      <c r="B11294" t="s">
        <v>1636</v>
      </c>
      <c r="C11294" t="s">
        <v>10027</v>
      </c>
      <c r="D11294" t="s">
        <v>3345</v>
      </c>
    </row>
    <row r="11295" spans="1:4" x14ac:dyDescent="0.4">
      <c r="A11295">
        <v>3520035</v>
      </c>
      <c r="B11295" t="s">
        <v>1636</v>
      </c>
      <c r="C11295" t="s">
        <v>10027</v>
      </c>
      <c r="D11295" t="s">
        <v>1375</v>
      </c>
    </row>
    <row r="11296" spans="1:4" x14ac:dyDescent="0.4">
      <c r="A11296">
        <v>3520014</v>
      </c>
      <c r="B11296" t="s">
        <v>1636</v>
      </c>
      <c r="C11296" t="s">
        <v>10027</v>
      </c>
      <c r="D11296" t="s">
        <v>730</v>
      </c>
    </row>
    <row r="11297" spans="1:4" x14ac:dyDescent="0.4">
      <c r="A11297">
        <v>3520032</v>
      </c>
      <c r="B11297" t="s">
        <v>1636</v>
      </c>
      <c r="C11297" t="s">
        <v>10027</v>
      </c>
      <c r="D11297" t="s">
        <v>1493</v>
      </c>
    </row>
    <row r="11298" spans="1:4" x14ac:dyDescent="0.4">
      <c r="A11298">
        <v>3520017</v>
      </c>
      <c r="B11298" t="s">
        <v>1636</v>
      </c>
      <c r="C11298" t="s">
        <v>10027</v>
      </c>
      <c r="D11298" t="s">
        <v>10029</v>
      </c>
    </row>
    <row r="11299" spans="1:4" x14ac:dyDescent="0.4">
      <c r="A11299">
        <v>3520024</v>
      </c>
      <c r="B11299" t="s">
        <v>1636</v>
      </c>
      <c r="C11299" t="s">
        <v>10027</v>
      </c>
      <c r="D11299" t="s">
        <v>1821</v>
      </c>
    </row>
    <row r="11300" spans="1:4" x14ac:dyDescent="0.4">
      <c r="A11300">
        <v>3520001</v>
      </c>
      <c r="B11300" t="s">
        <v>1636</v>
      </c>
      <c r="C11300" t="s">
        <v>10027</v>
      </c>
      <c r="D11300" t="s">
        <v>10030</v>
      </c>
    </row>
    <row r="11301" spans="1:4" x14ac:dyDescent="0.4">
      <c r="A11301">
        <v>3520005</v>
      </c>
      <c r="B11301" t="s">
        <v>1636</v>
      </c>
      <c r="C11301" t="s">
        <v>10027</v>
      </c>
      <c r="D11301" t="s">
        <v>194</v>
      </c>
    </row>
    <row r="11302" spans="1:4" x14ac:dyDescent="0.4">
      <c r="A11302">
        <v>3520006</v>
      </c>
      <c r="B11302" t="s">
        <v>1636</v>
      </c>
      <c r="C11302" t="s">
        <v>10027</v>
      </c>
      <c r="D11302" t="s">
        <v>10031</v>
      </c>
    </row>
    <row r="11303" spans="1:4" x14ac:dyDescent="0.4">
      <c r="A11303">
        <v>3520013</v>
      </c>
      <c r="B11303" t="s">
        <v>1636</v>
      </c>
      <c r="C11303" t="s">
        <v>10027</v>
      </c>
      <c r="D11303" t="s">
        <v>10032</v>
      </c>
    </row>
    <row r="11304" spans="1:4" x14ac:dyDescent="0.4">
      <c r="A11304">
        <v>3520031</v>
      </c>
      <c r="B11304" t="s">
        <v>1636</v>
      </c>
      <c r="C11304" t="s">
        <v>10027</v>
      </c>
      <c r="D11304" t="s">
        <v>1822</v>
      </c>
    </row>
    <row r="11305" spans="1:4" x14ac:dyDescent="0.4">
      <c r="A11305">
        <v>3520034</v>
      </c>
      <c r="B11305" t="s">
        <v>1636</v>
      </c>
      <c r="C11305" t="s">
        <v>10027</v>
      </c>
      <c r="D11305" t="s">
        <v>10033</v>
      </c>
    </row>
    <row r="11306" spans="1:4" x14ac:dyDescent="0.4">
      <c r="A11306">
        <v>3520011</v>
      </c>
      <c r="B11306" t="s">
        <v>1636</v>
      </c>
      <c r="C11306" t="s">
        <v>10027</v>
      </c>
      <c r="D11306" t="s">
        <v>9167</v>
      </c>
    </row>
    <row r="11307" spans="1:4" x14ac:dyDescent="0.4">
      <c r="A11307">
        <v>3520012</v>
      </c>
      <c r="B11307" t="s">
        <v>1636</v>
      </c>
      <c r="C11307" t="s">
        <v>10027</v>
      </c>
      <c r="D11307" t="s">
        <v>3374</v>
      </c>
    </row>
    <row r="11308" spans="1:4" x14ac:dyDescent="0.4">
      <c r="A11308">
        <v>3520016</v>
      </c>
      <c r="B11308" t="s">
        <v>1636</v>
      </c>
      <c r="C11308" t="s">
        <v>10027</v>
      </c>
      <c r="D11308" t="s">
        <v>1881</v>
      </c>
    </row>
    <row r="11309" spans="1:4" x14ac:dyDescent="0.4">
      <c r="A11309">
        <v>3520002</v>
      </c>
      <c r="B11309" t="s">
        <v>1636</v>
      </c>
      <c r="C11309" t="s">
        <v>10027</v>
      </c>
      <c r="D11309" t="s">
        <v>1693</v>
      </c>
    </row>
    <row r="11310" spans="1:4" x14ac:dyDescent="0.4">
      <c r="A11310">
        <v>3520023</v>
      </c>
      <c r="B11310" t="s">
        <v>1636</v>
      </c>
      <c r="C11310" t="s">
        <v>10027</v>
      </c>
      <c r="D11310" t="s">
        <v>6419</v>
      </c>
    </row>
    <row r="11311" spans="1:4" x14ac:dyDescent="0.4">
      <c r="A11311">
        <v>3520022</v>
      </c>
      <c r="B11311" t="s">
        <v>1636</v>
      </c>
      <c r="C11311" t="s">
        <v>10027</v>
      </c>
      <c r="D11311" t="s">
        <v>3559</v>
      </c>
    </row>
    <row r="11312" spans="1:4" x14ac:dyDescent="0.4">
      <c r="A11312">
        <v>3630000</v>
      </c>
      <c r="B11312" t="s">
        <v>1636</v>
      </c>
      <c r="C11312" t="s">
        <v>10034</v>
      </c>
    </row>
    <row r="11313" spans="1:4" x14ac:dyDescent="0.4">
      <c r="A11313">
        <v>3630002</v>
      </c>
      <c r="B11313" t="s">
        <v>1636</v>
      </c>
      <c r="C11313" t="s">
        <v>10034</v>
      </c>
      <c r="D11313" t="s">
        <v>10035</v>
      </c>
    </row>
    <row r="11314" spans="1:4" x14ac:dyDescent="0.4">
      <c r="A11314">
        <v>3630023</v>
      </c>
      <c r="B11314" t="s">
        <v>1636</v>
      </c>
      <c r="C11314" t="s">
        <v>10034</v>
      </c>
      <c r="D11314" t="s">
        <v>1937</v>
      </c>
    </row>
    <row r="11315" spans="1:4" x14ac:dyDescent="0.4">
      <c r="A11315">
        <v>3630021</v>
      </c>
      <c r="B11315" t="s">
        <v>1636</v>
      </c>
      <c r="C11315" t="s">
        <v>10034</v>
      </c>
      <c r="D11315" t="s">
        <v>715</v>
      </c>
    </row>
    <row r="11316" spans="1:4" x14ac:dyDescent="0.4">
      <c r="A11316">
        <v>3630001</v>
      </c>
      <c r="B11316" t="s">
        <v>1636</v>
      </c>
      <c r="C11316" t="s">
        <v>10034</v>
      </c>
      <c r="D11316" t="s">
        <v>10036</v>
      </c>
    </row>
    <row r="11317" spans="1:4" x14ac:dyDescent="0.4">
      <c r="A11317">
        <v>3630026</v>
      </c>
      <c r="B11317" t="s">
        <v>1636</v>
      </c>
      <c r="C11317" t="s">
        <v>10034</v>
      </c>
      <c r="D11317" t="s">
        <v>10037</v>
      </c>
    </row>
    <row r="11318" spans="1:4" x14ac:dyDescent="0.4">
      <c r="A11318">
        <v>3630024</v>
      </c>
      <c r="B11318" t="s">
        <v>1636</v>
      </c>
      <c r="C11318" t="s">
        <v>10034</v>
      </c>
      <c r="D11318" t="s">
        <v>10038</v>
      </c>
    </row>
    <row r="11319" spans="1:4" x14ac:dyDescent="0.4">
      <c r="A11319">
        <v>3630027</v>
      </c>
      <c r="B11319" t="s">
        <v>1636</v>
      </c>
      <c r="C11319" t="s">
        <v>10034</v>
      </c>
      <c r="D11319" t="s">
        <v>10039</v>
      </c>
    </row>
    <row r="11320" spans="1:4" x14ac:dyDescent="0.4">
      <c r="A11320">
        <v>3630011</v>
      </c>
      <c r="B11320" t="s">
        <v>1636</v>
      </c>
      <c r="C11320" t="s">
        <v>10034</v>
      </c>
      <c r="D11320" t="s">
        <v>3561</v>
      </c>
    </row>
    <row r="11321" spans="1:4" x14ac:dyDescent="0.4">
      <c r="A11321">
        <v>3630006</v>
      </c>
      <c r="B11321" t="s">
        <v>1636</v>
      </c>
      <c r="C11321" t="s">
        <v>10034</v>
      </c>
      <c r="D11321" t="s">
        <v>10040</v>
      </c>
    </row>
    <row r="11322" spans="1:4" x14ac:dyDescent="0.4">
      <c r="A11322">
        <v>3630004</v>
      </c>
      <c r="B11322" t="s">
        <v>1636</v>
      </c>
      <c r="C11322" t="s">
        <v>10034</v>
      </c>
      <c r="D11322" t="s">
        <v>10041</v>
      </c>
    </row>
    <row r="11323" spans="1:4" x14ac:dyDescent="0.4">
      <c r="A11323">
        <v>3630016</v>
      </c>
      <c r="B11323" t="s">
        <v>1636</v>
      </c>
      <c r="C11323" t="s">
        <v>10034</v>
      </c>
      <c r="D11323" t="s">
        <v>728</v>
      </c>
    </row>
    <row r="11324" spans="1:4" x14ac:dyDescent="0.4">
      <c r="A11324">
        <v>3630007</v>
      </c>
      <c r="B11324" t="s">
        <v>1636</v>
      </c>
      <c r="C11324" t="s">
        <v>10034</v>
      </c>
      <c r="D11324" t="s">
        <v>10042</v>
      </c>
    </row>
    <row r="11325" spans="1:4" x14ac:dyDescent="0.4">
      <c r="A11325">
        <v>3630008</v>
      </c>
      <c r="B11325" t="s">
        <v>1636</v>
      </c>
      <c r="C11325" t="s">
        <v>10034</v>
      </c>
      <c r="D11325" t="s">
        <v>4123</v>
      </c>
    </row>
    <row r="11326" spans="1:4" x14ac:dyDescent="0.4">
      <c r="A11326">
        <v>3630003</v>
      </c>
      <c r="B11326" t="s">
        <v>1636</v>
      </c>
      <c r="C11326" t="s">
        <v>10034</v>
      </c>
      <c r="D11326" t="s">
        <v>6315</v>
      </c>
    </row>
    <row r="11327" spans="1:4" x14ac:dyDescent="0.4">
      <c r="A11327">
        <v>3630025</v>
      </c>
      <c r="B11327" t="s">
        <v>1636</v>
      </c>
      <c r="C11327" t="s">
        <v>10034</v>
      </c>
      <c r="D11327" t="s">
        <v>10043</v>
      </c>
    </row>
    <row r="11328" spans="1:4" x14ac:dyDescent="0.4">
      <c r="A11328">
        <v>3630028</v>
      </c>
      <c r="B11328" t="s">
        <v>1636</v>
      </c>
      <c r="C11328" t="s">
        <v>10034</v>
      </c>
      <c r="D11328" t="s">
        <v>10044</v>
      </c>
    </row>
    <row r="11329" spans="1:4" x14ac:dyDescent="0.4">
      <c r="A11329">
        <v>3630014</v>
      </c>
      <c r="B11329" t="s">
        <v>1636</v>
      </c>
      <c r="C11329" t="s">
        <v>10034</v>
      </c>
      <c r="D11329" t="s">
        <v>1383</v>
      </c>
    </row>
    <row r="11330" spans="1:4" x14ac:dyDescent="0.4">
      <c r="A11330">
        <v>3630012</v>
      </c>
      <c r="B11330" t="s">
        <v>1636</v>
      </c>
      <c r="C11330" t="s">
        <v>10034</v>
      </c>
      <c r="D11330" t="s">
        <v>4970</v>
      </c>
    </row>
    <row r="11331" spans="1:4" x14ac:dyDescent="0.4">
      <c r="A11331">
        <v>3630005</v>
      </c>
      <c r="B11331" t="s">
        <v>1636</v>
      </c>
      <c r="C11331" t="s">
        <v>10034</v>
      </c>
      <c r="D11331" t="s">
        <v>10045</v>
      </c>
    </row>
    <row r="11332" spans="1:4" x14ac:dyDescent="0.4">
      <c r="A11332">
        <v>3630017</v>
      </c>
      <c r="B11332" t="s">
        <v>1636</v>
      </c>
      <c r="C11332" t="s">
        <v>10034</v>
      </c>
      <c r="D11332" t="s">
        <v>806</v>
      </c>
    </row>
    <row r="11333" spans="1:4" x14ac:dyDescent="0.4">
      <c r="A11333">
        <v>3630013</v>
      </c>
      <c r="B11333" t="s">
        <v>1636</v>
      </c>
      <c r="C11333" t="s">
        <v>10034</v>
      </c>
      <c r="D11333" t="s">
        <v>1693</v>
      </c>
    </row>
    <row r="11334" spans="1:4" x14ac:dyDescent="0.4">
      <c r="A11334">
        <v>3630015</v>
      </c>
      <c r="B11334" t="s">
        <v>1636</v>
      </c>
      <c r="C11334" t="s">
        <v>10034</v>
      </c>
      <c r="D11334" t="s">
        <v>659</v>
      </c>
    </row>
    <row r="11335" spans="1:4" x14ac:dyDescent="0.4">
      <c r="A11335">
        <v>3630022</v>
      </c>
      <c r="B11335" t="s">
        <v>1636</v>
      </c>
      <c r="C11335" t="s">
        <v>10034</v>
      </c>
      <c r="D11335" t="s">
        <v>3990</v>
      </c>
    </row>
    <row r="11336" spans="1:4" x14ac:dyDescent="0.4">
      <c r="A11336">
        <v>3460000</v>
      </c>
      <c r="B11336" t="s">
        <v>1636</v>
      </c>
      <c r="C11336" t="s">
        <v>10046</v>
      </c>
    </row>
    <row r="11337" spans="1:4" x14ac:dyDescent="0.4">
      <c r="A11337">
        <v>3460011</v>
      </c>
      <c r="B11337" t="s">
        <v>1636</v>
      </c>
      <c r="C11337" t="s">
        <v>10046</v>
      </c>
      <c r="D11337" t="s">
        <v>10047</v>
      </c>
    </row>
    <row r="11338" spans="1:4" x14ac:dyDescent="0.4">
      <c r="A11338">
        <v>3460013</v>
      </c>
      <c r="B11338" t="s">
        <v>1636</v>
      </c>
      <c r="C11338" t="s">
        <v>10046</v>
      </c>
      <c r="D11338" t="s">
        <v>4454</v>
      </c>
    </row>
    <row r="11339" spans="1:4" x14ac:dyDescent="0.4">
      <c r="A11339">
        <v>3460029</v>
      </c>
      <c r="B11339" t="s">
        <v>1636</v>
      </c>
      <c r="C11339" t="s">
        <v>10046</v>
      </c>
      <c r="D11339" t="s">
        <v>10048</v>
      </c>
    </row>
    <row r="11340" spans="1:4" x14ac:dyDescent="0.4">
      <c r="A11340">
        <v>3460023</v>
      </c>
      <c r="B11340" t="s">
        <v>1636</v>
      </c>
      <c r="C11340" t="s">
        <v>10046</v>
      </c>
      <c r="D11340" t="s">
        <v>10049</v>
      </c>
    </row>
    <row r="11341" spans="1:4" x14ac:dyDescent="0.4">
      <c r="A11341">
        <v>3460038</v>
      </c>
      <c r="B11341" t="s">
        <v>1636</v>
      </c>
      <c r="C11341" t="s">
        <v>10046</v>
      </c>
      <c r="D11341" t="s">
        <v>10050</v>
      </c>
    </row>
    <row r="11342" spans="1:4" x14ac:dyDescent="0.4">
      <c r="A11342">
        <v>3460006</v>
      </c>
      <c r="B11342" t="s">
        <v>1636</v>
      </c>
      <c r="C11342" t="s">
        <v>10046</v>
      </c>
      <c r="D11342" t="s">
        <v>2287</v>
      </c>
    </row>
    <row r="11343" spans="1:4" x14ac:dyDescent="0.4">
      <c r="A11343">
        <v>3460021</v>
      </c>
      <c r="B11343" t="s">
        <v>1636</v>
      </c>
      <c r="C11343" t="s">
        <v>10046</v>
      </c>
      <c r="D11343" t="s">
        <v>10051</v>
      </c>
    </row>
    <row r="11344" spans="1:4" x14ac:dyDescent="0.4">
      <c r="A11344">
        <v>3460028</v>
      </c>
      <c r="B11344" t="s">
        <v>1636</v>
      </c>
      <c r="C11344" t="s">
        <v>10046</v>
      </c>
      <c r="D11344" t="s">
        <v>10052</v>
      </c>
    </row>
    <row r="11345" spans="1:4" x14ac:dyDescent="0.4">
      <c r="A11345">
        <v>3460007</v>
      </c>
      <c r="B11345" t="s">
        <v>1636</v>
      </c>
      <c r="C11345" t="s">
        <v>10046</v>
      </c>
      <c r="D11345" t="s">
        <v>3561</v>
      </c>
    </row>
    <row r="11346" spans="1:4" x14ac:dyDescent="0.4">
      <c r="A11346">
        <v>3460024</v>
      </c>
      <c r="B11346" t="s">
        <v>1636</v>
      </c>
      <c r="C11346" t="s">
        <v>10046</v>
      </c>
      <c r="D11346" t="s">
        <v>10053</v>
      </c>
    </row>
    <row r="11347" spans="1:4" x14ac:dyDescent="0.4">
      <c r="A11347">
        <v>3460036</v>
      </c>
      <c r="B11347" t="s">
        <v>1636</v>
      </c>
      <c r="C11347" t="s">
        <v>10046</v>
      </c>
      <c r="D11347" t="s">
        <v>10054</v>
      </c>
    </row>
    <row r="11348" spans="1:4" x14ac:dyDescent="0.4">
      <c r="A11348">
        <v>3460035</v>
      </c>
      <c r="B11348" t="s">
        <v>1636</v>
      </c>
      <c r="C11348" t="s">
        <v>10046</v>
      </c>
      <c r="D11348" t="s">
        <v>10055</v>
      </c>
    </row>
    <row r="11349" spans="1:4" x14ac:dyDescent="0.4">
      <c r="A11349">
        <v>3460032</v>
      </c>
      <c r="B11349" t="s">
        <v>1636</v>
      </c>
      <c r="C11349" t="s">
        <v>10046</v>
      </c>
      <c r="D11349" t="s">
        <v>10056</v>
      </c>
    </row>
    <row r="11350" spans="1:4" x14ac:dyDescent="0.4">
      <c r="A11350">
        <v>3460031</v>
      </c>
      <c r="B11350" t="s">
        <v>1636</v>
      </c>
      <c r="C11350" t="s">
        <v>10046</v>
      </c>
      <c r="D11350" t="s">
        <v>10057</v>
      </c>
    </row>
    <row r="11351" spans="1:4" x14ac:dyDescent="0.4">
      <c r="A11351">
        <v>3460012</v>
      </c>
      <c r="B11351" t="s">
        <v>1636</v>
      </c>
      <c r="C11351" t="s">
        <v>10046</v>
      </c>
      <c r="D11351" t="s">
        <v>1375</v>
      </c>
    </row>
    <row r="11352" spans="1:4" x14ac:dyDescent="0.4">
      <c r="A11352">
        <v>3460001</v>
      </c>
      <c r="B11352" t="s">
        <v>1636</v>
      </c>
      <c r="C11352" t="s">
        <v>10046</v>
      </c>
      <c r="D11352" t="s">
        <v>10058</v>
      </c>
    </row>
    <row r="11353" spans="1:4" x14ac:dyDescent="0.4">
      <c r="A11353">
        <v>3460033</v>
      </c>
      <c r="B11353" t="s">
        <v>1636</v>
      </c>
      <c r="C11353" t="s">
        <v>10046</v>
      </c>
      <c r="D11353" t="s">
        <v>10059</v>
      </c>
    </row>
    <row r="11354" spans="1:4" x14ac:dyDescent="0.4">
      <c r="A11354">
        <v>3460022</v>
      </c>
      <c r="B11354" t="s">
        <v>1636</v>
      </c>
      <c r="C11354" t="s">
        <v>10046</v>
      </c>
      <c r="D11354" t="s">
        <v>10060</v>
      </c>
    </row>
    <row r="11355" spans="1:4" x14ac:dyDescent="0.4">
      <c r="A11355">
        <v>3460003</v>
      </c>
      <c r="B11355" t="s">
        <v>1636</v>
      </c>
      <c r="C11355" t="s">
        <v>10046</v>
      </c>
      <c r="D11355" t="s">
        <v>184</v>
      </c>
    </row>
    <row r="11356" spans="1:4" x14ac:dyDescent="0.4">
      <c r="A11356">
        <v>3460034</v>
      </c>
      <c r="B11356" t="s">
        <v>1636</v>
      </c>
      <c r="C11356" t="s">
        <v>10046</v>
      </c>
      <c r="D11356" t="s">
        <v>10061</v>
      </c>
    </row>
    <row r="11357" spans="1:4" x14ac:dyDescent="0.4">
      <c r="A11357">
        <v>3460015</v>
      </c>
      <c r="B11357" t="s">
        <v>1636</v>
      </c>
      <c r="C11357" t="s">
        <v>10046</v>
      </c>
      <c r="D11357" t="s">
        <v>806</v>
      </c>
    </row>
    <row r="11358" spans="1:4" x14ac:dyDescent="0.4">
      <c r="A11358">
        <v>3460002</v>
      </c>
      <c r="B11358" t="s">
        <v>1636</v>
      </c>
      <c r="C11358" t="s">
        <v>10046</v>
      </c>
      <c r="D11358" t="s">
        <v>10062</v>
      </c>
    </row>
    <row r="11359" spans="1:4" x14ac:dyDescent="0.4">
      <c r="A11359">
        <v>3460026</v>
      </c>
      <c r="B11359" t="s">
        <v>1636</v>
      </c>
      <c r="C11359" t="s">
        <v>10046</v>
      </c>
      <c r="D11359" t="s">
        <v>1997</v>
      </c>
    </row>
    <row r="11360" spans="1:4" x14ac:dyDescent="0.4">
      <c r="A11360">
        <v>3460016</v>
      </c>
      <c r="B11360" t="s">
        <v>1636</v>
      </c>
      <c r="C11360" t="s">
        <v>10046</v>
      </c>
      <c r="D11360" t="s">
        <v>1693</v>
      </c>
    </row>
    <row r="11361" spans="1:4" x14ac:dyDescent="0.4">
      <c r="A11361">
        <v>3460025</v>
      </c>
      <c r="B11361" t="s">
        <v>1636</v>
      </c>
      <c r="C11361" t="s">
        <v>10046</v>
      </c>
      <c r="D11361" t="s">
        <v>10063</v>
      </c>
    </row>
    <row r="11362" spans="1:4" x14ac:dyDescent="0.4">
      <c r="A11362">
        <v>3460005</v>
      </c>
      <c r="B11362" t="s">
        <v>1636</v>
      </c>
      <c r="C11362" t="s">
        <v>10046</v>
      </c>
      <c r="D11362" t="s">
        <v>403</v>
      </c>
    </row>
    <row r="11363" spans="1:4" x14ac:dyDescent="0.4">
      <c r="A11363">
        <v>3460004</v>
      </c>
      <c r="B11363" t="s">
        <v>1636</v>
      </c>
      <c r="C11363" t="s">
        <v>10046</v>
      </c>
      <c r="D11363" t="s">
        <v>659</v>
      </c>
    </row>
    <row r="11364" spans="1:4" x14ac:dyDescent="0.4">
      <c r="A11364">
        <v>3460027</v>
      </c>
      <c r="B11364" t="s">
        <v>1636</v>
      </c>
      <c r="C11364" t="s">
        <v>10046</v>
      </c>
      <c r="D11364" t="s">
        <v>10064</v>
      </c>
    </row>
    <row r="11365" spans="1:4" x14ac:dyDescent="0.4">
      <c r="A11365">
        <v>3460014</v>
      </c>
      <c r="B11365" t="s">
        <v>1636</v>
      </c>
      <c r="C11365" t="s">
        <v>10046</v>
      </c>
      <c r="D11365" t="s">
        <v>10065</v>
      </c>
    </row>
    <row r="11366" spans="1:4" x14ac:dyDescent="0.4">
      <c r="A11366">
        <v>3460037</v>
      </c>
      <c r="B11366" t="s">
        <v>1636</v>
      </c>
      <c r="C11366" t="s">
        <v>10046</v>
      </c>
      <c r="D11366" t="s">
        <v>10066</v>
      </c>
    </row>
    <row r="11367" spans="1:4" x14ac:dyDescent="0.4">
      <c r="A11367">
        <v>3640000</v>
      </c>
      <c r="B11367" t="s">
        <v>1636</v>
      </c>
      <c r="C11367" t="s">
        <v>10067</v>
      </c>
    </row>
    <row r="11368" spans="1:4" x14ac:dyDescent="0.4">
      <c r="A11368">
        <v>3640011</v>
      </c>
      <c r="B11368" t="s">
        <v>1636</v>
      </c>
      <c r="C11368" t="s">
        <v>10067</v>
      </c>
      <c r="D11368" t="s">
        <v>1937</v>
      </c>
    </row>
    <row r="11369" spans="1:4" x14ac:dyDescent="0.4">
      <c r="A11369">
        <v>3640007</v>
      </c>
      <c r="B11369" t="s">
        <v>1636</v>
      </c>
      <c r="C11369" t="s">
        <v>10067</v>
      </c>
      <c r="D11369" t="s">
        <v>10068</v>
      </c>
    </row>
    <row r="11370" spans="1:4" x14ac:dyDescent="0.4">
      <c r="A11370">
        <v>3640026</v>
      </c>
      <c r="B11370" t="s">
        <v>1636</v>
      </c>
      <c r="C11370" t="s">
        <v>10067</v>
      </c>
      <c r="D11370" t="s">
        <v>10069</v>
      </c>
    </row>
    <row r="11371" spans="1:4" x14ac:dyDescent="0.4">
      <c r="A11371">
        <v>3640024</v>
      </c>
      <c r="B11371" t="s">
        <v>1636</v>
      </c>
      <c r="C11371" t="s">
        <v>10067</v>
      </c>
      <c r="D11371" t="s">
        <v>10070</v>
      </c>
    </row>
    <row r="11372" spans="1:4" x14ac:dyDescent="0.4">
      <c r="A11372">
        <v>3640025</v>
      </c>
      <c r="B11372" t="s">
        <v>1636</v>
      </c>
      <c r="C11372" t="s">
        <v>10067</v>
      </c>
      <c r="D11372" t="s">
        <v>10071</v>
      </c>
    </row>
    <row r="11373" spans="1:4" x14ac:dyDescent="0.4">
      <c r="A11373">
        <v>3640012</v>
      </c>
      <c r="B11373" t="s">
        <v>1636</v>
      </c>
      <c r="C11373" t="s">
        <v>10067</v>
      </c>
      <c r="D11373" t="s">
        <v>10072</v>
      </c>
    </row>
    <row r="11374" spans="1:4" x14ac:dyDescent="0.4">
      <c r="A11374">
        <v>3640006</v>
      </c>
      <c r="B11374" t="s">
        <v>1636</v>
      </c>
      <c r="C11374" t="s">
        <v>10067</v>
      </c>
      <c r="D11374" t="s">
        <v>10073</v>
      </c>
    </row>
    <row r="11375" spans="1:4" x14ac:dyDescent="0.4">
      <c r="A11375">
        <v>3640021</v>
      </c>
      <c r="B11375" t="s">
        <v>1636</v>
      </c>
      <c r="C11375" t="s">
        <v>10067</v>
      </c>
      <c r="D11375" t="s">
        <v>10074</v>
      </c>
    </row>
    <row r="11376" spans="1:4" x14ac:dyDescent="0.4">
      <c r="A11376">
        <v>3640027</v>
      </c>
      <c r="B11376" t="s">
        <v>1636</v>
      </c>
      <c r="C11376" t="s">
        <v>10067</v>
      </c>
      <c r="D11376" t="s">
        <v>730</v>
      </c>
    </row>
    <row r="11377" spans="1:4" x14ac:dyDescent="0.4">
      <c r="A11377">
        <v>3640022</v>
      </c>
      <c r="B11377" t="s">
        <v>1636</v>
      </c>
      <c r="C11377" t="s">
        <v>10067</v>
      </c>
      <c r="D11377" t="s">
        <v>10075</v>
      </c>
    </row>
    <row r="11378" spans="1:4" x14ac:dyDescent="0.4">
      <c r="A11378">
        <v>3640023</v>
      </c>
      <c r="B11378" t="s">
        <v>1636</v>
      </c>
      <c r="C11378" t="s">
        <v>10067</v>
      </c>
      <c r="D11378" t="s">
        <v>10076</v>
      </c>
    </row>
    <row r="11379" spans="1:4" x14ac:dyDescent="0.4">
      <c r="A11379">
        <v>3640034</v>
      </c>
      <c r="B11379" t="s">
        <v>1636</v>
      </c>
      <c r="C11379" t="s">
        <v>10067</v>
      </c>
      <c r="D11379" t="s">
        <v>8630</v>
      </c>
    </row>
    <row r="11380" spans="1:4" x14ac:dyDescent="0.4">
      <c r="A11380">
        <v>3640031</v>
      </c>
      <c r="B11380" t="s">
        <v>1636</v>
      </c>
      <c r="C11380" t="s">
        <v>10067</v>
      </c>
      <c r="D11380" t="s">
        <v>184</v>
      </c>
    </row>
    <row r="11381" spans="1:4" x14ac:dyDescent="0.4">
      <c r="A11381">
        <v>3640013</v>
      </c>
      <c r="B11381" t="s">
        <v>1636</v>
      </c>
      <c r="C11381" t="s">
        <v>10067</v>
      </c>
      <c r="D11381" t="s">
        <v>8770</v>
      </c>
    </row>
    <row r="11382" spans="1:4" x14ac:dyDescent="0.4">
      <c r="A11382">
        <v>3640035</v>
      </c>
      <c r="B11382" t="s">
        <v>1636</v>
      </c>
      <c r="C11382" t="s">
        <v>10067</v>
      </c>
      <c r="D11382" t="s">
        <v>10077</v>
      </c>
    </row>
    <row r="11383" spans="1:4" x14ac:dyDescent="0.4">
      <c r="A11383">
        <v>3640001</v>
      </c>
      <c r="B11383" t="s">
        <v>1636</v>
      </c>
      <c r="C11383" t="s">
        <v>10067</v>
      </c>
      <c r="D11383" t="s">
        <v>10078</v>
      </c>
    </row>
    <row r="11384" spans="1:4" x14ac:dyDescent="0.4">
      <c r="A11384">
        <v>3640014</v>
      </c>
      <c r="B11384" t="s">
        <v>1636</v>
      </c>
      <c r="C11384" t="s">
        <v>10067</v>
      </c>
      <c r="D11384" t="s">
        <v>10079</v>
      </c>
    </row>
    <row r="11385" spans="1:4" x14ac:dyDescent="0.4">
      <c r="A11385">
        <v>3640003</v>
      </c>
      <c r="B11385" t="s">
        <v>1636</v>
      </c>
      <c r="C11385" t="s">
        <v>10067</v>
      </c>
      <c r="D11385" t="s">
        <v>3960</v>
      </c>
    </row>
    <row r="11386" spans="1:4" x14ac:dyDescent="0.4">
      <c r="A11386">
        <v>3640033</v>
      </c>
      <c r="B11386" t="s">
        <v>1636</v>
      </c>
      <c r="C11386" t="s">
        <v>10067</v>
      </c>
      <c r="D11386" t="s">
        <v>403</v>
      </c>
    </row>
    <row r="11387" spans="1:4" x14ac:dyDescent="0.4">
      <c r="A11387">
        <v>3640032</v>
      </c>
      <c r="B11387" t="s">
        <v>1636</v>
      </c>
      <c r="C11387" t="s">
        <v>10067</v>
      </c>
      <c r="D11387" t="s">
        <v>757</v>
      </c>
    </row>
    <row r="11388" spans="1:4" x14ac:dyDescent="0.4">
      <c r="A11388">
        <v>3640002</v>
      </c>
      <c r="B11388" t="s">
        <v>1636</v>
      </c>
      <c r="C11388" t="s">
        <v>10067</v>
      </c>
      <c r="D11388" t="s">
        <v>395</v>
      </c>
    </row>
    <row r="11389" spans="1:4" x14ac:dyDescent="0.4">
      <c r="A11389">
        <v>3640005</v>
      </c>
      <c r="B11389" t="s">
        <v>1636</v>
      </c>
      <c r="C11389" t="s">
        <v>10067</v>
      </c>
      <c r="D11389" t="s">
        <v>9269</v>
      </c>
    </row>
    <row r="11390" spans="1:4" x14ac:dyDescent="0.4">
      <c r="A11390">
        <v>3640004</v>
      </c>
      <c r="B11390" t="s">
        <v>1636</v>
      </c>
      <c r="C11390" t="s">
        <v>10067</v>
      </c>
      <c r="D11390" t="s">
        <v>2130</v>
      </c>
    </row>
    <row r="11391" spans="1:4" x14ac:dyDescent="0.4">
      <c r="A11391">
        <v>3400800</v>
      </c>
      <c r="B11391" t="s">
        <v>1636</v>
      </c>
      <c r="C11391" t="s">
        <v>10080</v>
      </c>
    </row>
    <row r="11392" spans="1:4" x14ac:dyDescent="0.4">
      <c r="A11392">
        <v>3400806</v>
      </c>
      <c r="B11392" t="s">
        <v>1636</v>
      </c>
      <c r="C11392" t="s">
        <v>10080</v>
      </c>
      <c r="D11392" t="s">
        <v>6505</v>
      </c>
    </row>
    <row r="11393" spans="1:4" x14ac:dyDescent="0.4">
      <c r="A11393">
        <v>3400821</v>
      </c>
      <c r="B11393" t="s">
        <v>1636</v>
      </c>
      <c r="C11393" t="s">
        <v>10080</v>
      </c>
      <c r="D11393" t="s">
        <v>10081</v>
      </c>
    </row>
    <row r="11394" spans="1:4" x14ac:dyDescent="0.4">
      <c r="A11394">
        <v>3400835</v>
      </c>
      <c r="B11394" t="s">
        <v>1636</v>
      </c>
      <c r="C11394" t="s">
        <v>10080</v>
      </c>
      <c r="D11394" t="s">
        <v>10082</v>
      </c>
    </row>
    <row r="11395" spans="1:4" x14ac:dyDescent="0.4">
      <c r="A11395">
        <v>3400822</v>
      </c>
      <c r="B11395" t="s">
        <v>1636</v>
      </c>
      <c r="C11395" t="s">
        <v>10080</v>
      </c>
      <c r="D11395" t="s">
        <v>10083</v>
      </c>
    </row>
    <row r="11396" spans="1:4" x14ac:dyDescent="0.4">
      <c r="A11396">
        <v>3400834</v>
      </c>
      <c r="B11396" t="s">
        <v>1636</v>
      </c>
      <c r="C11396" t="s">
        <v>10080</v>
      </c>
      <c r="D11396" t="s">
        <v>2185</v>
      </c>
    </row>
    <row r="11397" spans="1:4" x14ac:dyDescent="0.4">
      <c r="A11397">
        <v>3400824</v>
      </c>
      <c r="B11397" t="s">
        <v>1636</v>
      </c>
      <c r="C11397" t="s">
        <v>10080</v>
      </c>
      <c r="D11397" t="s">
        <v>10084</v>
      </c>
    </row>
    <row r="11398" spans="1:4" x14ac:dyDescent="0.4">
      <c r="A11398">
        <v>3400803</v>
      </c>
      <c r="B11398" t="s">
        <v>1636</v>
      </c>
      <c r="C11398" t="s">
        <v>10080</v>
      </c>
      <c r="D11398" t="s">
        <v>10085</v>
      </c>
    </row>
    <row r="11399" spans="1:4" x14ac:dyDescent="0.4">
      <c r="A11399">
        <v>3400813</v>
      </c>
      <c r="B11399" t="s">
        <v>1636</v>
      </c>
      <c r="C11399" t="s">
        <v>10080</v>
      </c>
      <c r="D11399" t="s">
        <v>10086</v>
      </c>
    </row>
    <row r="11400" spans="1:4" x14ac:dyDescent="0.4">
      <c r="A11400">
        <v>3400804</v>
      </c>
      <c r="B11400" t="s">
        <v>1636</v>
      </c>
      <c r="C11400" t="s">
        <v>10080</v>
      </c>
      <c r="D11400" t="s">
        <v>10087</v>
      </c>
    </row>
    <row r="11401" spans="1:4" x14ac:dyDescent="0.4">
      <c r="A11401">
        <v>3400823</v>
      </c>
      <c r="B11401" t="s">
        <v>1636</v>
      </c>
      <c r="C11401" t="s">
        <v>10080</v>
      </c>
      <c r="D11401" t="s">
        <v>10088</v>
      </c>
    </row>
    <row r="11402" spans="1:4" x14ac:dyDescent="0.4">
      <c r="A11402">
        <v>3400807</v>
      </c>
      <c r="B11402" t="s">
        <v>1636</v>
      </c>
      <c r="C11402" t="s">
        <v>10080</v>
      </c>
      <c r="D11402" t="s">
        <v>367</v>
      </c>
    </row>
    <row r="11403" spans="1:4" x14ac:dyDescent="0.4">
      <c r="A11403">
        <v>3400825</v>
      </c>
      <c r="B11403" t="s">
        <v>1636</v>
      </c>
      <c r="C11403" t="s">
        <v>10080</v>
      </c>
      <c r="D11403" t="s">
        <v>1827</v>
      </c>
    </row>
    <row r="11404" spans="1:4" x14ac:dyDescent="0.4">
      <c r="A11404">
        <v>3400816</v>
      </c>
      <c r="B11404" t="s">
        <v>1636</v>
      </c>
      <c r="C11404" t="s">
        <v>10080</v>
      </c>
      <c r="D11404" t="s">
        <v>184</v>
      </c>
    </row>
    <row r="11405" spans="1:4" x14ac:dyDescent="0.4">
      <c r="A11405">
        <v>3400802</v>
      </c>
      <c r="B11405" t="s">
        <v>1636</v>
      </c>
      <c r="C11405" t="s">
        <v>10080</v>
      </c>
      <c r="D11405" t="s">
        <v>10089</v>
      </c>
    </row>
    <row r="11406" spans="1:4" x14ac:dyDescent="0.4">
      <c r="A11406">
        <v>3400812</v>
      </c>
      <c r="B11406" t="s">
        <v>1636</v>
      </c>
      <c r="C11406" t="s">
        <v>10080</v>
      </c>
      <c r="D11406" t="s">
        <v>10090</v>
      </c>
    </row>
    <row r="11407" spans="1:4" x14ac:dyDescent="0.4">
      <c r="A11407">
        <v>3400833</v>
      </c>
      <c r="B11407" t="s">
        <v>1636</v>
      </c>
      <c r="C11407" t="s">
        <v>10080</v>
      </c>
      <c r="D11407" t="s">
        <v>10091</v>
      </c>
    </row>
    <row r="11408" spans="1:4" x14ac:dyDescent="0.4">
      <c r="A11408">
        <v>3400811</v>
      </c>
      <c r="B11408" t="s">
        <v>1636</v>
      </c>
      <c r="C11408" t="s">
        <v>10080</v>
      </c>
      <c r="D11408" t="s">
        <v>10092</v>
      </c>
    </row>
    <row r="11409" spans="1:4" x14ac:dyDescent="0.4">
      <c r="A11409">
        <v>3400801</v>
      </c>
      <c r="B11409" t="s">
        <v>1636</v>
      </c>
      <c r="C11409" t="s">
        <v>10080</v>
      </c>
      <c r="D11409" t="s">
        <v>10093</v>
      </c>
    </row>
    <row r="11410" spans="1:4" x14ac:dyDescent="0.4">
      <c r="A11410">
        <v>3400805</v>
      </c>
      <c r="B11410" t="s">
        <v>1636</v>
      </c>
      <c r="C11410" t="s">
        <v>10080</v>
      </c>
      <c r="D11410" t="s">
        <v>10094</v>
      </c>
    </row>
    <row r="11411" spans="1:4" x14ac:dyDescent="0.4">
      <c r="A11411">
        <v>3400808</v>
      </c>
      <c r="B11411" t="s">
        <v>1636</v>
      </c>
      <c r="C11411" t="s">
        <v>10080</v>
      </c>
      <c r="D11411" t="s">
        <v>1611</v>
      </c>
    </row>
    <row r="11412" spans="1:4" x14ac:dyDescent="0.4">
      <c r="A11412">
        <v>3400831</v>
      </c>
      <c r="B11412" t="s">
        <v>1636</v>
      </c>
      <c r="C11412" t="s">
        <v>10080</v>
      </c>
      <c r="D11412" t="s">
        <v>10095</v>
      </c>
    </row>
    <row r="11413" spans="1:4" x14ac:dyDescent="0.4">
      <c r="A11413">
        <v>3400814</v>
      </c>
      <c r="B11413" t="s">
        <v>1636</v>
      </c>
      <c r="C11413" t="s">
        <v>10080</v>
      </c>
      <c r="D11413" t="s">
        <v>10096</v>
      </c>
    </row>
    <row r="11414" spans="1:4" x14ac:dyDescent="0.4">
      <c r="A11414">
        <v>3400815</v>
      </c>
      <c r="B11414" t="s">
        <v>1636</v>
      </c>
      <c r="C11414" t="s">
        <v>10080</v>
      </c>
      <c r="D11414" t="s">
        <v>2770</v>
      </c>
    </row>
    <row r="11415" spans="1:4" x14ac:dyDescent="0.4">
      <c r="A11415">
        <v>3400832</v>
      </c>
      <c r="B11415" t="s">
        <v>1636</v>
      </c>
      <c r="C11415" t="s">
        <v>10080</v>
      </c>
      <c r="D11415" t="s">
        <v>10097</v>
      </c>
    </row>
    <row r="11416" spans="1:4" x14ac:dyDescent="0.4">
      <c r="A11416">
        <v>3540000</v>
      </c>
      <c r="B11416" t="s">
        <v>1636</v>
      </c>
      <c r="C11416" t="s">
        <v>10098</v>
      </c>
    </row>
    <row r="11417" spans="1:4" x14ac:dyDescent="0.4">
      <c r="A11417">
        <v>3540016</v>
      </c>
      <c r="B11417" t="s">
        <v>1636</v>
      </c>
      <c r="C11417" t="s">
        <v>10098</v>
      </c>
      <c r="D11417" t="s">
        <v>2696</v>
      </c>
    </row>
    <row r="11418" spans="1:4" x14ac:dyDescent="0.4">
      <c r="A11418">
        <v>3540012</v>
      </c>
      <c r="B11418" t="s">
        <v>1636</v>
      </c>
      <c r="C11418" t="s">
        <v>10098</v>
      </c>
      <c r="D11418" t="s">
        <v>2703</v>
      </c>
    </row>
    <row r="11419" spans="1:4" x14ac:dyDescent="0.4">
      <c r="A11419">
        <v>3540031</v>
      </c>
      <c r="B11419" t="s">
        <v>1636</v>
      </c>
      <c r="C11419" t="s">
        <v>10098</v>
      </c>
      <c r="D11419" t="s">
        <v>8509</v>
      </c>
    </row>
    <row r="11420" spans="1:4" x14ac:dyDescent="0.4">
      <c r="A11420">
        <v>3540034</v>
      </c>
      <c r="B11420" t="s">
        <v>1636</v>
      </c>
      <c r="C11420" t="s">
        <v>10098</v>
      </c>
      <c r="D11420" t="s">
        <v>10099</v>
      </c>
    </row>
    <row r="11421" spans="1:4" x14ac:dyDescent="0.4">
      <c r="A11421">
        <v>3540002</v>
      </c>
      <c r="B11421" t="s">
        <v>1636</v>
      </c>
      <c r="C11421" t="s">
        <v>10098</v>
      </c>
      <c r="D11421" t="s">
        <v>10100</v>
      </c>
    </row>
    <row r="11422" spans="1:4" x14ac:dyDescent="0.4">
      <c r="A11422">
        <v>3540004</v>
      </c>
      <c r="B11422" t="s">
        <v>1636</v>
      </c>
      <c r="C11422" t="s">
        <v>10098</v>
      </c>
      <c r="D11422" t="s">
        <v>10101</v>
      </c>
    </row>
    <row r="11423" spans="1:4" x14ac:dyDescent="0.4">
      <c r="A11423">
        <v>3540023</v>
      </c>
      <c r="B11423" t="s">
        <v>1636</v>
      </c>
      <c r="C11423" t="s">
        <v>10098</v>
      </c>
      <c r="D11423" t="s">
        <v>3908</v>
      </c>
    </row>
    <row r="11424" spans="1:4" x14ac:dyDescent="0.4">
      <c r="A11424">
        <v>3540025</v>
      </c>
      <c r="B11424" t="s">
        <v>1636</v>
      </c>
      <c r="C11424" t="s">
        <v>10098</v>
      </c>
      <c r="D11424" t="s">
        <v>10102</v>
      </c>
    </row>
    <row r="11425" spans="1:4" x14ac:dyDescent="0.4">
      <c r="A11425">
        <v>3540024</v>
      </c>
      <c r="B11425" t="s">
        <v>1636</v>
      </c>
      <c r="C11425" t="s">
        <v>10098</v>
      </c>
      <c r="D11425" t="s">
        <v>10103</v>
      </c>
    </row>
    <row r="11426" spans="1:4" x14ac:dyDescent="0.4">
      <c r="A11426">
        <v>3540026</v>
      </c>
      <c r="B11426" t="s">
        <v>1636</v>
      </c>
      <c r="C11426" t="s">
        <v>10098</v>
      </c>
      <c r="D11426" t="s">
        <v>10104</v>
      </c>
    </row>
    <row r="11427" spans="1:4" x14ac:dyDescent="0.4">
      <c r="A11427">
        <v>3540021</v>
      </c>
      <c r="B11427" t="s">
        <v>1636</v>
      </c>
      <c r="C11427" t="s">
        <v>10098</v>
      </c>
      <c r="D11427" t="s">
        <v>10105</v>
      </c>
    </row>
    <row r="11428" spans="1:4" x14ac:dyDescent="0.4">
      <c r="A11428">
        <v>3540003</v>
      </c>
      <c r="B11428" t="s">
        <v>1636</v>
      </c>
      <c r="C11428" t="s">
        <v>10098</v>
      </c>
      <c r="D11428" t="s">
        <v>10106</v>
      </c>
    </row>
    <row r="11429" spans="1:4" x14ac:dyDescent="0.4">
      <c r="A11429">
        <v>3540018</v>
      </c>
      <c r="B11429" t="s">
        <v>1636</v>
      </c>
      <c r="C11429" t="s">
        <v>10098</v>
      </c>
      <c r="D11429" t="s">
        <v>10107</v>
      </c>
    </row>
    <row r="11430" spans="1:4" x14ac:dyDescent="0.4">
      <c r="A11430">
        <v>3540033</v>
      </c>
      <c r="B11430" t="s">
        <v>1636</v>
      </c>
      <c r="C11430" t="s">
        <v>10098</v>
      </c>
      <c r="D11430" t="s">
        <v>1349</v>
      </c>
    </row>
    <row r="11431" spans="1:4" x14ac:dyDescent="0.4">
      <c r="A11431">
        <v>3540017</v>
      </c>
      <c r="B11431" t="s">
        <v>1636</v>
      </c>
      <c r="C11431" t="s">
        <v>10098</v>
      </c>
      <c r="D11431" t="s">
        <v>1768</v>
      </c>
    </row>
    <row r="11432" spans="1:4" x14ac:dyDescent="0.4">
      <c r="A11432">
        <v>3540001</v>
      </c>
      <c r="B11432" t="s">
        <v>1636</v>
      </c>
      <c r="C11432" t="s">
        <v>10098</v>
      </c>
      <c r="D11432" t="s">
        <v>10108</v>
      </c>
    </row>
    <row r="11433" spans="1:4" x14ac:dyDescent="0.4">
      <c r="A11433">
        <v>3540015</v>
      </c>
      <c r="B11433" t="s">
        <v>1636</v>
      </c>
      <c r="C11433" t="s">
        <v>10098</v>
      </c>
      <c r="D11433" t="s">
        <v>10109</v>
      </c>
    </row>
    <row r="11434" spans="1:4" x14ac:dyDescent="0.4">
      <c r="A11434">
        <v>3540011</v>
      </c>
      <c r="B11434" t="s">
        <v>1636</v>
      </c>
      <c r="C11434" t="s">
        <v>10098</v>
      </c>
      <c r="D11434" t="s">
        <v>10110</v>
      </c>
    </row>
    <row r="11435" spans="1:4" x14ac:dyDescent="0.4">
      <c r="A11435">
        <v>3540014</v>
      </c>
      <c r="B11435" t="s">
        <v>1636</v>
      </c>
      <c r="C11435" t="s">
        <v>10098</v>
      </c>
      <c r="D11435" t="s">
        <v>10111</v>
      </c>
    </row>
    <row r="11436" spans="1:4" x14ac:dyDescent="0.4">
      <c r="A11436">
        <v>3540013</v>
      </c>
      <c r="B11436" t="s">
        <v>1636</v>
      </c>
      <c r="C11436" t="s">
        <v>10098</v>
      </c>
      <c r="D11436" t="s">
        <v>10112</v>
      </c>
    </row>
    <row r="11437" spans="1:4" x14ac:dyDescent="0.4">
      <c r="A11437">
        <v>3540006</v>
      </c>
      <c r="B11437" t="s">
        <v>1636</v>
      </c>
      <c r="C11437" t="s">
        <v>10098</v>
      </c>
      <c r="D11437" t="s">
        <v>10113</v>
      </c>
    </row>
    <row r="11438" spans="1:4" x14ac:dyDescent="0.4">
      <c r="A11438">
        <v>3540008</v>
      </c>
      <c r="B11438" t="s">
        <v>1636</v>
      </c>
      <c r="C11438" t="s">
        <v>10098</v>
      </c>
      <c r="D11438" t="s">
        <v>10114</v>
      </c>
    </row>
    <row r="11439" spans="1:4" x14ac:dyDescent="0.4">
      <c r="A11439">
        <v>3540007</v>
      </c>
      <c r="B11439" t="s">
        <v>1636</v>
      </c>
      <c r="C11439" t="s">
        <v>10098</v>
      </c>
      <c r="D11439" t="s">
        <v>10115</v>
      </c>
    </row>
    <row r="11440" spans="1:4" x14ac:dyDescent="0.4">
      <c r="A11440">
        <v>3540005</v>
      </c>
      <c r="B11440" t="s">
        <v>1636</v>
      </c>
      <c r="C11440" t="s">
        <v>10098</v>
      </c>
      <c r="D11440" t="s">
        <v>10116</v>
      </c>
    </row>
    <row r="11441" spans="1:4" x14ac:dyDescent="0.4">
      <c r="A11441">
        <v>3540022</v>
      </c>
      <c r="B11441" t="s">
        <v>1636</v>
      </c>
      <c r="C11441" t="s">
        <v>10098</v>
      </c>
      <c r="D11441" t="s">
        <v>10117</v>
      </c>
    </row>
    <row r="11442" spans="1:4" x14ac:dyDescent="0.4">
      <c r="A11442">
        <v>3540032</v>
      </c>
      <c r="B11442" t="s">
        <v>1636</v>
      </c>
      <c r="C11442" t="s">
        <v>10098</v>
      </c>
      <c r="D11442" t="s">
        <v>10118</v>
      </c>
    </row>
    <row r="11443" spans="1:4" x14ac:dyDescent="0.4">
      <c r="A11443">
        <v>3410000</v>
      </c>
      <c r="B11443" t="s">
        <v>1636</v>
      </c>
      <c r="C11443" t="s">
        <v>10119</v>
      </c>
    </row>
    <row r="11444" spans="1:4" x14ac:dyDescent="0.4">
      <c r="A11444">
        <v>3410036</v>
      </c>
      <c r="B11444" t="s">
        <v>1636</v>
      </c>
      <c r="C11444" t="s">
        <v>10119</v>
      </c>
      <c r="D11444" t="s">
        <v>1526</v>
      </c>
    </row>
    <row r="11445" spans="1:4" x14ac:dyDescent="0.4">
      <c r="A11445">
        <v>3410054</v>
      </c>
      <c r="B11445" t="s">
        <v>1636</v>
      </c>
      <c r="C11445" t="s">
        <v>10119</v>
      </c>
      <c r="D11445" t="s">
        <v>715</v>
      </c>
    </row>
    <row r="11446" spans="1:4" x14ac:dyDescent="0.4">
      <c r="A11446">
        <v>3410033</v>
      </c>
      <c r="B11446" t="s">
        <v>1636</v>
      </c>
      <c r="C11446" t="s">
        <v>10119</v>
      </c>
      <c r="D11446" t="s">
        <v>10120</v>
      </c>
    </row>
    <row r="11447" spans="1:4" x14ac:dyDescent="0.4">
      <c r="A11447">
        <v>3410031</v>
      </c>
      <c r="B11447" t="s">
        <v>1636</v>
      </c>
      <c r="C11447" t="s">
        <v>10119</v>
      </c>
      <c r="D11447" t="s">
        <v>10121</v>
      </c>
    </row>
    <row r="11448" spans="1:4" x14ac:dyDescent="0.4">
      <c r="A11448">
        <v>3410014</v>
      </c>
      <c r="B11448" t="s">
        <v>1636</v>
      </c>
      <c r="C11448" t="s">
        <v>10119</v>
      </c>
      <c r="D11448" t="s">
        <v>10122</v>
      </c>
    </row>
    <row r="11449" spans="1:4" x14ac:dyDescent="0.4">
      <c r="A11449">
        <v>3410011</v>
      </c>
      <c r="B11449" t="s">
        <v>1636</v>
      </c>
      <c r="C11449" t="s">
        <v>10119</v>
      </c>
      <c r="D11449" t="s">
        <v>10123</v>
      </c>
    </row>
    <row r="11450" spans="1:4" x14ac:dyDescent="0.4">
      <c r="A11450">
        <v>3410022</v>
      </c>
      <c r="B11450" t="s">
        <v>1636</v>
      </c>
      <c r="C11450" t="s">
        <v>10119</v>
      </c>
      <c r="D11450" t="s">
        <v>10124</v>
      </c>
    </row>
    <row r="11451" spans="1:4" x14ac:dyDescent="0.4">
      <c r="A11451">
        <v>3410046</v>
      </c>
      <c r="B11451" t="s">
        <v>1636</v>
      </c>
      <c r="C11451" t="s">
        <v>10119</v>
      </c>
      <c r="D11451" t="s">
        <v>1448</v>
      </c>
    </row>
    <row r="11452" spans="1:4" x14ac:dyDescent="0.4">
      <c r="A11452">
        <v>3410055</v>
      </c>
      <c r="B11452" t="s">
        <v>1636</v>
      </c>
      <c r="C11452" t="s">
        <v>10119</v>
      </c>
      <c r="D11452" t="s">
        <v>10125</v>
      </c>
    </row>
    <row r="11453" spans="1:4" x14ac:dyDescent="0.4">
      <c r="A11453">
        <v>3410006</v>
      </c>
      <c r="B11453" t="s">
        <v>1636</v>
      </c>
      <c r="C11453" t="s">
        <v>10119</v>
      </c>
      <c r="D11453" t="s">
        <v>10126</v>
      </c>
    </row>
    <row r="11454" spans="1:4" x14ac:dyDescent="0.4">
      <c r="A11454">
        <v>3410004</v>
      </c>
      <c r="B11454" t="s">
        <v>1636</v>
      </c>
      <c r="C11454" t="s">
        <v>10119</v>
      </c>
      <c r="D11454" t="s">
        <v>10127</v>
      </c>
    </row>
    <row r="11455" spans="1:4" x14ac:dyDescent="0.4">
      <c r="A11455">
        <v>3410026</v>
      </c>
      <c r="B11455" t="s">
        <v>1636</v>
      </c>
      <c r="C11455" t="s">
        <v>10119</v>
      </c>
      <c r="D11455" t="s">
        <v>10128</v>
      </c>
    </row>
    <row r="11456" spans="1:4" x14ac:dyDescent="0.4">
      <c r="A11456">
        <v>3410008</v>
      </c>
      <c r="B11456" t="s">
        <v>1636</v>
      </c>
      <c r="C11456" t="s">
        <v>10119</v>
      </c>
      <c r="D11456" t="s">
        <v>839</v>
      </c>
    </row>
    <row r="11457" spans="1:4" x14ac:dyDescent="0.4">
      <c r="A11457">
        <v>3410013</v>
      </c>
      <c r="B11457" t="s">
        <v>1636</v>
      </c>
      <c r="C11457" t="s">
        <v>10119</v>
      </c>
      <c r="D11457" t="s">
        <v>10129</v>
      </c>
    </row>
    <row r="11458" spans="1:4" x14ac:dyDescent="0.4">
      <c r="A11458">
        <v>3410043</v>
      </c>
      <c r="B11458" t="s">
        <v>1636</v>
      </c>
      <c r="C11458" t="s">
        <v>10119</v>
      </c>
      <c r="D11458" t="s">
        <v>730</v>
      </c>
    </row>
    <row r="11459" spans="1:4" x14ac:dyDescent="0.4">
      <c r="A11459">
        <v>3410027</v>
      </c>
      <c r="B11459" t="s">
        <v>1636</v>
      </c>
      <c r="C11459" t="s">
        <v>10119</v>
      </c>
      <c r="D11459" t="s">
        <v>2017</v>
      </c>
    </row>
    <row r="11460" spans="1:4" x14ac:dyDescent="0.4">
      <c r="A11460">
        <v>3410021</v>
      </c>
      <c r="B11460" t="s">
        <v>1636</v>
      </c>
      <c r="C11460" t="s">
        <v>10119</v>
      </c>
      <c r="D11460" t="s">
        <v>10130</v>
      </c>
    </row>
    <row r="11461" spans="1:4" x14ac:dyDescent="0.4">
      <c r="A11461">
        <v>3310000</v>
      </c>
      <c r="B11461" t="s">
        <v>1636</v>
      </c>
      <c r="C11461" t="s">
        <v>10131</v>
      </c>
    </row>
    <row r="11462" spans="1:4" x14ac:dyDescent="0.4">
      <c r="A11462">
        <v>3310058</v>
      </c>
      <c r="B11462" t="s">
        <v>1636</v>
      </c>
      <c r="C11462" t="s">
        <v>10131</v>
      </c>
      <c r="D11462" t="s">
        <v>308</v>
      </c>
    </row>
    <row r="11463" spans="1:4" x14ac:dyDescent="0.4">
      <c r="A11463">
        <v>3310068</v>
      </c>
      <c r="B11463" t="s">
        <v>1636</v>
      </c>
      <c r="C11463" t="s">
        <v>10131</v>
      </c>
      <c r="D11463" t="s">
        <v>10132</v>
      </c>
    </row>
    <row r="11464" spans="1:4" x14ac:dyDescent="0.4">
      <c r="A11464">
        <v>3310053</v>
      </c>
      <c r="B11464" t="s">
        <v>1636</v>
      </c>
      <c r="C11464" t="s">
        <v>10131</v>
      </c>
      <c r="D11464" t="s">
        <v>10133</v>
      </c>
    </row>
    <row r="11465" spans="1:4" x14ac:dyDescent="0.4">
      <c r="A11465">
        <v>3310067</v>
      </c>
      <c r="B11465" t="s">
        <v>1636</v>
      </c>
      <c r="C11465" t="s">
        <v>10131</v>
      </c>
      <c r="D11465" t="s">
        <v>10134</v>
      </c>
    </row>
    <row r="11466" spans="1:4" x14ac:dyDescent="0.4">
      <c r="A11466">
        <v>3310045</v>
      </c>
      <c r="B11466" t="s">
        <v>1636</v>
      </c>
      <c r="C11466" t="s">
        <v>10131</v>
      </c>
      <c r="D11466" t="s">
        <v>10135</v>
      </c>
    </row>
    <row r="11467" spans="1:4" x14ac:dyDescent="0.4">
      <c r="A11467">
        <v>3310047</v>
      </c>
      <c r="B11467" t="s">
        <v>1636</v>
      </c>
      <c r="C11467" t="s">
        <v>10131</v>
      </c>
      <c r="D11467" t="s">
        <v>10136</v>
      </c>
    </row>
    <row r="11468" spans="1:4" x14ac:dyDescent="0.4">
      <c r="A11468">
        <v>3310076</v>
      </c>
      <c r="B11468" t="s">
        <v>1636</v>
      </c>
      <c r="C11468" t="s">
        <v>10131</v>
      </c>
      <c r="D11468" t="s">
        <v>10137</v>
      </c>
    </row>
    <row r="11469" spans="1:4" x14ac:dyDescent="0.4">
      <c r="A11469">
        <v>3310073</v>
      </c>
      <c r="B11469" t="s">
        <v>1636</v>
      </c>
      <c r="C11469" t="s">
        <v>10131</v>
      </c>
      <c r="D11469" t="s">
        <v>10138</v>
      </c>
    </row>
    <row r="11470" spans="1:4" x14ac:dyDescent="0.4">
      <c r="A11470">
        <v>3310064</v>
      </c>
      <c r="B11470" t="s">
        <v>1636</v>
      </c>
      <c r="C11470" t="s">
        <v>10131</v>
      </c>
      <c r="D11470" t="s">
        <v>10139</v>
      </c>
    </row>
    <row r="11471" spans="1:4" x14ac:dyDescent="0.4">
      <c r="A11471">
        <v>3310056</v>
      </c>
      <c r="B11471" t="s">
        <v>1636</v>
      </c>
      <c r="C11471" t="s">
        <v>10131</v>
      </c>
      <c r="D11471" t="s">
        <v>10140</v>
      </c>
    </row>
    <row r="11472" spans="1:4" x14ac:dyDescent="0.4">
      <c r="A11472">
        <v>3310054</v>
      </c>
      <c r="B11472" t="s">
        <v>1636</v>
      </c>
      <c r="C11472" t="s">
        <v>10131</v>
      </c>
      <c r="D11472" t="s">
        <v>1382</v>
      </c>
    </row>
    <row r="11473" spans="1:4" x14ac:dyDescent="0.4">
      <c r="A11473">
        <v>3310055</v>
      </c>
      <c r="B11473" t="s">
        <v>1636</v>
      </c>
      <c r="C11473" t="s">
        <v>10131</v>
      </c>
      <c r="D11473" t="s">
        <v>1816</v>
      </c>
    </row>
    <row r="11474" spans="1:4" x14ac:dyDescent="0.4">
      <c r="A11474">
        <v>3310048</v>
      </c>
      <c r="B11474" t="s">
        <v>1636</v>
      </c>
      <c r="C11474" t="s">
        <v>10131</v>
      </c>
      <c r="D11474" t="s">
        <v>10141</v>
      </c>
    </row>
    <row r="11475" spans="1:4" x14ac:dyDescent="0.4">
      <c r="A11475">
        <v>3310071</v>
      </c>
      <c r="B11475" t="s">
        <v>1636</v>
      </c>
      <c r="C11475" t="s">
        <v>10131</v>
      </c>
      <c r="D11475" t="s">
        <v>9150</v>
      </c>
    </row>
    <row r="11476" spans="1:4" x14ac:dyDescent="0.4">
      <c r="A11476">
        <v>3310066</v>
      </c>
      <c r="B11476" t="s">
        <v>1636</v>
      </c>
      <c r="C11476" t="s">
        <v>10131</v>
      </c>
      <c r="D11476" t="s">
        <v>1820</v>
      </c>
    </row>
    <row r="11477" spans="1:4" x14ac:dyDescent="0.4">
      <c r="A11477">
        <v>3310060</v>
      </c>
      <c r="B11477" t="s">
        <v>1636</v>
      </c>
      <c r="C11477" t="s">
        <v>10131</v>
      </c>
      <c r="D11477" t="s">
        <v>7546</v>
      </c>
    </row>
    <row r="11478" spans="1:4" x14ac:dyDescent="0.4">
      <c r="A11478">
        <v>3310062</v>
      </c>
      <c r="B11478" t="s">
        <v>1636</v>
      </c>
      <c r="C11478" t="s">
        <v>10131</v>
      </c>
      <c r="D11478" t="s">
        <v>3126</v>
      </c>
    </row>
    <row r="11479" spans="1:4" x14ac:dyDescent="0.4">
      <c r="A11479">
        <v>3310077</v>
      </c>
      <c r="B11479" t="s">
        <v>1636</v>
      </c>
      <c r="C11479" t="s">
        <v>10131</v>
      </c>
      <c r="D11479" t="s">
        <v>10142</v>
      </c>
    </row>
    <row r="11480" spans="1:4" x14ac:dyDescent="0.4">
      <c r="A11480">
        <v>3310057</v>
      </c>
      <c r="B11480" t="s">
        <v>1636</v>
      </c>
      <c r="C11480" t="s">
        <v>10131</v>
      </c>
      <c r="D11480" t="s">
        <v>10143</v>
      </c>
    </row>
    <row r="11481" spans="1:4" x14ac:dyDescent="0.4">
      <c r="A11481">
        <v>3310061</v>
      </c>
      <c r="B11481" t="s">
        <v>1636</v>
      </c>
      <c r="C11481" t="s">
        <v>10131</v>
      </c>
      <c r="D11481" t="s">
        <v>10144</v>
      </c>
    </row>
    <row r="11482" spans="1:4" x14ac:dyDescent="0.4">
      <c r="A11482">
        <v>3310049</v>
      </c>
      <c r="B11482" t="s">
        <v>1636</v>
      </c>
      <c r="C11482" t="s">
        <v>10131</v>
      </c>
      <c r="D11482" t="s">
        <v>1413</v>
      </c>
    </row>
    <row r="11483" spans="1:4" x14ac:dyDescent="0.4">
      <c r="A11483">
        <v>3310072</v>
      </c>
      <c r="B11483" t="s">
        <v>1636</v>
      </c>
      <c r="C11483" t="s">
        <v>10131</v>
      </c>
      <c r="D11483" t="s">
        <v>10145</v>
      </c>
    </row>
    <row r="11484" spans="1:4" x14ac:dyDescent="0.4">
      <c r="A11484">
        <v>3310065</v>
      </c>
      <c r="B11484" t="s">
        <v>1636</v>
      </c>
      <c r="C11484" t="s">
        <v>10131</v>
      </c>
      <c r="D11484" t="s">
        <v>7454</v>
      </c>
    </row>
    <row r="11485" spans="1:4" x14ac:dyDescent="0.4">
      <c r="A11485">
        <v>3310063</v>
      </c>
      <c r="B11485" t="s">
        <v>1636</v>
      </c>
      <c r="C11485" t="s">
        <v>10131</v>
      </c>
      <c r="D11485" t="s">
        <v>10146</v>
      </c>
    </row>
    <row r="11486" spans="1:4" x14ac:dyDescent="0.4">
      <c r="A11486">
        <v>3310074</v>
      </c>
      <c r="B11486" t="s">
        <v>1636</v>
      </c>
      <c r="C11486" t="s">
        <v>10131</v>
      </c>
      <c r="D11486" t="s">
        <v>10147</v>
      </c>
    </row>
    <row r="11487" spans="1:4" x14ac:dyDescent="0.4">
      <c r="A11487">
        <v>3310059</v>
      </c>
      <c r="B11487" t="s">
        <v>1636</v>
      </c>
      <c r="C11487" t="s">
        <v>10131</v>
      </c>
      <c r="D11487" t="s">
        <v>10148</v>
      </c>
    </row>
    <row r="11488" spans="1:4" x14ac:dyDescent="0.4">
      <c r="A11488">
        <v>3310075</v>
      </c>
      <c r="B11488" t="s">
        <v>1636</v>
      </c>
      <c r="C11488" t="s">
        <v>10131</v>
      </c>
      <c r="D11488" t="s">
        <v>10149</v>
      </c>
    </row>
    <row r="11489" spans="1:4" x14ac:dyDescent="0.4">
      <c r="A11489">
        <v>3310052</v>
      </c>
      <c r="B11489" t="s">
        <v>1636</v>
      </c>
      <c r="C11489" t="s">
        <v>10131</v>
      </c>
      <c r="D11489" t="s">
        <v>10150</v>
      </c>
    </row>
    <row r="11490" spans="1:4" x14ac:dyDescent="0.4">
      <c r="A11490">
        <v>3310046</v>
      </c>
      <c r="B11490" t="s">
        <v>1636</v>
      </c>
      <c r="C11490" t="s">
        <v>10131</v>
      </c>
      <c r="D11490" t="s">
        <v>5799</v>
      </c>
    </row>
    <row r="11491" spans="1:4" x14ac:dyDescent="0.4">
      <c r="A11491">
        <v>3310069</v>
      </c>
      <c r="B11491" t="s">
        <v>1636</v>
      </c>
      <c r="C11491" t="s">
        <v>10131</v>
      </c>
      <c r="D11491" t="s">
        <v>10151</v>
      </c>
    </row>
    <row r="11492" spans="1:4" x14ac:dyDescent="0.4">
      <c r="A11492">
        <v>3310800</v>
      </c>
      <c r="B11492" t="s">
        <v>1636</v>
      </c>
      <c r="C11492" t="s">
        <v>10152</v>
      </c>
    </row>
    <row r="11493" spans="1:4" x14ac:dyDescent="0.4">
      <c r="A11493">
        <v>3310813</v>
      </c>
      <c r="B11493" t="s">
        <v>1636</v>
      </c>
      <c r="C11493" t="s">
        <v>10152</v>
      </c>
      <c r="D11493" t="s">
        <v>10153</v>
      </c>
    </row>
    <row r="11494" spans="1:4" x14ac:dyDescent="0.4">
      <c r="A11494">
        <v>3310815</v>
      </c>
      <c r="B11494" t="s">
        <v>1636</v>
      </c>
      <c r="C11494" t="s">
        <v>10152</v>
      </c>
      <c r="D11494" t="s">
        <v>6014</v>
      </c>
    </row>
    <row r="11495" spans="1:4" x14ac:dyDescent="0.4">
      <c r="A11495">
        <v>3310824</v>
      </c>
      <c r="B11495" t="s">
        <v>1636</v>
      </c>
      <c r="C11495" t="s">
        <v>10152</v>
      </c>
      <c r="D11495" t="s">
        <v>10154</v>
      </c>
    </row>
    <row r="11496" spans="1:4" x14ac:dyDescent="0.4">
      <c r="A11496">
        <v>3310825</v>
      </c>
      <c r="B11496" t="s">
        <v>1636</v>
      </c>
      <c r="C11496" t="s">
        <v>10152</v>
      </c>
      <c r="D11496" t="s">
        <v>10155</v>
      </c>
    </row>
    <row r="11497" spans="1:4" x14ac:dyDescent="0.4">
      <c r="A11497">
        <v>3310801</v>
      </c>
      <c r="B11497" t="s">
        <v>1636</v>
      </c>
      <c r="C11497" t="s">
        <v>10152</v>
      </c>
      <c r="D11497" t="s">
        <v>10156</v>
      </c>
    </row>
    <row r="11498" spans="1:4" x14ac:dyDescent="0.4">
      <c r="A11498">
        <v>3310804</v>
      </c>
      <c r="B11498" t="s">
        <v>1636</v>
      </c>
      <c r="C11498" t="s">
        <v>10152</v>
      </c>
      <c r="D11498" t="s">
        <v>10157</v>
      </c>
    </row>
    <row r="11499" spans="1:4" x14ac:dyDescent="0.4">
      <c r="A11499">
        <v>3310822</v>
      </c>
      <c r="B11499" t="s">
        <v>1636</v>
      </c>
      <c r="C11499" t="s">
        <v>10152</v>
      </c>
      <c r="D11499" t="s">
        <v>2633</v>
      </c>
    </row>
    <row r="11500" spans="1:4" x14ac:dyDescent="0.4">
      <c r="A11500">
        <v>3310823</v>
      </c>
      <c r="B11500" t="s">
        <v>1636</v>
      </c>
      <c r="C11500" t="s">
        <v>10152</v>
      </c>
      <c r="D11500" t="s">
        <v>8000</v>
      </c>
    </row>
    <row r="11501" spans="1:4" x14ac:dyDescent="0.4">
      <c r="A11501">
        <v>3310814</v>
      </c>
      <c r="B11501" t="s">
        <v>1636</v>
      </c>
      <c r="C11501" t="s">
        <v>10152</v>
      </c>
      <c r="D11501" t="s">
        <v>10158</v>
      </c>
    </row>
    <row r="11502" spans="1:4" x14ac:dyDescent="0.4">
      <c r="A11502">
        <v>3310821</v>
      </c>
      <c r="B11502" t="s">
        <v>1636</v>
      </c>
      <c r="C11502" t="s">
        <v>10152</v>
      </c>
      <c r="D11502" t="s">
        <v>10159</v>
      </c>
    </row>
    <row r="11503" spans="1:4" x14ac:dyDescent="0.4">
      <c r="A11503">
        <v>3310802</v>
      </c>
      <c r="B11503" t="s">
        <v>1636</v>
      </c>
      <c r="C11503" t="s">
        <v>10152</v>
      </c>
      <c r="D11503" t="s">
        <v>1607</v>
      </c>
    </row>
    <row r="11504" spans="1:4" x14ac:dyDescent="0.4">
      <c r="A11504">
        <v>3310805</v>
      </c>
      <c r="B11504" t="s">
        <v>1636</v>
      </c>
      <c r="C11504" t="s">
        <v>10152</v>
      </c>
      <c r="D11504" t="s">
        <v>10160</v>
      </c>
    </row>
    <row r="11505" spans="1:4" x14ac:dyDescent="0.4">
      <c r="A11505">
        <v>3310803</v>
      </c>
      <c r="B11505" t="s">
        <v>1636</v>
      </c>
      <c r="C11505" t="s">
        <v>10152</v>
      </c>
      <c r="D11505" t="s">
        <v>1886</v>
      </c>
    </row>
    <row r="11506" spans="1:4" x14ac:dyDescent="0.4">
      <c r="A11506">
        <v>3310812</v>
      </c>
      <c r="B11506" t="s">
        <v>1636</v>
      </c>
      <c r="C11506" t="s">
        <v>10152</v>
      </c>
      <c r="D11506" t="s">
        <v>7571</v>
      </c>
    </row>
    <row r="11507" spans="1:4" x14ac:dyDescent="0.4">
      <c r="A11507">
        <v>3310811</v>
      </c>
      <c r="B11507" t="s">
        <v>1636</v>
      </c>
      <c r="C11507" t="s">
        <v>10152</v>
      </c>
      <c r="D11507" t="s">
        <v>5243</v>
      </c>
    </row>
    <row r="11508" spans="1:4" x14ac:dyDescent="0.4">
      <c r="A11508">
        <v>3300800</v>
      </c>
      <c r="B11508" t="s">
        <v>1636</v>
      </c>
      <c r="C11508" t="s">
        <v>10161</v>
      </c>
    </row>
    <row r="11509" spans="1:4" x14ac:dyDescent="0.4">
      <c r="A11509">
        <v>3300841</v>
      </c>
      <c r="B11509" t="s">
        <v>1636</v>
      </c>
      <c r="C11509" t="s">
        <v>10161</v>
      </c>
      <c r="D11509" t="s">
        <v>1526</v>
      </c>
    </row>
    <row r="11510" spans="1:4" x14ac:dyDescent="0.4">
      <c r="A11510">
        <v>3300834</v>
      </c>
      <c r="B11510" t="s">
        <v>1636</v>
      </c>
      <c r="C11510" t="s">
        <v>10161</v>
      </c>
      <c r="D11510" t="s">
        <v>10162</v>
      </c>
    </row>
    <row r="11511" spans="1:4" x14ac:dyDescent="0.4">
      <c r="A11511">
        <v>3300852</v>
      </c>
      <c r="B11511" t="s">
        <v>1636</v>
      </c>
      <c r="C11511" t="s">
        <v>10161</v>
      </c>
      <c r="D11511" t="s">
        <v>6014</v>
      </c>
    </row>
    <row r="11512" spans="1:4" x14ac:dyDescent="0.4">
      <c r="A11512">
        <v>3300836</v>
      </c>
      <c r="B11512" t="s">
        <v>1636</v>
      </c>
      <c r="C11512" t="s">
        <v>10161</v>
      </c>
      <c r="D11512" t="s">
        <v>1827</v>
      </c>
    </row>
    <row r="11513" spans="1:4" x14ac:dyDescent="0.4">
      <c r="A11513">
        <v>3300855</v>
      </c>
      <c r="B11513" t="s">
        <v>1636</v>
      </c>
      <c r="C11513" t="s">
        <v>10161</v>
      </c>
      <c r="D11513" t="s">
        <v>10163</v>
      </c>
    </row>
    <row r="11514" spans="1:4" x14ac:dyDescent="0.4">
      <c r="A11514">
        <v>3300843</v>
      </c>
      <c r="B11514" t="s">
        <v>1636</v>
      </c>
      <c r="C11514" t="s">
        <v>10161</v>
      </c>
      <c r="D11514" t="s">
        <v>10164</v>
      </c>
    </row>
    <row r="11515" spans="1:4" x14ac:dyDescent="0.4">
      <c r="A11515">
        <v>3300835</v>
      </c>
      <c r="B11515" t="s">
        <v>1636</v>
      </c>
      <c r="C11515" t="s">
        <v>10161</v>
      </c>
      <c r="D11515" t="s">
        <v>10165</v>
      </c>
    </row>
    <row r="11516" spans="1:4" x14ac:dyDescent="0.4">
      <c r="A11516">
        <v>3300851</v>
      </c>
      <c r="B11516" t="s">
        <v>1636</v>
      </c>
      <c r="C11516" t="s">
        <v>10161</v>
      </c>
      <c r="D11516" t="s">
        <v>10155</v>
      </c>
    </row>
    <row r="11517" spans="1:4" x14ac:dyDescent="0.4">
      <c r="A11517">
        <v>3300854</v>
      </c>
      <c r="B11517" t="s">
        <v>1636</v>
      </c>
      <c r="C11517" t="s">
        <v>10161</v>
      </c>
      <c r="D11517" t="s">
        <v>4252</v>
      </c>
    </row>
    <row r="11518" spans="1:4" x14ac:dyDescent="0.4">
      <c r="A11518">
        <v>3300844</v>
      </c>
      <c r="B11518" t="s">
        <v>1636</v>
      </c>
      <c r="C11518" t="s">
        <v>10161</v>
      </c>
      <c r="D11518" t="s">
        <v>2468</v>
      </c>
    </row>
    <row r="11519" spans="1:4" x14ac:dyDescent="0.4">
      <c r="A11519">
        <v>3300805</v>
      </c>
      <c r="B11519" t="s">
        <v>1636</v>
      </c>
      <c r="C11519" t="s">
        <v>10161</v>
      </c>
      <c r="D11519" t="s">
        <v>10166</v>
      </c>
    </row>
    <row r="11520" spans="1:4" x14ac:dyDescent="0.4">
      <c r="A11520">
        <v>3300842</v>
      </c>
      <c r="B11520" t="s">
        <v>1636</v>
      </c>
      <c r="C11520" t="s">
        <v>10161</v>
      </c>
      <c r="D11520" t="s">
        <v>3116</v>
      </c>
    </row>
    <row r="11521" spans="1:4" x14ac:dyDescent="0.4">
      <c r="A11521">
        <v>3300846</v>
      </c>
      <c r="B11521" t="s">
        <v>1636</v>
      </c>
      <c r="C11521" t="s">
        <v>10161</v>
      </c>
      <c r="D11521" t="s">
        <v>5913</v>
      </c>
    </row>
    <row r="11522" spans="1:4" x14ac:dyDescent="0.4">
      <c r="A11522">
        <v>3300803</v>
      </c>
      <c r="B11522" t="s">
        <v>1636</v>
      </c>
      <c r="C11522" t="s">
        <v>10161</v>
      </c>
      <c r="D11522" t="s">
        <v>10167</v>
      </c>
    </row>
    <row r="11523" spans="1:4" x14ac:dyDescent="0.4">
      <c r="A11523">
        <v>3300801</v>
      </c>
      <c r="B11523" t="s">
        <v>1636</v>
      </c>
      <c r="C11523" t="s">
        <v>10161</v>
      </c>
      <c r="D11523" t="s">
        <v>5032</v>
      </c>
    </row>
    <row r="11524" spans="1:4" x14ac:dyDescent="0.4">
      <c r="A11524">
        <v>3300845</v>
      </c>
      <c r="B11524" t="s">
        <v>1636</v>
      </c>
      <c r="C11524" t="s">
        <v>10161</v>
      </c>
      <c r="D11524" t="s">
        <v>802</v>
      </c>
    </row>
    <row r="11525" spans="1:4" x14ac:dyDescent="0.4">
      <c r="A11525">
        <v>3300853</v>
      </c>
      <c r="B11525" t="s">
        <v>1636</v>
      </c>
      <c r="C11525" t="s">
        <v>10161</v>
      </c>
      <c r="D11525" t="s">
        <v>3142</v>
      </c>
    </row>
    <row r="11526" spans="1:4" x14ac:dyDescent="0.4">
      <c r="A11526">
        <v>3300804</v>
      </c>
      <c r="B11526" t="s">
        <v>1636</v>
      </c>
      <c r="C11526" t="s">
        <v>10161</v>
      </c>
      <c r="D11526" t="s">
        <v>10168</v>
      </c>
    </row>
    <row r="11527" spans="1:4" x14ac:dyDescent="0.4">
      <c r="A11527">
        <v>3300856</v>
      </c>
      <c r="B11527" t="s">
        <v>1636</v>
      </c>
      <c r="C11527" t="s">
        <v>10161</v>
      </c>
      <c r="D11527" t="s">
        <v>10150</v>
      </c>
    </row>
    <row r="11528" spans="1:4" x14ac:dyDescent="0.4">
      <c r="A11528">
        <v>3300802</v>
      </c>
      <c r="B11528" t="s">
        <v>1636</v>
      </c>
      <c r="C11528" t="s">
        <v>10161</v>
      </c>
      <c r="D11528" t="s">
        <v>3407</v>
      </c>
    </row>
    <row r="11529" spans="1:4" x14ac:dyDescent="0.4">
      <c r="A11529">
        <v>3370000</v>
      </c>
      <c r="B11529" t="s">
        <v>1636</v>
      </c>
      <c r="C11529" t="s">
        <v>10169</v>
      </c>
    </row>
    <row r="11530" spans="1:4" x14ac:dyDescent="0.4">
      <c r="A11530">
        <v>3370014</v>
      </c>
      <c r="B11530" t="s">
        <v>1636</v>
      </c>
      <c r="C11530" t="s">
        <v>10169</v>
      </c>
      <c r="D11530" t="s">
        <v>1718</v>
      </c>
    </row>
    <row r="11531" spans="1:4" x14ac:dyDescent="0.4">
      <c r="A11531">
        <v>3370053</v>
      </c>
      <c r="B11531" t="s">
        <v>1636</v>
      </c>
      <c r="C11531" t="s">
        <v>10169</v>
      </c>
      <c r="D11531" t="s">
        <v>1540</v>
      </c>
    </row>
    <row r="11532" spans="1:4" x14ac:dyDescent="0.4">
      <c r="A11532">
        <v>3370004</v>
      </c>
      <c r="B11532" t="s">
        <v>1636</v>
      </c>
      <c r="C11532" t="s">
        <v>10169</v>
      </c>
      <c r="D11532" t="s">
        <v>4499</v>
      </c>
    </row>
    <row r="11533" spans="1:4" x14ac:dyDescent="0.4">
      <c r="A11533">
        <v>3370022</v>
      </c>
      <c r="B11533" t="s">
        <v>1636</v>
      </c>
      <c r="C11533" t="s">
        <v>10169</v>
      </c>
      <c r="D11533" t="s">
        <v>10170</v>
      </c>
    </row>
    <row r="11534" spans="1:4" x14ac:dyDescent="0.4">
      <c r="A11534">
        <v>3370027</v>
      </c>
      <c r="B11534" t="s">
        <v>1636</v>
      </c>
      <c r="C11534" t="s">
        <v>10169</v>
      </c>
      <c r="D11534" t="s">
        <v>10171</v>
      </c>
    </row>
    <row r="11535" spans="1:4" x14ac:dyDescent="0.4">
      <c r="A11535">
        <v>3370024</v>
      </c>
      <c r="B11535" t="s">
        <v>1636</v>
      </c>
      <c r="C11535" t="s">
        <v>10169</v>
      </c>
      <c r="D11535" t="s">
        <v>10172</v>
      </c>
    </row>
    <row r="11536" spans="1:4" x14ac:dyDescent="0.4">
      <c r="A11536">
        <v>3370023</v>
      </c>
      <c r="B11536" t="s">
        <v>1636</v>
      </c>
      <c r="C11536" t="s">
        <v>10169</v>
      </c>
      <c r="D11536" t="s">
        <v>10173</v>
      </c>
    </row>
    <row r="11537" spans="1:4" x14ac:dyDescent="0.4">
      <c r="A11537">
        <v>3370044</v>
      </c>
      <c r="B11537" t="s">
        <v>1636</v>
      </c>
      <c r="C11537" t="s">
        <v>10169</v>
      </c>
      <c r="D11537" t="s">
        <v>10174</v>
      </c>
    </row>
    <row r="11538" spans="1:4" x14ac:dyDescent="0.4">
      <c r="A11538">
        <v>3370005</v>
      </c>
      <c r="B11538" t="s">
        <v>1636</v>
      </c>
      <c r="C11538" t="s">
        <v>10169</v>
      </c>
      <c r="D11538" t="s">
        <v>10175</v>
      </c>
    </row>
    <row r="11539" spans="1:4" x14ac:dyDescent="0.4">
      <c r="A11539">
        <v>3370031</v>
      </c>
      <c r="B11539" t="s">
        <v>1636</v>
      </c>
      <c r="C11539" t="s">
        <v>10169</v>
      </c>
      <c r="D11539" t="s">
        <v>10176</v>
      </c>
    </row>
    <row r="11540" spans="1:4" x14ac:dyDescent="0.4">
      <c r="A11540">
        <v>3370006</v>
      </c>
      <c r="B11540" t="s">
        <v>1636</v>
      </c>
      <c r="C11540" t="s">
        <v>10169</v>
      </c>
      <c r="D11540" t="s">
        <v>10177</v>
      </c>
    </row>
    <row r="11541" spans="1:4" x14ac:dyDescent="0.4">
      <c r="A11541">
        <v>3370045</v>
      </c>
      <c r="B11541" t="s">
        <v>1636</v>
      </c>
      <c r="C11541" t="s">
        <v>10169</v>
      </c>
      <c r="D11541" t="s">
        <v>10178</v>
      </c>
    </row>
    <row r="11542" spans="1:4" x14ac:dyDescent="0.4">
      <c r="A11542">
        <v>3370054</v>
      </c>
      <c r="B11542" t="s">
        <v>1636</v>
      </c>
      <c r="C11542" t="s">
        <v>10169</v>
      </c>
      <c r="D11542" t="s">
        <v>10179</v>
      </c>
    </row>
    <row r="11543" spans="1:4" x14ac:dyDescent="0.4">
      <c r="A11543">
        <v>3370026</v>
      </c>
      <c r="B11543" t="s">
        <v>1636</v>
      </c>
      <c r="C11543" t="s">
        <v>10169</v>
      </c>
      <c r="D11543" t="s">
        <v>10180</v>
      </c>
    </row>
    <row r="11544" spans="1:4" x14ac:dyDescent="0.4">
      <c r="A11544">
        <v>3370043</v>
      </c>
      <c r="B11544" t="s">
        <v>1636</v>
      </c>
      <c r="C11544" t="s">
        <v>10169</v>
      </c>
      <c r="D11544" t="s">
        <v>1411</v>
      </c>
    </row>
    <row r="11545" spans="1:4" x14ac:dyDescent="0.4">
      <c r="A11545">
        <v>3370013</v>
      </c>
      <c r="B11545" t="s">
        <v>1636</v>
      </c>
      <c r="C11545" t="s">
        <v>10169</v>
      </c>
      <c r="D11545" t="s">
        <v>10181</v>
      </c>
    </row>
    <row r="11546" spans="1:4" x14ac:dyDescent="0.4">
      <c r="A11546">
        <v>3370035</v>
      </c>
      <c r="B11546" t="s">
        <v>1636</v>
      </c>
      <c r="C11546" t="s">
        <v>10169</v>
      </c>
      <c r="D11546" t="s">
        <v>10182</v>
      </c>
    </row>
    <row r="11547" spans="1:4" x14ac:dyDescent="0.4">
      <c r="A11547">
        <v>3370034</v>
      </c>
      <c r="B11547" t="s">
        <v>1636</v>
      </c>
      <c r="C11547" t="s">
        <v>10169</v>
      </c>
      <c r="D11547" t="s">
        <v>10183</v>
      </c>
    </row>
    <row r="11548" spans="1:4" x14ac:dyDescent="0.4">
      <c r="A11548">
        <v>3370015</v>
      </c>
      <c r="B11548" t="s">
        <v>1636</v>
      </c>
      <c r="C11548" t="s">
        <v>10169</v>
      </c>
      <c r="D11548" t="s">
        <v>1764</v>
      </c>
    </row>
    <row r="11549" spans="1:4" x14ac:dyDescent="0.4">
      <c r="A11549">
        <v>3370008</v>
      </c>
      <c r="B11549" t="s">
        <v>1636</v>
      </c>
      <c r="C11549" t="s">
        <v>10169</v>
      </c>
      <c r="D11549" t="s">
        <v>10184</v>
      </c>
    </row>
    <row r="11550" spans="1:4" x14ac:dyDescent="0.4">
      <c r="A11550">
        <v>3370002</v>
      </c>
      <c r="B11550" t="s">
        <v>1636</v>
      </c>
      <c r="C11550" t="s">
        <v>10169</v>
      </c>
      <c r="D11550" t="s">
        <v>10185</v>
      </c>
    </row>
    <row r="11551" spans="1:4" x14ac:dyDescent="0.4">
      <c r="A11551">
        <v>3370032</v>
      </c>
      <c r="B11551" t="s">
        <v>1636</v>
      </c>
      <c r="C11551" t="s">
        <v>10169</v>
      </c>
      <c r="D11551" t="s">
        <v>10186</v>
      </c>
    </row>
    <row r="11552" spans="1:4" x14ac:dyDescent="0.4">
      <c r="A11552">
        <v>3370051</v>
      </c>
      <c r="B11552" t="s">
        <v>1636</v>
      </c>
      <c r="C11552" t="s">
        <v>10169</v>
      </c>
      <c r="D11552" t="s">
        <v>10187</v>
      </c>
    </row>
    <row r="11553" spans="1:4" x14ac:dyDescent="0.4">
      <c r="A11553">
        <v>3370012</v>
      </c>
      <c r="B11553" t="s">
        <v>1636</v>
      </c>
      <c r="C11553" t="s">
        <v>10169</v>
      </c>
      <c r="D11553" t="s">
        <v>10188</v>
      </c>
    </row>
    <row r="11554" spans="1:4" x14ac:dyDescent="0.4">
      <c r="A11554">
        <v>3370016</v>
      </c>
      <c r="B11554" t="s">
        <v>1636</v>
      </c>
      <c r="C11554" t="s">
        <v>10169</v>
      </c>
      <c r="D11554" t="s">
        <v>8003</v>
      </c>
    </row>
    <row r="11555" spans="1:4" x14ac:dyDescent="0.4">
      <c r="A11555">
        <v>3370021</v>
      </c>
      <c r="B11555" t="s">
        <v>1636</v>
      </c>
      <c r="C11555" t="s">
        <v>10169</v>
      </c>
      <c r="D11555" t="s">
        <v>10189</v>
      </c>
    </row>
    <row r="11556" spans="1:4" x14ac:dyDescent="0.4">
      <c r="A11556">
        <v>3370003</v>
      </c>
      <c r="B11556" t="s">
        <v>1636</v>
      </c>
      <c r="C11556" t="s">
        <v>10169</v>
      </c>
      <c r="D11556" t="s">
        <v>10190</v>
      </c>
    </row>
    <row r="11557" spans="1:4" x14ac:dyDescent="0.4">
      <c r="A11557">
        <v>3370017</v>
      </c>
      <c r="B11557" t="s">
        <v>1636</v>
      </c>
      <c r="C11557" t="s">
        <v>10169</v>
      </c>
      <c r="D11557" t="s">
        <v>10191</v>
      </c>
    </row>
    <row r="11558" spans="1:4" x14ac:dyDescent="0.4">
      <c r="A11558">
        <v>3370052</v>
      </c>
      <c r="B11558" t="s">
        <v>1636</v>
      </c>
      <c r="C11558" t="s">
        <v>10169</v>
      </c>
      <c r="D11558" t="s">
        <v>10192</v>
      </c>
    </row>
    <row r="11559" spans="1:4" x14ac:dyDescent="0.4">
      <c r="A11559">
        <v>3370001</v>
      </c>
      <c r="B11559" t="s">
        <v>1636</v>
      </c>
      <c r="C11559" t="s">
        <v>10169</v>
      </c>
      <c r="D11559" t="s">
        <v>10193</v>
      </c>
    </row>
    <row r="11560" spans="1:4" x14ac:dyDescent="0.4">
      <c r="A11560">
        <v>3370007</v>
      </c>
      <c r="B11560" t="s">
        <v>1636</v>
      </c>
      <c r="C11560" t="s">
        <v>10169</v>
      </c>
      <c r="D11560" t="s">
        <v>10194</v>
      </c>
    </row>
    <row r="11561" spans="1:4" x14ac:dyDescent="0.4">
      <c r="A11561">
        <v>3370033</v>
      </c>
      <c r="B11561" t="s">
        <v>1636</v>
      </c>
      <c r="C11561" t="s">
        <v>10169</v>
      </c>
      <c r="D11561" t="s">
        <v>10195</v>
      </c>
    </row>
    <row r="11562" spans="1:4" x14ac:dyDescent="0.4">
      <c r="A11562">
        <v>3370042</v>
      </c>
      <c r="B11562" t="s">
        <v>1636</v>
      </c>
      <c r="C11562" t="s">
        <v>10169</v>
      </c>
      <c r="D11562" t="s">
        <v>5626</v>
      </c>
    </row>
    <row r="11563" spans="1:4" x14ac:dyDescent="0.4">
      <c r="A11563">
        <v>3370041</v>
      </c>
      <c r="B11563" t="s">
        <v>1636</v>
      </c>
      <c r="C11563" t="s">
        <v>10169</v>
      </c>
      <c r="D11563" t="s">
        <v>10196</v>
      </c>
    </row>
    <row r="11564" spans="1:4" x14ac:dyDescent="0.4">
      <c r="A11564">
        <v>3370011</v>
      </c>
      <c r="B11564" t="s">
        <v>1636</v>
      </c>
      <c r="C11564" t="s">
        <v>10169</v>
      </c>
      <c r="D11564" t="s">
        <v>10197</v>
      </c>
    </row>
    <row r="11565" spans="1:4" x14ac:dyDescent="0.4">
      <c r="A11565">
        <v>3370036</v>
      </c>
      <c r="B11565" t="s">
        <v>1636</v>
      </c>
      <c r="C11565" t="s">
        <v>10169</v>
      </c>
      <c r="D11565" t="s">
        <v>10198</v>
      </c>
    </row>
    <row r="11566" spans="1:4" x14ac:dyDescent="0.4">
      <c r="A11566">
        <v>3370025</v>
      </c>
      <c r="B11566" t="s">
        <v>1636</v>
      </c>
      <c r="C11566" t="s">
        <v>10169</v>
      </c>
      <c r="D11566" t="s">
        <v>10199</v>
      </c>
    </row>
    <row r="11567" spans="1:4" x14ac:dyDescent="0.4">
      <c r="A11567">
        <v>3300000</v>
      </c>
      <c r="B11567" t="s">
        <v>1636</v>
      </c>
      <c r="C11567" t="s">
        <v>1637</v>
      </c>
    </row>
    <row r="11568" spans="1:4" x14ac:dyDescent="0.4">
      <c r="A11568">
        <v>3380014</v>
      </c>
      <c r="B11568" t="s">
        <v>1636</v>
      </c>
      <c r="C11568" t="s">
        <v>1637</v>
      </c>
      <c r="D11568" t="s">
        <v>10200</v>
      </c>
    </row>
    <row r="11569" spans="1:4" x14ac:dyDescent="0.4">
      <c r="A11569">
        <v>3380007</v>
      </c>
      <c r="B11569" t="s">
        <v>1636</v>
      </c>
      <c r="C11569" t="s">
        <v>1637</v>
      </c>
      <c r="D11569" t="s">
        <v>10201</v>
      </c>
    </row>
    <row r="11570" spans="1:4" x14ac:dyDescent="0.4">
      <c r="A11570">
        <v>3380012</v>
      </c>
      <c r="B11570" t="s">
        <v>1636</v>
      </c>
      <c r="C11570" t="s">
        <v>1637</v>
      </c>
      <c r="D11570" t="s">
        <v>619</v>
      </c>
    </row>
    <row r="11571" spans="1:4" x14ac:dyDescent="0.4">
      <c r="A11571">
        <v>3380001</v>
      </c>
      <c r="B11571" t="s">
        <v>1636</v>
      </c>
      <c r="C11571" t="s">
        <v>1637</v>
      </c>
      <c r="D11571" t="s">
        <v>8427</v>
      </c>
    </row>
    <row r="11572" spans="1:4" x14ac:dyDescent="0.4">
      <c r="A11572">
        <v>3380005</v>
      </c>
      <c r="B11572" t="s">
        <v>1636</v>
      </c>
      <c r="C11572" t="s">
        <v>1637</v>
      </c>
      <c r="D11572" t="s">
        <v>8837</v>
      </c>
    </row>
    <row r="11573" spans="1:4" x14ac:dyDescent="0.4">
      <c r="A11573">
        <v>3380002</v>
      </c>
      <c r="B11573" t="s">
        <v>1636</v>
      </c>
      <c r="C11573" t="s">
        <v>1637</v>
      </c>
      <c r="D11573" t="s">
        <v>8383</v>
      </c>
    </row>
    <row r="11574" spans="1:4" x14ac:dyDescent="0.4">
      <c r="A11574">
        <v>3300081</v>
      </c>
      <c r="B11574" t="s">
        <v>1636</v>
      </c>
      <c r="C11574" t="s">
        <v>1637</v>
      </c>
      <c r="D11574" t="s">
        <v>10202</v>
      </c>
    </row>
    <row r="11575" spans="1:4" x14ac:dyDescent="0.4">
      <c r="A11575">
        <v>3306090</v>
      </c>
      <c r="B11575" t="s">
        <v>1636</v>
      </c>
      <c r="C11575" t="s">
        <v>1637</v>
      </c>
      <c r="D11575" t="s">
        <v>10203</v>
      </c>
    </row>
    <row r="11576" spans="1:4" x14ac:dyDescent="0.4">
      <c r="A11576">
        <v>3306001</v>
      </c>
      <c r="B11576" t="s">
        <v>1636</v>
      </c>
      <c r="C11576" t="s">
        <v>1637</v>
      </c>
      <c r="D11576" t="s">
        <v>10204</v>
      </c>
    </row>
    <row r="11577" spans="1:4" x14ac:dyDescent="0.4">
      <c r="A11577">
        <v>3306002</v>
      </c>
      <c r="B11577" t="s">
        <v>1636</v>
      </c>
      <c r="C11577" t="s">
        <v>1637</v>
      </c>
      <c r="D11577" t="s">
        <v>10205</v>
      </c>
    </row>
    <row r="11578" spans="1:4" x14ac:dyDescent="0.4">
      <c r="A11578">
        <v>3306003</v>
      </c>
      <c r="B11578" t="s">
        <v>1636</v>
      </c>
      <c r="C11578" t="s">
        <v>1637</v>
      </c>
      <c r="D11578" t="s">
        <v>10206</v>
      </c>
    </row>
    <row r="11579" spans="1:4" x14ac:dyDescent="0.4">
      <c r="A11579">
        <v>3306004</v>
      </c>
      <c r="B11579" t="s">
        <v>1636</v>
      </c>
      <c r="C11579" t="s">
        <v>1637</v>
      </c>
      <c r="D11579" t="s">
        <v>10207</v>
      </c>
    </row>
    <row r="11580" spans="1:4" x14ac:dyDescent="0.4">
      <c r="A11580">
        <v>3306005</v>
      </c>
      <c r="B11580" t="s">
        <v>1636</v>
      </c>
      <c r="C11580" t="s">
        <v>1637</v>
      </c>
      <c r="D11580" t="s">
        <v>10208</v>
      </c>
    </row>
    <row r="11581" spans="1:4" x14ac:dyDescent="0.4">
      <c r="A11581">
        <v>3306006</v>
      </c>
      <c r="B11581" t="s">
        <v>1636</v>
      </c>
      <c r="C11581" t="s">
        <v>1637</v>
      </c>
      <c r="D11581" t="s">
        <v>10209</v>
      </c>
    </row>
    <row r="11582" spans="1:4" x14ac:dyDescent="0.4">
      <c r="A11582">
        <v>3306007</v>
      </c>
      <c r="B11582" t="s">
        <v>1636</v>
      </c>
      <c r="C11582" t="s">
        <v>1637</v>
      </c>
      <c r="D11582" t="s">
        <v>10210</v>
      </c>
    </row>
    <row r="11583" spans="1:4" x14ac:dyDescent="0.4">
      <c r="A11583">
        <v>3306008</v>
      </c>
      <c r="B11583" t="s">
        <v>1636</v>
      </c>
      <c r="C11583" t="s">
        <v>1637</v>
      </c>
      <c r="D11583" t="s">
        <v>10211</v>
      </c>
    </row>
    <row r="11584" spans="1:4" x14ac:dyDescent="0.4">
      <c r="A11584">
        <v>3306009</v>
      </c>
      <c r="B11584" t="s">
        <v>1636</v>
      </c>
      <c r="C11584" t="s">
        <v>1637</v>
      </c>
      <c r="D11584" t="s">
        <v>10212</v>
      </c>
    </row>
    <row r="11585" spans="1:4" x14ac:dyDescent="0.4">
      <c r="A11585">
        <v>3306010</v>
      </c>
      <c r="B11585" t="s">
        <v>1636</v>
      </c>
      <c r="C11585" t="s">
        <v>1637</v>
      </c>
      <c r="D11585" t="s">
        <v>10213</v>
      </c>
    </row>
    <row r="11586" spans="1:4" x14ac:dyDescent="0.4">
      <c r="A11586">
        <v>3306011</v>
      </c>
      <c r="B11586" t="s">
        <v>1636</v>
      </c>
      <c r="C11586" t="s">
        <v>1637</v>
      </c>
      <c r="D11586" t="s">
        <v>10214</v>
      </c>
    </row>
    <row r="11587" spans="1:4" x14ac:dyDescent="0.4">
      <c r="A11587">
        <v>3306012</v>
      </c>
      <c r="B11587" t="s">
        <v>1636</v>
      </c>
      <c r="C11587" t="s">
        <v>1637</v>
      </c>
      <c r="D11587" t="s">
        <v>10215</v>
      </c>
    </row>
    <row r="11588" spans="1:4" x14ac:dyDescent="0.4">
      <c r="A11588">
        <v>3306013</v>
      </c>
      <c r="B11588" t="s">
        <v>1636</v>
      </c>
      <c r="C11588" t="s">
        <v>1637</v>
      </c>
      <c r="D11588" t="s">
        <v>10216</v>
      </c>
    </row>
    <row r="11589" spans="1:4" x14ac:dyDescent="0.4">
      <c r="A11589">
        <v>3306014</v>
      </c>
      <c r="B11589" t="s">
        <v>1636</v>
      </c>
      <c r="C11589" t="s">
        <v>1637</v>
      </c>
      <c r="D11589" t="s">
        <v>10217</v>
      </c>
    </row>
    <row r="11590" spans="1:4" x14ac:dyDescent="0.4">
      <c r="A11590">
        <v>3306015</v>
      </c>
      <c r="B11590" t="s">
        <v>1636</v>
      </c>
      <c r="C11590" t="s">
        <v>1637</v>
      </c>
      <c r="D11590" t="s">
        <v>10218</v>
      </c>
    </row>
    <row r="11591" spans="1:4" x14ac:dyDescent="0.4">
      <c r="A11591">
        <v>3306016</v>
      </c>
      <c r="B11591" t="s">
        <v>1636</v>
      </c>
      <c r="C11591" t="s">
        <v>1637</v>
      </c>
      <c r="D11591" t="s">
        <v>10219</v>
      </c>
    </row>
    <row r="11592" spans="1:4" x14ac:dyDescent="0.4">
      <c r="A11592">
        <v>3306017</v>
      </c>
      <c r="B11592" t="s">
        <v>1636</v>
      </c>
      <c r="C11592" t="s">
        <v>1637</v>
      </c>
      <c r="D11592" t="s">
        <v>10220</v>
      </c>
    </row>
    <row r="11593" spans="1:4" x14ac:dyDescent="0.4">
      <c r="A11593">
        <v>1006619</v>
      </c>
      <c r="B11593" t="s">
        <v>815</v>
      </c>
      <c r="C11593" t="s">
        <v>816</v>
      </c>
      <c r="D11593" t="s">
        <v>10221</v>
      </c>
    </row>
    <row r="11594" spans="1:4" x14ac:dyDescent="0.4">
      <c r="A11594">
        <v>1006620</v>
      </c>
      <c r="B11594" t="s">
        <v>815</v>
      </c>
      <c r="C11594" t="s">
        <v>816</v>
      </c>
      <c r="D11594" t="s">
        <v>10222</v>
      </c>
    </row>
    <row r="11595" spans="1:4" x14ac:dyDescent="0.4">
      <c r="A11595">
        <v>1006621</v>
      </c>
      <c r="B11595" t="s">
        <v>815</v>
      </c>
      <c r="C11595" t="s">
        <v>816</v>
      </c>
      <c r="D11595" t="s">
        <v>10223</v>
      </c>
    </row>
    <row r="11596" spans="1:4" x14ac:dyDescent="0.4">
      <c r="A11596">
        <v>1006622</v>
      </c>
      <c r="B11596" t="s">
        <v>815</v>
      </c>
      <c r="C11596" t="s">
        <v>816</v>
      </c>
      <c r="D11596" t="s">
        <v>10224</v>
      </c>
    </row>
    <row r="11597" spans="1:4" x14ac:dyDescent="0.4">
      <c r="A11597">
        <v>1006623</v>
      </c>
      <c r="B11597" t="s">
        <v>815</v>
      </c>
      <c r="C11597" t="s">
        <v>816</v>
      </c>
      <c r="D11597" t="s">
        <v>10225</v>
      </c>
    </row>
    <row r="11598" spans="1:4" x14ac:dyDescent="0.4">
      <c r="A11598">
        <v>1006624</v>
      </c>
      <c r="B11598" t="s">
        <v>815</v>
      </c>
      <c r="C11598" t="s">
        <v>816</v>
      </c>
      <c r="D11598" t="s">
        <v>10226</v>
      </c>
    </row>
    <row r="11599" spans="1:4" x14ac:dyDescent="0.4">
      <c r="A11599">
        <v>1006625</v>
      </c>
      <c r="B11599" t="s">
        <v>815</v>
      </c>
      <c r="C11599" t="s">
        <v>816</v>
      </c>
      <c r="D11599" t="s">
        <v>10227</v>
      </c>
    </row>
    <row r="11600" spans="1:4" x14ac:dyDescent="0.4">
      <c r="A11600">
        <v>1006626</v>
      </c>
      <c r="B11600" t="s">
        <v>815</v>
      </c>
      <c r="C11600" t="s">
        <v>816</v>
      </c>
      <c r="D11600" t="s">
        <v>10228</v>
      </c>
    </row>
    <row r="11601" spans="1:4" x14ac:dyDescent="0.4">
      <c r="A11601">
        <v>1006627</v>
      </c>
      <c r="B11601" t="s">
        <v>815</v>
      </c>
      <c r="C11601" t="s">
        <v>816</v>
      </c>
      <c r="D11601" t="s">
        <v>10229</v>
      </c>
    </row>
    <row r="11602" spans="1:4" x14ac:dyDescent="0.4">
      <c r="A11602">
        <v>1006628</v>
      </c>
      <c r="B11602" t="s">
        <v>815</v>
      </c>
      <c r="C11602" t="s">
        <v>816</v>
      </c>
      <c r="D11602" t="s">
        <v>10230</v>
      </c>
    </row>
    <row r="11603" spans="1:4" x14ac:dyDescent="0.4">
      <c r="A11603">
        <v>1006629</v>
      </c>
      <c r="B11603" t="s">
        <v>815</v>
      </c>
      <c r="C11603" t="s">
        <v>816</v>
      </c>
      <c r="D11603" t="s">
        <v>10231</v>
      </c>
    </row>
    <row r="11604" spans="1:4" x14ac:dyDescent="0.4">
      <c r="A11604">
        <v>1006630</v>
      </c>
      <c r="B11604" t="s">
        <v>815</v>
      </c>
      <c r="C11604" t="s">
        <v>816</v>
      </c>
      <c r="D11604" t="s">
        <v>10232</v>
      </c>
    </row>
    <row r="11605" spans="1:4" x14ac:dyDescent="0.4">
      <c r="A11605">
        <v>1006631</v>
      </c>
      <c r="B11605" t="s">
        <v>815</v>
      </c>
      <c r="C11605" t="s">
        <v>816</v>
      </c>
      <c r="D11605" t="s">
        <v>10233</v>
      </c>
    </row>
    <row r="11606" spans="1:4" x14ac:dyDescent="0.4">
      <c r="A11606">
        <v>1006632</v>
      </c>
      <c r="B11606" t="s">
        <v>815</v>
      </c>
      <c r="C11606" t="s">
        <v>816</v>
      </c>
      <c r="D11606" t="s">
        <v>10234</v>
      </c>
    </row>
    <row r="11607" spans="1:4" x14ac:dyDescent="0.4">
      <c r="A11607">
        <v>1006633</v>
      </c>
      <c r="B11607" t="s">
        <v>815</v>
      </c>
      <c r="C11607" t="s">
        <v>816</v>
      </c>
      <c r="D11607" t="s">
        <v>10235</v>
      </c>
    </row>
    <row r="11608" spans="1:4" x14ac:dyDescent="0.4">
      <c r="A11608">
        <v>1006634</v>
      </c>
      <c r="B11608" t="s">
        <v>815</v>
      </c>
      <c r="C11608" t="s">
        <v>816</v>
      </c>
      <c r="D11608" t="s">
        <v>10236</v>
      </c>
    </row>
    <row r="11609" spans="1:4" x14ac:dyDescent="0.4">
      <c r="A11609">
        <v>1006635</v>
      </c>
      <c r="B11609" t="s">
        <v>815</v>
      </c>
      <c r="C11609" t="s">
        <v>816</v>
      </c>
      <c r="D11609" t="s">
        <v>10237</v>
      </c>
    </row>
    <row r="11610" spans="1:4" x14ac:dyDescent="0.4">
      <c r="A11610">
        <v>1006636</v>
      </c>
      <c r="B11610" t="s">
        <v>815</v>
      </c>
      <c r="C11610" t="s">
        <v>816</v>
      </c>
      <c r="D11610" t="s">
        <v>10238</v>
      </c>
    </row>
    <row r="11611" spans="1:4" x14ac:dyDescent="0.4">
      <c r="A11611">
        <v>1006637</v>
      </c>
      <c r="B11611" t="s">
        <v>815</v>
      </c>
      <c r="C11611" t="s">
        <v>816</v>
      </c>
      <c r="D11611" t="s">
        <v>10239</v>
      </c>
    </row>
    <row r="11612" spans="1:4" x14ac:dyDescent="0.4">
      <c r="A11612">
        <v>1006638</v>
      </c>
      <c r="B11612" t="s">
        <v>815</v>
      </c>
      <c r="C11612" t="s">
        <v>816</v>
      </c>
      <c r="D11612" t="s">
        <v>10240</v>
      </c>
    </row>
    <row r="11613" spans="1:4" x14ac:dyDescent="0.4">
      <c r="A11613">
        <v>1006639</v>
      </c>
      <c r="B11613" t="s">
        <v>815</v>
      </c>
      <c r="C11613" t="s">
        <v>816</v>
      </c>
      <c r="D11613" t="s">
        <v>10241</v>
      </c>
    </row>
    <row r="11614" spans="1:4" x14ac:dyDescent="0.4">
      <c r="A11614">
        <v>1006640</v>
      </c>
      <c r="B11614" t="s">
        <v>815</v>
      </c>
      <c r="C11614" t="s">
        <v>816</v>
      </c>
      <c r="D11614" t="s">
        <v>10242</v>
      </c>
    </row>
    <row r="11615" spans="1:4" x14ac:dyDescent="0.4">
      <c r="A11615">
        <v>1006641</v>
      </c>
      <c r="B11615" t="s">
        <v>815</v>
      </c>
      <c r="C11615" t="s">
        <v>816</v>
      </c>
      <c r="D11615" t="s">
        <v>10243</v>
      </c>
    </row>
    <row r="11616" spans="1:4" x14ac:dyDescent="0.4">
      <c r="A11616">
        <v>1006642</v>
      </c>
      <c r="B11616" t="s">
        <v>815</v>
      </c>
      <c r="C11616" t="s">
        <v>816</v>
      </c>
      <c r="D11616" t="s">
        <v>10244</v>
      </c>
    </row>
    <row r="11617" spans="1:4" x14ac:dyDescent="0.4">
      <c r="A11617">
        <v>1006790</v>
      </c>
      <c r="B11617" t="s">
        <v>815</v>
      </c>
      <c r="C11617" t="s">
        <v>816</v>
      </c>
      <c r="D11617" t="s">
        <v>10245</v>
      </c>
    </row>
    <row r="11618" spans="1:4" x14ac:dyDescent="0.4">
      <c r="A11618">
        <v>1006701</v>
      </c>
      <c r="B11618" t="s">
        <v>815</v>
      </c>
      <c r="C11618" t="s">
        <v>816</v>
      </c>
      <c r="D11618" t="s">
        <v>10246</v>
      </c>
    </row>
    <row r="11619" spans="1:4" x14ac:dyDescent="0.4">
      <c r="A11619">
        <v>1006702</v>
      </c>
      <c r="B11619" t="s">
        <v>815</v>
      </c>
      <c r="C11619" t="s">
        <v>816</v>
      </c>
      <c r="D11619" t="s">
        <v>10247</v>
      </c>
    </row>
    <row r="11620" spans="1:4" x14ac:dyDescent="0.4">
      <c r="A11620">
        <v>1006703</v>
      </c>
      <c r="B11620" t="s">
        <v>815</v>
      </c>
      <c r="C11620" t="s">
        <v>816</v>
      </c>
      <c r="D11620" t="s">
        <v>10248</v>
      </c>
    </row>
    <row r="11621" spans="1:4" x14ac:dyDescent="0.4">
      <c r="A11621">
        <v>1006704</v>
      </c>
      <c r="B11621" t="s">
        <v>815</v>
      </c>
      <c r="C11621" t="s">
        <v>816</v>
      </c>
      <c r="D11621" t="s">
        <v>10249</v>
      </c>
    </row>
    <row r="11622" spans="1:4" x14ac:dyDescent="0.4">
      <c r="A11622">
        <v>1006705</v>
      </c>
      <c r="B11622" t="s">
        <v>815</v>
      </c>
      <c r="C11622" t="s">
        <v>816</v>
      </c>
      <c r="D11622" t="s">
        <v>10250</v>
      </c>
    </row>
    <row r="11623" spans="1:4" x14ac:dyDescent="0.4">
      <c r="A11623">
        <v>1006706</v>
      </c>
      <c r="B11623" t="s">
        <v>815</v>
      </c>
      <c r="C11623" t="s">
        <v>816</v>
      </c>
      <c r="D11623" t="s">
        <v>10251</v>
      </c>
    </row>
    <row r="11624" spans="1:4" x14ac:dyDescent="0.4">
      <c r="A11624">
        <v>1006707</v>
      </c>
      <c r="B11624" t="s">
        <v>815</v>
      </c>
      <c r="C11624" t="s">
        <v>816</v>
      </c>
      <c r="D11624" t="s">
        <v>10252</v>
      </c>
    </row>
    <row r="11625" spans="1:4" x14ac:dyDescent="0.4">
      <c r="A11625">
        <v>1006708</v>
      </c>
      <c r="B11625" t="s">
        <v>815</v>
      </c>
      <c r="C11625" t="s">
        <v>816</v>
      </c>
      <c r="D11625" t="s">
        <v>10253</v>
      </c>
    </row>
    <row r="11626" spans="1:4" x14ac:dyDescent="0.4">
      <c r="A11626">
        <v>1006709</v>
      </c>
      <c r="B11626" t="s">
        <v>815</v>
      </c>
      <c r="C11626" t="s">
        <v>816</v>
      </c>
      <c r="D11626" t="s">
        <v>10254</v>
      </c>
    </row>
    <row r="11627" spans="1:4" x14ac:dyDescent="0.4">
      <c r="A11627">
        <v>1006710</v>
      </c>
      <c r="B11627" t="s">
        <v>815</v>
      </c>
      <c r="C11627" t="s">
        <v>816</v>
      </c>
      <c r="D11627" t="s">
        <v>10255</v>
      </c>
    </row>
    <row r="11628" spans="1:4" x14ac:dyDescent="0.4">
      <c r="A11628">
        <v>1006711</v>
      </c>
      <c r="B11628" t="s">
        <v>815</v>
      </c>
      <c r="C11628" t="s">
        <v>816</v>
      </c>
      <c r="D11628" t="s">
        <v>10256</v>
      </c>
    </row>
    <row r="11629" spans="1:4" x14ac:dyDescent="0.4">
      <c r="A11629">
        <v>1006712</v>
      </c>
      <c r="B11629" t="s">
        <v>815</v>
      </c>
      <c r="C11629" t="s">
        <v>816</v>
      </c>
      <c r="D11629" t="s">
        <v>10257</v>
      </c>
    </row>
    <row r="11630" spans="1:4" x14ac:dyDescent="0.4">
      <c r="A11630">
        <v>1006713</v>
      </c>
      <c r="B11630" t="s">
        <v>815</v>
      </c>
      <c r="C11630" t="s">
        <v>816</v>
      </c>
      <c r="D11630" t="s">
        <v>10258</v>
      </c>
    </row>
    <row r="11631" spans="1:4" x14ac:dyDescent="0.4">
      <c r="A11631">
        <v>1006714</v>
      </c>
      <c r="B11631" t="s">
        <v>815</v>
      </c>
      <c r="C11631" t="s">
        <v>816</v>
      </c>
      <c r="D11631" t="s">
        <v>10259</v>
      </c>
    </row>
    <row r="11632" spans="1:4" x14ac:dyDescent="0.4">
      <c r="A11632">
        <v>1006715</v>
      </c>
      <c r="B11632" t="s">
        <v>815</v>
      </c>
      <c r="C11632" t="s">
        <v>816</v>
      </c>
      <c r="D11632" t="s">
        <v>10260</v>
      </c>
    </row>
    <row r="11633" spans="1:4" x14ac:dyDescent="0.4">
      <c r="A11633">
        <v>1006716</v>
      </c>
      <c r="B11633" t="s">
        <v>815</v>
      </c>
      <c r="C11633" t="s">
        <v>816</v>
      </c>
      <c r="D11633" t="s">
        <v>10261</v>
      </c>
    </row>
    <row r="11634" spans="1:4" x14ac:dyDescent="0.4">
      <c r="A11634">
        <v>1006717</v>
      </c>
      <c r="B11634" t="s">
        <v>815</v>
      </c>
      <c r="C11634" t="s">
        <v>816</v>
      </c>
      <c r="D11634" t="s">
        <v>10262</v>
      </c>
    </row>
    <row r="11635" spans="1:4" x14ac:dyDescent="0.4">
      <c r="A11635">
        <v>1006718</v>
      </c>
      <c r="B11635" t="s">
        <v>815</v>
      </c>
      <c r="C11635" t="s">
        <v>816</v>
      </c>
      <c r="D11635" t="s">
        <v>10263</v>
      </c>
    </row>
    <row r="11636" spans="1:4" x14ac:dyDescent="0.4">
      <c r="A11636">
        <v>1006719</v>
      </c>
      <c r="B11636" t="s">
        <v>815</v>
      </c>
      <c r="C11636" t="s">
        <v>816</v>
      </c>
      <c r="D11636" t="s">
        <v>10264</v>
      </c>
    </row>
    <row r="11637" spans="1:4" x14ac:dyDescent="0.4">
      <c r="A11637">
        <v>1006720</v>
      </c>
      <c r="B11637" t="s">
        <v>815</v>
      </c>
      <c r="C11637" t="s">
        <v>816</v>
      </c>
      <c r="D11637" t="s">
        <v>10265</v>
      </c>
    </row>
    <row r="11638" spans="1:4" x14ac:dyDescent="0.4">
      <c r="A11638">
        <v>1006721</v>
      </c>
      <c r="B11638" t="s">
        <v>815</v>
      </c>
      <c r="C11638" t="s">
        <v>816</v>
      </c>
      <c r="D11638" t="s">
        <v>10266</v>
      </c>
    </row>
    <row r="11639" spans="1:4" x14ac:dyDescent="0.4">
      <c r="A11639">
        <v>1006722</v>
      </c>
      <c r="B11639" t="s">
        <v>815</v>
      </c>
      <c r="C11639" t="s">
        <v>816</v>
      </c>
      <c r="D11639" t="s">
        <v>10267</v>
      </c>
    </row>
    <row r="11640" spans="1:4" x14ac:dyDescent="0.4">
      <c r="A11640">
        <v>1006723</v>
      </c>
      <c r="B11640" t="s">
        <v>815</v>
      </c>
      <c r="C11640" t="s">
        <v>816</v>
      </c>
      <c r="D11640" t="s">
        <v>10268</v>
      </c>
    </row>
    <row r="11641" spans="1:4" x14ac:dyDescent="0.4">
      <c r="A11641">
        <v>1006724</v>
      </c>
      <c r="B11641" t="s">
        <v>815</v>
      </c>
      <c r="C11641" t="s">
        <v>816</v>
      </c>
      <c r="D11641" t="s">
        <v>10269</v>
      </c>
    </row>
    <row r="11642" spans="1:4" x14ac:dyDescent="0.4">
      <c r="A11642">
        <v>1006725</v>
      </c>
      <c r="B11642" t="s">
        <v>815</v>
      </c>
      <c r="C11642" t="s">
        <v>816</v>
      </c>
      <c r="D11642" t="s">
        <v>10270</v>
      </c>
    </row>
    <row r="11643" spans="1:4" x14ac:dyDescent="0.4">
      <c r="A11643">
        <v>1006726</v>
      </c>
      <c r="B11643" t="s">
        <v>815</v>
      </c>
      <c r="C11643" t="s">
        <v>816</v>
      </c>
      <c r="D11643" t="s">
        <v>10271</v>
      </c>
    </row>
    <row r="11644" spans="1:4" x14ac:dyDescent="0.4">
      <c r="A11644">
        <v>1006727</v>
      </c>
      <c r="B11644" t="s">
        <v>815</v>
      </c>
      <c r="C11644" t="s">
        <v>816</v>
      </c>
      <c r="D11644" t="s">
        <v>10272</v>
      </c>
    </row>
    <row r="11645" spans="1:4" x14ac:dyDescent="0.4">
      <c r="A11645">
        <v>1006728</v>
      </c>
      <c r="B11645" t="s">
        <v>815</v>
      </c>
      <c r="C11645" t="s">
        <v>816</v>
      </c>
      <c r="D11645" t="s">
        <v>10273</v>
      </c>
    </row>
    <row r="11646" spans="1:4" x14ac:dyDescent="0.4">
      <c r="A11646">
        <v>1006729</v>
      </c>
      <c r="B11646" t="s">
        <v>815</v>
      </c>
      <c r="C11646" t="s">
        <v>816</v>
      </c>
      <c r="D11646" t="s">
        <v>10274</v>
      </c>
    </row>
    <row r="11647" spans="1:4" x14ac:dyDescent="0.4">
      <c r="A11647">
        <v>1006730</v>
      </c>
      <c r="B11647" t="s">
        <v>815</v>
      </c>
      <c r="C11647" t="s">
        <v>816</v>
      </c>
      <c r="D11647" t="s">
        <v>10275</v>
      </c>
    </row>
    <row r="11648" spans="1:4" x14ac:dyDescent="0.4">
      <c r="A11648">
        <v>1006731</v>
      </c>
      <c r="B11648" t="s">
        <v>815</v>
      </c>
      <c r="C11648" t="s">
        <v>816</v>
      </c>
      <c r="D11648" t="s">
        <v>10276</v>
      </c>
    </row>
    <row r="11649" spans="1:4" x14ac:dyDescent="0.4">
      <c r="A11649">
        <v>1006732</v>
      </c>
      <c r="B11649" t="s">
        <v>815</v>
      </c>
      <c r="C11649" t="s">
        <v>816</v>
      </c>
      <c r="D11649" t="s">
        <v>10277</v>
      </c>
    </row>
    <row r="11650" spans="1:4" x14ac:dyDescent="0.4">
      <c r="A11650">
        <v>1006733</v>
      </c>
      <c r="B11650" t="s">
        <v>815</v>
      </c>
      <c r="C11650" t="s">
        <v>816</v>
      </c>
      <c r="D11650" t="s">
        <v>10278</v>
      </c>
    </row>
    <row r="11651" spans="1:4" x14ac:dyDescent="0.4">
      <c r="A11651">
        <v>1006734</v>
      </c>
      <c r="B11651" t="s">
        <v>815</v>
      </c>
      <c r="C11651" t="s">
        <v>816</v>
      </c>
      <c r="D11651" t="s">
        <v>10279</v>
      </c>
    </row>
    <row r="11652" spans="1:4" x14ac:dyDescent="0.4">
      <c r="A11652">
        <v>1006735</v>
      </c>
      <c r="B11652" t="s">
        <v>815</v>
      </c>
      <c r="C11652" t="s">
        <v>816</v>
      </c>
      <c r="D11652" t="s">
        <v>10280</v>
      </c>
    </row>
    <row r="11653" spans="1:4" x14ac:dyDescent="0.4">
      <c r="A11653">
        <v>1006736</v>
      </c>
      <c r="B11653" t="s">
        <v>815</v>
      </c>
      <c r="C11653" t="s">
        <v>816</v>
      </c>
      <c r="D11653" t="s">
        <v>10281</v>
      </c>
    </row>
    <row r="11654" spans="1:4" x14ac:dyDescent="0.4">
      <c r="A11654">
        <v>1006737</v>
      </c>
      <c r="B11654" t="s">
        <v>815</v>
      </c>
      <c r="C11654" t="s">
        <v>816</v>
      </c>
      <c r="D11654" t="s">
        <v>10282</v>
      </c>
    </row>
    <row r="11655" spans="1:4" x14ac:dyDescent="0.4">
      <c r="A11655">
        <v>1006738</v>
      </c>
      <c r="B11655" t="s">
        <v>815</v>
      </c>
      <c r="C11655" t="s">
        <v>816</v>
      </c>
      <c r="D11655" t="s">
        <v>10283</v>
      </c>
    </row>
    <row r="11656" spans="1:4" x14ac:dyDescent="0.4">
      <c r="A11656">
        <v>1006739</v>
      </c>
      <c r="B11656" t="s">
        <v>815</v>
      </c>
      <c r="C11656" t="s">
        <v>816</v>
      </c>
      <c r="D11656" t="s">
        <v>10284</v>
      </c>
    </row>
    <row r="11657" spans="1:4" x14ac:dyDescent="0.4">
      <c r="A11657">
        <v>1006740</v>
      </c>
      <c r="B11657" t="s">
        <v>815</v>
      </c>
      <c r="C11657" t="s">
        <v>816</v>
      </c>
      <c r="D11657" t="s">
        <v>10285</v>
      </c>
    </row>
    <row r="11658" spans="1:4" x14ac:dyDescent="0.4">
      <c r="A11658">
        <v>1006741</v>
      </c>
      <c r="B11658" t="s">
        <v>815</v>
      </c>
      <c r="C11658" t="s">
        <v>816</v>
      </c>
      <c r="D11658" t="s">
        <v>10286</v>
      </c>
    </row>
    <row r="11659" spans="1:4" x14ac:dyDescent="0.4">
      <c r="A11659">
        <v>1006742</v>
      </c>
      <c r="B11659" t="s">
        <v>815</v>
      </c>
      <c r="C11659" t="s">
        <v>816</v>
      </c>
      <c r="D11659" t="s">
        <v>10287</v>
      </c>
    </row>
    <row r="11660" spans="1:4" x14ac:dyDescent="0.4">
      <c r="A11660">
        <v>1006743</v>
      </c>
      <c r="B11660" t="s">
        <v>815</v>
      </c>
      <c r="C11660" t="s">
        <v>816</v>
      </c>
      <c r="D11660" t="s">
        <v>10288</v>
      </c>
    </row>
    <row r="11661" spans="1:4" x14ac:dyDescent="0.4">
      <c r="A11661">
        <v>1006590</v>
      </c>
      <c r="B11661" t="s">
        <v>815</v>
      </c>
      <c r="C11661" t="s">
        <v>816</v>
      </c>
      <c r="D11661" t="s">
        <v>10289</v>
      </c>
    </row>
    <row r="11662" spans="1:4" x14ac:dyDescent="0.4">
      <c r="A11662">
        <v>1006501</v>
      </c>
      <c r="B11662" t="s">
        <v>815</v>
      </c>
      <c r="C11662" t="s">
        <v>816</v>
      </c>
      <c r="D11662" t="s">
        <v>10290</v>
      </c>
    </row>
    <row r="11663" spans="1:4" x14ac:dyDescent="0.4">
      <c r="A11663">
        <v>1006502</v>
      </c>
      <c r="B11663" t="s">
        <v>815</v>
      </c>
      <c r="C11663" t="s">
        <v>816</v>
      </c>
      <c r="D11663" t="s">
        <v>10291</v>
      </c>
    </row>
    <row r="11664" spans="1:4" x14ac:dyDescent="0.4">
      <c r="A11664">
        <v>1006503</v>
      </c>
      <c r="B11664" t="s">
        <v>815</v>
      </c>
      <c r="C11664" t="s">
        <v>816</v>
      </c>
      <c r="D11664" t="s">
        <v>10292</v>
      </c>
    </row>
    <row r="11665" spans="1:4" x14ac:dyDescent="0.4">
      <c r="A11665">
        <v>1006504</v>
      </c>
      <c r="B11665" t="s">
        <v>815</v>
      </c>
      <c r="C11665" t="s">
        <v>816</v>
      </c>
      <c r="D11665" t="s">
        <v>10293</v>
      </c>
    </row>
    <row r="11666" spans="1:4" x14ac:dyDescent="0.4">
      <c r="A11666">
        <v>1006505</v>
      </c>
      <c r="B11666" t="s">
        <v>815</v>
      </c>
      <c r="C11666" t="s">
        <v>816</v>
      </c>
      <c r="D11666" t="s">
        <v>10294</v>
      </c>
    </row>
    <row r="11667" spans="1:4" x14ac:dyDescent="0.4">
      <c r="A11667">
        <v>1006506</v>
      </c>
      <c r="B11667" t="s">
        <v>815</v>
      </c>
      <c r="C11667" t="s">
        <v>816</v>
      </c>
      <c r="D11667" t="s">
        <v>10295</v>
      </c>
    </row>
    <row r="11668" spans="1:4" x14ac:dyDescent="0.4">
      <c r="A11668">
        <v>1006507</v>
      </c>
      <c r="B11668" t="s">
        <v>815</v>
      </c>
      <c r="C11668" t="s">
        <v>816</v>
      </c>
      <c r="D11668" t="s">
        <v>10296</v>
      </c>
    </row>
    <row r="11669" spans="1:4" x14ac:dyDescent="0.4">
      <c r="A11669">
        <v>1006508</v>
      </c>
      <c r="B11669" t="s">
        <v>815</v>
      </c>
      <c r="C11669" t="s">
        <v>816</v>
      </c>
      <c r="D11669" t="s">
        <v>10297</v>
      </c>
    </row>
    <row r="11670" spans="1:4" x14ac:dyDescent="0.4">
      <c r="A11670">
        <v>1006509</v>
      </c>
      <c r="B11670" t="s">
        <v>815</v>
      </c>
      <c r="C11670" t="s">
        <v>816</v>
      </c>
      <c r="D11670" t="s">
        <v>10298</v>
      </c>
    </row>
    <row r="11671" spans="1:4" x14ac:dyDescent="0.4">
      <c r="A11671">
        <v>1006510</v>
      </c>
      <c r="B11671" t="s">
        <v>815</v>
      </c>
      <c r="C11671" t="s">
        <v>816</v>
      </c>
      <c r="D11671" t="s">
        <v>10299</v>
      </c>
    </row>
    <row r="11672" spans="1:4" x14ac:dyDescent="0.4">
      <c r="A11672">
        <v>1006511</v>
      </c>
      <c r="B11672" t="s">
        <v>815</v>
      </c>
      <c r="C11672" t="s">
        <v>816</v>
      </c>
      <c r="D11672" t="s">
        <v>10300</v>
      </c>
    </row>
    <row r="11673" spans="1:4" x14ac:dyDescent="0.4">
      <c r="A11673">
        <v>1006512</v>
      </c>
      <c r="B11673" t="s">
        <v>815</v>
      </c>
      <c r="C11673" t="s">
        <v>816</v>
      </c>
      <c r="D11673" t="s">
        <v>10301</v>
      </c>
    </row>
    <row r="11674" spans="1:4" x14ac:dyDescent="0.4">
      <c r="A11674">
        <v>1006513</v>
      </c>
      <c r="B11674" t="s">
        <v>815</v>
      </c>
      <c r="C11674" t="s">
        <v>816</v>
      </c>
      <c r="D11674" t="s">
        <v>10302</v>
      </c>
    </row>
    <row r="11675" spans="1:4" x14ac:dyDescent="0.4">
      <c r="A11675">
        <v>1006514</v>
      </c>
      <c r="B11675" t="s">
        <v>815</v>
      </c>
      <c r="C11675" t="s">
        <v>816</v>
      </c>
      <c r="D11675" t="s">
        <v>10303</v>
      </c>
    </row>
    <row r="11676" spans="1:4" x14ac:dyDescent="0.4">
      <c r="A11676">
        <v>1006515</v>
      </c>
      <c r="B11676" t="s">
        <v>815</v>
      </c>
      <c r="C11676" t="s">
        <v>816</v>
      </c>
      <c r="D11676" t="s">
        <v>10304</v>
      </c>
    </row>
    <row r="11677" spans="1:4" x14ac:dyDescent="0.4">
      <c r="A11677">
        <v>1006516</v>
      </c>
      <c r="B11677" t="s">
        <v>815</v>
      </c>
      <c r="C11677" t="s">
        <v>816</v>
      </c>
      <c r="D11677" t="s">
        <v>10305</v>
      </c>
    </row>
    <row r="11678" spans="1:4" x14ac:dyDescent="0.4">
      <c r="A11678">
        <v>1006517</v>
      </c>
      <c r="B11678" t="s">
        <v>815</v>
      </c>
      <c r="C11678" t="s">
        <v>816</v>
      </c>
      <c r="D11678" t="s">
        <v>10306</v>
      </c>
    </row>
    <row r="11679" spans="1:4" x14ac:dyDescent="0.4">
      <c r="A11679">
        <v>1006518</v>
      </c>
      <c r="B11679" t="s">
        <v>815</v>
      </c>
      <c r="C11679" t="s">
        <v>816</v>
      </c>
      <c r="D11679" t="s">
        <v>10307</v>
      </c>
    </row>
    <row r="11680" spans="1:4" x14ac:dyDescent="0.4">
      <c r="A11680">
        <v>1006519</v>
      </c>
      <c r="B11680" t="s">
        <v>815</v>
      </c>
      <c r="C11680" t="s">
        <v>816</v>
      </c>
      <c r="D11680" t="s">
        <v>10308</v>
      </c>
    </row>
    <row r="11681" spans="1:4" x14ac:dyDescent="0.4">
      <c r="A11681">
        <v>1006520</v>
      </c>
      <c r="B11681" t="s">
        <v>815</v>
      </c>
      <c r="C11681" t="s">
        <v>816</v>
      </c>
      <c r="D11681" t="s">
        <v>10309</v>
      </c>
    </row>
    <row r="11682" spans="1:4" x14ac:dyDescent="0.4">
      <c r="A11682">
        <v>1006521</v>
      </c>
      <c r="B11682" t="s">
        <v>815</v>
      </c>
      <c r="C11682" t="s">
        <v>816</v>
      </c>
      <c r="D11682" t="s">
        <v>10310</v>
      </c>
    </row>
    <row r="11683" spans="1:4" x14ac:dyDescent="0.4">
      <c r="A11683">
        <v>1006522</v>
      </c>
      <c r="B11683" t="s">
        <v>815</v>
      </c>
      <c r="C11683" t="s">
        <v>816</v>
      </c>
      <c r="D11683" t="s">
        <v>10311</v>
      </c>
    </row>
    <row r="11684" spans="1:4" x14ac:dyDescent="0.4">
      <c r="A11684">
        <v>1006523</v>
      </c>
      <c r="B11684" t="s">
        <v>815</v>
      </c>
      <c r="C11684" t="s">
        <v>816</v>
      </c>
      <c r="D11684" t="s">
        <v>10312</v>
      </c>
    </row>
    <row r="11685" spans="1:4" x14ac:dyDescent="0.4">
      <c r="A11685">
        <v>1006524</v>
      </c>
      <c r="B11685" t="s">
        <v>815</v>
      </c>
      <c r="C11685" t="s">
        <v>816</v>
      </c>
      <c r="D11685" t="s">
        <v>10313</v>
      </c>
    </row>
    <row r="11686" spans="1:4" x14ac:dyDescent="0.4">
      <c r="A11686">
        <v>1006525</v>
      </c>
      <c r="B11686" t="s">
        <v>815</v>
      </c>
      <c r="C11686" t="s">
        <v>816</v>
      </c>
      <c r="D11686" t="s">
        <v>10314</v>
      </c>
    </row>
    <row r="11687" spans="1:4" x14ac:dyDescent="0.4">
      <c r="A11687">
        <v>1006526</v>
      </c>
      <c r="B11687" t="s">
        <v>815</v>
      </c>
      <c r="C11687" t="s">
        <v>816</v>
      </c>
      <c r="D11687" t="s">
        <v>10315</v>
      </c>
    </row>
    <row r="11688" spans="1:4" x14ac:dyDescent="0.4">
      <c r="A11688">
        <v>3501160</v>
      </c>
      <c r="B11688" t="s">
        <v>1636</v>
      </c>
      <c r="C11688" t="s">
        <v>9278</v>
      </c>
      <c r="D11688" t="s">
        <v>10316</v>
      </c>
    </row>
    <row r="11689" spans="1:4" x14ac:dyDescent="0.4">
      <c r="A11689">
        <v>3440059</v>
      </c>
      <c r="B11689" t="s">
        <v>1636</v>
      </c>
      <c r="C11689" t="s">
        <v>6160</v>
      </c>
      <c r="D11689" t="s">
        <v>10317</v>
      </c>
    </row>
    <row r="11690" spans="1:4" x14ac:dyDescent="0.4">
      <c r="A11690">
        <v>3440102</v>
      </c>
      <c r="B11690" t="s">
        <v>1636</v>
      </c>
      <c r="C11690" t="s">
        <v>6160</v>
      </c>
      <c r="D11690" t="s">
        <v>10318</v>
      </c>
    </row>
    <row r="11691" spans="1:4" x14ac:dyDescent="0.4">
      <c r="A11691">
        <v>3440006</v>
      </c>
      <c r="B11691" t="s">
        <v>1636</v>
      </c>
      <c r="C11691" t="s">
        <v>6160</v>
      </c>
      <c r="D11691" t="s">
        <v>10319</v>
      </c>
    </row>
    <row r="11692" spans="1:4" x14ac:dyDescent="0.4">
      <c r="A11692">
        <v>3440044</v>
      </c>
      <c r="B11692" t="s">
        <v>1636</v>
      </c>
      <c r="C11692" t="s">
        <v>6160</v>
      </c>
      <c r="D11692" t="s">
        <v>10320</v>
      </c>
    </row>
    <row r="11693" spans="1:4" x14ac:dyDescent="0.4">
      <c r="A11693">
        <v>3440054</v>
      </c>
      <c r="B11693" t="s">
        <v>1636</v>
      </c>
      <c r="C11693" t="s">
        <v>6160</v>
      </c>
      <c r="D11693" t="s">
        <v>10321</v>
      </c>
    </row>
    <row r="11694" spans="1:4" x14ac:dyDescent="0.4">
      <c r="A11694">
        <v>3440114</v>
      </c>
      <c r="B11694" t="s">
        <v>1636</v>
      </c>
      <c r="C11694" t="s">
        <v>6160</v>
      </c>
      <c r="D11694" t="s">
        <v>1601</v>
      </c>
    </row>
    <row r="11695" spans="1:4" x14ac:dyDescent="0.4">
      <c r="A11695">
        <v>3440005</v>
      </c>
      <c r="B11695" t="s">
        <v>1636</v>
      </c>
      <c r="C11695" t="s">
        <v>6160</v>
      </c>
      <c r="D11695" t="s">
        <v>10322</v>
      </c>
    </row>
    <row r="11696" spans="1:4" x14ac:dyDescent="0.4">
      <c r="A11696">
        <v>3440002</v>
      </c>
      <c r="B11696" t="s">
        <v>1636</v>
      </c>
      <c r="C11696" t="s">
        <v>6160</v>
      </c>
      <c r="D11696" t="s">
        <v>10323</v>
      </c>
    </row>
    <row r="11697" spans="1:4" x14ac:dyDescent="0.4">
      <c r="A11697">
        <v>3440032</v>
      </c>
      <c r="B11697" t="s">
        <v>1636</v>
      </c>
      <c r="C11697" t="s">
        <v>6160</v>
      </c>
      <c r="D11697" t="s">
        <v>10324</v>
      </c>
    </row>
    <row r="11698" spans="1:4" x14ac:dyDescent="0.4">
      <c r="A11698">
        <v>3440033</v>
      </c>
      <c r="B11698" t="s">
        <v>1636</v>
      </c>
      <c r="C11698" t="s">
        <v>6160</v>
      </c>
      <c r="D11698" t="s">
        <v>10325</v>
      </c>
    </row>
    <row r="11699" spans="1:4" x14ac:dyDescent="0.4">
      <c r="A11699">
        <v>3440011</v>
      </c>
      <c r="B11699" t="s">
        <v>1636</v>
      </c>
      <c r="C11699" t="s">
        <v>6160</v>
      </c>
      <c r="D11699" t="s">
        <v>10326</v>
      </c>
    </row>
    <row r="11700" spans="1:4" x14ac:dyDescent="0.4">
      <c r="A11700">
        <v>3440001</v>
      </c>
      <c r="B11700" t="s">
        <v>1636</v>
      </c>
      <c r="C11700" t="s">
        <v>6160</v>
      </c>
      <c r="D11700" t="s">
        <v>10327</v>
      </c>
    </row>
    <row r="11701" spans="1:4" x14ac:dyDescent="0.4">
      <c r="A11701">
        <v>3440016</v>
      </c>
      <c r="B11701" t="s">
        <v>1636</v>
      </c>
      <c r="C11701" t="s">
        <v>6160</v>
      </c>
      <c r="D11701" t="s">
        <v>10328</v>
      </c>
    </row>
    <row r="11702" spans="1:4" x14ac:dyDescent="0.4">
      <c r="A11702">
        <v>3440042</v>
      </c>
      <c r="B11702" t="s">
        <v>1636</v>
      </c>
      <c r="C11702" t="s">
        <v>6160</v>
      </c>
      <c r="D11702" t="s">
        <v>10329</v>
      </c>
    </row>
    <row r="11703" spans="1:4" x14ac:dyDescent="0.4">
      <c r="A11703">
        <v>3440041</v>
      </c>
      <c r="B11703" t="s">
        <v>1636</v>
      </c>
      <c r="C11703" t="s">
        <v>6160</v>
      </c>
      <c r="D11703" t="s">
        <v>10330</v>
      </c>
    </row>
    <row r="11704" spans="1:4" x14ac:dyDescent="0.4">
      <c r="A11704">
        <v>3440025</v>
      </c>
      <c r="B11704" t="s">
        <v>1636</v>
      </c>
      <c r="C11704" t="s">
        <v>6160</v>
      </c>
      <c r="D11704" t="s">
        <v>10331</v>
      </c>
    </row>
    <row r="11705" spans="1:4" x14ac:dyDescent="0.4">
      <c r="A11705">
        <v>3440063</v>
      </c>
      <c r="B11705" t="s">
        <v>1636</v>
      </c>
      <c r="C11705" t="s">
        <v>6160</v>
      </c>
      <c r="D11705" t="s">
        <v>1611</v>
      </c>
    </row>
    <row r="11706" spans="1:4" x14ac:dyDescent="0.4">
      <c r="A11706">
        <v>3440064</v>
      </c>
      <c r="B11706" t="s">
        <v>1636</v>
      </c>
      <c r="C11706" t="s">
        <v>6160</v>
      </c>
      <c r="D11706" t="s">
        <v>659</v>
      </c>
    </row>
    <row r="11707" spans="1:4" x14ac:dyDescent="0.4">
      <c r="A11707">
        <v>3440057</v>
      </c>
      <c r="B11707" t="s">
        <v>1636</v>
      </c>
      <c r="C11707" t="s">
        <v>6160</v>
      </c>
      <c r="D11707" t="s">
        <v>10332</v>
      </c>
    </row>
    <row r="11708" spans="1:4" x14ac:dyDescent="0.4">
      <c r="A11708">
        <v>3440048</v>
      </c>
      <c r="B11708" t="s">
        <v>1636</v>
      </c>
      <c r="C11708" t="s">
        <v>6160</v>
      </c>
      <c r="D11708" t="s">
        <v>10333</v>
      </c>
    </row>
    <row r="11709" spans="1:4" x14ac:dyDescent="0.4">
      <c r="A11709">
        <v>3440055</v>
      </c>
      <c r="B11709" t="s">
        <v>1636</v>
      </c>
      <c r="C11709" t="s">
        <v>6160</v>
      </c>
      <c r="D11709" t="s">
        <v>10334</v>
      </c>
    </row>
    <row r="11710" spans="1:4" x14ac:dyDescent="0.4">
      <c r="A11710">
        <v>3440065</v>
      </c>
      <c r="B11710" t="s">
        <v>1636</v>
      </c>
      <c r="C11710" t="s">
        <v>6160</v>
      </c>
      <c r="D11710" t="s">
        <v>1357</v>
      </c>
    </row>
    <row r="11711" spans="1:4" x14ac:dyDescent="0.4">
      <c r="A11711">
        <v>3440035</v>
      </c>
      <c r="B11711" t="s">
        <v>1636</v>
      </c>
      <c r="C11711" t="s">
        <v>6160</v>
      </c>
      <c r="D11711" t="s">
        <v>10335</v>
      </c>
    </row>
    <row r="11712" spans="1:4" x14ac:dyDescent="0.4">
      <c r="A11712">
        <v>3440066</v>
      </c>
      <c r="B11712" t="s">
        <v>1636</v>
      </c>
      <c r="C11712" t="s">
        <v>6160</v>
      </c>
      <c r="D11712" t="s">
        <v>519</v>
      </c>
    </row>
    <row r="11713" spans="1:4" x14ac:dyDescent="0.4">
      <c r="A11713">
        <v>3440131</v>
      </c>
      <c r="B11713" t="s">
        <v>1636</v>
      </c>
      <c r="C11713" t="s">
        <v>6160</v>
      </c>
      <c r="D11713" t="s">
        <v>10336</v>
      </c>
    </row>
    <row r="11714" spans="1:4" x14ac:dyDescent="0.4">
      <c r="A11714">
        <v>3440012</v>
      </c>
      <c r="B11714" t="s">
        <v>1636</v>
      </c>
      <c r="C11714" t="s">
        <v>6160</v>
      </c>
      <c r="D11714" t="s">
        <v>6159</v>
      </c>
    </row>
    <row r="11715" spans="1:4" x14ac:dyDescent="0.4">
      <c r="A11715">
        <v>3501300</v>
      </c>
      <c r="B11715" t="s">
        <v>1636</v>
      </c>
      <c r="C11715" t="s">
        <v>10337</v>
      </c>
    </row>
    <row r="11716" spans="1:4" x14ac:dyDescent="0.4">
      <c r="A11716">
        <v>3501301</v>
      </c>
      <c r="B11716" t="s">
        <v>1636</v>
      </c>
      <c r="C11716" t="s">
        <v>10337</v>
      </c>
      <c r="D11716" t="s">
        <v>578</v>
      </c>
    </row>
    <row r="11717" spans="1:4" x14ac:dyDescent="0.4">
      <c r="A11717">
        <v>3501324</v>
      </c>
      <c r="B11717" t="s">
        <v>1636</v>
      </c>
      <c r="C11717" t="s">
        <v>10337</v>
      </c>
      <c r="D11717" t="s">
        <v>7700</v>
      </c>
    </row>
    <row r="11718" spans="1:4" x14ac:dyDescent="0.4">
      <c r="A11718">
        <v>3501305</v>
      </c>
      <c r="B11718" t="s">
        <v>1636</v>
      </c>
      <c r="C11718" t="s">
        <v>10337</v>
      </c>
      <c r="D11718" t="s">
        <v>10338</v>
      </c>
    </row>
    <row r="11719" spans="1:4" x14ac:dyDescent="0.4">
      <c r="A11719">
        <v>3501323</v>
      </c>
      <c r="B11719" t="s">
        <v>1636</v>
      </c>
      <c r="C11719" t="s">
        <v>10337</v>
      </c>
      <c r="D11719" t="s">
        <v>10339</v>
      </c>
    </row>
    <row r="11720" spans="1:4" x14ac:dyDescent="0.4">
      <c r="A11720">
        <v>3501314</v>
      </c>
      <c r="B11720" t="s">
        <v>1636</v>
      </c>
      <c r="C11720" t="s">
        <v>10337</v>
      </c>
      <c r="D11720" t="s">
        <v>10340</v>
      </c>
    </row>
    <row r="11721" spans="1:4" x14ac:dyDescent="0.4">
      <c r="A11721">
        <v>3501335</v>
      </c>
      <c r="B11721" t="s">
        <v>1636</v>
      </c>
      <c r="C11721" t="s">
        <v>10337</v>
      </c>
      <c r="D11721" t="s">
        <v>630</v>
      </c>
    </row>
    <row r="11722" spans="1:4" x14ac:dyDescent="0.4">
      <c r="A11722">
        <v>3501336</v>
      </c>
      <c r="B11722" t="s">
        <v>1636</v>
      </c>
      <c r="C11722" t="s">
        <v>10337</v>
      </c>
      <c r="D11722" t="s">
        <v>10341</v>
      </c>
    </row>
    <row r="11723" spans="1:4" x14ac:dyDescent="0.4">
      <c r="A11723">
        <v>3501313</v>
      </c>
      <c r="B11723" t="s">
        <v>1636</v>
      </c>
      <c r="C11723" t="s">
        <v>10337</v>
      </c>
      <c r="D11723" t="s">
        <v>10342</v>
      </c>
    </row>
    <row r="11724" spans="1:4" x14ac:dyDescent="0.4">
      <c r="A11724">
        <v>3501333</v>
      </c>
      <c r="B11724" t="s">
        <v>1636</v>
      </c>
      <c r="C11724" t="s">
        <v>10337</v>
      </c>
      <c r="D11724" t="s">
        <v>10343</v>
      </c>
    </row>
    <row r="11725" spans="1:4" x14ac:dyDescent="0.4">
      <c r="A11725">
        <v>3501321</v>
      </c>
      <c r="B11725" t="s">
        <v>1636</v>
      </c>
      <c r="C11725" t="s">
        <v>10337</v>
      </c>
      <c r="D11725" t="s">
        <v>10344</v>
      </c>
    </row>
    <row r="11726" spans="1:4" x14ac:dyDescent="0.4">
      <c r="A11726">
        <v>3501307</v>
      </c>
      <c r="B11726" t="s">
        <v>1636</v>
      </c>
      <c r="C11726" t="s">
        <v>10337</v>
      </c>
      <c r="D11726" t="s">
        <v>149</v>
      </c>
    </row>
    <row r="11727" spans="1:4" x14ac:dyDescent="0.4">
      <c r="A11727">
        <v>3501315</v>
      </c>
      <c r="B11727" t="s">
        <v>1636</v>
      </c>
      <c r="C11727" t="s">
        <v>10337</v>
      </c>
      <c r="D11727" t="s">
        <v>10345</v>
      </c>
    </row>
    <row r="11728" spans="1:4" x14ac:dyDescent="0.4">
      <c r="A11728">
        <v>3501327</v>
      </c>
      <c r="B11728" t="s">
        <v>1636</v>
      </c>
      <c r="C11728" t="s">
        <v>10337</v>
      </c>
      <c r="D11728" t="s">
        <v>10346</v>
      </c>
    </row>
    <row r="11729" spans="1:4" x14ac:dyDescent="0.4">
      <c r="A11729">
        <v>3501334</v>
      </c>
      <c r="B11729" t="s">
        <v>1636</v>
      </c>
      <c r="C11729" t="s">
        <v>10337</v>
      </c>
      <c r="D11729" t="s">
        <v>9148</v>
      </c>
    </row>
    <row r="11730" spans="1:4" x14ac:dyDescent="0.4">
      <c r="A11730">
        <v>3501304</v>
      </c>
      <c r="B11730" t="s">
        <v>1636</v>
      </c>
      <c r="C11730" t="s">
        <v>10337</v>
      </c>
      <c r="D11730" t="s">
        <v>6068</v>
      </c>
    </row>
    <row r="11731" spans="1:4" x14ac:dyDescent="0.4">
      <c r="A11731">
        <v>3501303</v>
      </c>
      <c r="B11731" t="s">
        <v>1636</v>
      </c>
      <c r="C11731" t="s">
        <v>10337</v>
      </c>
      <c r="D11731" t="s">
        <v>6724</v>
      </c>
    </row>
    <row r="11732" spans="1:4" x14ac:dyDescent="0.4">
      <c r="A11732">
        <v>3501332</v>
      </c>
      <c r="B11732" t="s">
        <v>1636</v>
      </c>
      <c r="C11732" t="s">
        <v>10337</v>
      </c>
      <c r="D11732" t="s">
        <v>10347</v>
      </c>
    </row>
    <row r="11733" spans="1:4" x14ac:dyDescent="0.4">
      <c r="A11733">
        <v>3501322</v>
      </c>
      <c r="B11733" t="s">
        <v>1636</v>
      </c>
      <c r="C11733" t="s">
        <v>10337</v>
      </c>
      <c r="D11733" t="s">
        <v>10348</v>
      </c>
    </row>
    <row r="11734" spans="1:4" x14ac:dyDescent="0.4">
      <c r="A11734">
        <v>3501331</v>
      </c>
      <c r="B11734" t="s">
        <v>1636</v>
      </c>
      <c r="C11734" t="s">
        <v>10337</v>
      </c>
      <c r="D11734" t="s">
        <v>10349</v>
      </c>
    </row>
    <row r="11735" spans="1:4" x14ac:dyDescent="0.4">
      <c r="A11735">
        <v>3501308</v>
      </c>
      <c r="B11735" t="s">
        <v>1636</v>
      </c>
      <c r="C11735" t="s">
        <v>10337</v>
      </c>
      <c r="D11735" t="s">
        <v>184</v>
      </c>
    </row>
    <row r="11736" spans="1:4" x14ac:dyDescent="0.4">
      <c r="A11736">
        <v>3501326</v>
      </c>
      <c r="B11736" t="s">
        <v>1636</v>
      </c>
      <c r="C11736" t="s">
        <v>10337</v>
      </c>
      <c r="D11736" t="s">
        <v>10350</v>
      </c>
    </row>
    <row r="11737" spans="1:4" x14ac:dyDescent="0.4">
      <c r="A11737">
        <v>3501311</v>
      </c>
      <c r="B11737" t="s">
        <v>1636</v>
      </c>
      <c r="C11737" t="s">
        <v>10337</v>
      </c>
      <c r="D11737" t="s">
        <v>8197</v>
      </c>
    </row>
    <row r="11738" spans="1:4" x14ac:dyDescent="0.4">
      <c r="A11738">
        <v>3501325</v>
      </c>
      <c r="B11738" t="s">
        <v>1636</v>
      </c>
      <c r="C11738" t="s">
        <v>10337</v>
      </c>
      <c r="D11738" t="s">
        <v>199</v>
      </c>
    </row>
    <row r="11739" spans="1:4" x14ac:dyDescent="0.4">
      <c r="A11739">
        <v>3501302</v>
      </c>
      <c r="B11739" t="s">
        <v>1636</v>
      </c>
      <c r="C11739" t="s">
        <v>10337</v>
      </c>
      <c r="D11739" t="s">
        <v>10351</v>
      </c>
    </row>
    <row r="11740" spans="1:4" x14ac:dyDescent="0.4">
      <c r="A11740">
        <v>3501319</v>
      </c>
      <c r="B11740" t="s">
        <v>1636</v>
      </c>
      <c r="C11740" t="s">
        <v>10337</v>
      </c>
      <c r="D11740" t="s">
        <v>460</v>
      </c>
    </row>
    <row r="11741" spans="1:4" x14ac:dyDescent="0.4">
      <c r="A11741">
        <v>3501328</v>
      </c>
      <c r="B11741" t="s">
        <v>1636</v>
      </c>
      <c r="C11741" t="s">
        <v>10337</v>
      </c>
      <c r="D11741" t="s">
        <v>10352</v>
      </c>
    </row>
    <row r="11742" spans="1:4" x14ac:dyDescent="0.4">
      <c r="A11742">
        <v>3501320</v>
      </c>
      <c r="B11742" t="s">
        <v>1636</v>
      </c>
      <c r="C11742" t="s">
        <v>10337</v>
      </c>
      <c r="D11742" t="s">
        <v>10353</v>
      </c>
    </row>
    <row r="11743" spans="1:4" x14ac:dyDescent="0.4">
      <c r="A11743">
        <v>3501306</v>
      </c>
      <c r="B11743" t="s">
        <v>1636</v>
      </c>
      <c r="C11743" t="s">
        <v>10337</v>
      </c>
      <c r="D11743" t="s">
        <v>207</v>
      </c>
    </row>
    <row r="11744" spans="1:4" x14ac:dyDescent="0.4">
      <c r="A11744">
        <v>3501312</v>
      </c>
      <c r="B11744" t="s">
        <v>1636</v>
      </c>
      <c r="C11744" t="s">
        <v>10337</v>
      </c>
      <c r="D11744" t="s">
        <v>10354</v>
      </c>
    </row>
    <row r="11745" spans="1:4" x14ac:dyDescent="0.4">
      <c r="A11745">
        <v>3501317</v>
      </c>
      <c r="B11745" t="s">
        <v>1636</v>
      </c>
      <c r="C11745" t="s">
        <v>10337</v>
      </c>
      <c r="D11745" t="s">
        <v>10355</v>
      </c>
    </row>
    <row r="11746" spans="1:4" x14ac:dyDescent="0.4">
      <c r="A11746">
        <v>3501316</v>
      </c>
      <c r="B11746" t="s">
        <v>1636</v>
      </c>
      <c r="C11746" t="s">
        <v>10337</v>
      </c>
      <c r="D11746" t="s">
        <v>10356</v>
      </c>
    </row>
    <row r="11747" spans="1:4" x14ac:dyDescent="0.4">
      <c r="A11747">
        <v>3480000</v>
      </c>
      <c r="B11747" t="s">
        <v>1636</v>
      </c>
      <c r="C11747" t="s">
        <v>1641</v>
      </c>
    </row>
    <row r="11748" spans="1:4" x14ac:dyDescent="0.4">
      <c r="A11748">
        <v>3480061</v>
      </c>
      <c r="B11748" t="s">
        <v>1636</v>
      </c>
      <c r="C11748" t="s">
        <v>1641</v>
      </c>
      <c r="D11748" t="s">
        <v>10357</v>
      </c>
    </row>
    <row r="11749" spans="1:4" x14ac:dyDescent="0.4">
      <c r="A11749">
        <v>3480017</v>
      </c>
      <c r="B11749" t="s">
        <v>1636</v>
      </c>
      <c r="C11749" t="s">
        <v>1641</v>
      </c>
      <c r="D11749" t="s">
        <v>1713</v>
      </c>
    </row>
    <row r="11750" spans="1:4" x14ac:dyDescent="0.4">
      <c r="A11750">
        <v>3480016</v>
      </c>
      <c r="B11750" t="s">
        <v>1636</v>
      </c>
      <c r="C11750" t="s">
        <v>1641</v>
      </c>
      <c r="D11750" t="s">
        <v>416</v>
      </c>
    </row>
    <row r="11751" spans="1:4" x14ac:dyDescent="0.4">
      <c r="A11751">
        <v>3480062</v>
      </c>
      <c r="B11751" t="s">
        <v>1636</v>
      </c>
      <c r="C11751" t="s">
        <v>1641</v>
      </c>
      <c r="D11751" t="s">
        <v>669</v>
      </c>
    </row>
    <row r="11752" spans="1:4" x14ac:dyDescent="0.4">
      <c r="A11752">
        <v>3480031</v>
      </c>
      <c r="B11752" t="s">
        <v>1636</v>
      </c>
      <c r="C11752" t="s">
        <v>1641</v>
      </c>
      <c r="D11752" t="s">
        <v>10358</v>
      </c>
    </row>
    <row r="11753" spans="1:4" x14ac:dyDescent="0.4">
      <c r="A11753">
        <v>3480044</v>
      </c>
      <c r="B11753" t="s">
        <v>1636</v>
      </c>
      <c r="C11753" t="s">
        <v>1641</v>
      </c>
      <c r="D11753" t="s">
        <v>10359</v>
      </c>
    </row>
    <row r="11754" spans="1:4" x14ac:dyDescent="0.4">
      <c r="A11754">
        <v>3480035</v>
      </c>
      <c r="B11754" t="s">
        <v>1636</v>
      </c>
      <c r="C11754" t="s">
        <v>1641</v>
      </c>
      <c r="D11754" t="s">
        <v>6346</v>
      </c>
    </row>
    <row r="11755" spans="1:4" x14ac:dyDescent="0.4">
      <c r="A11755">
        <v>3480056</v>
      </c>
      <c r="B11755" t="s">
        <v>1636</v>
      </c>
      <c r="C11755" t="s">
        <v>1641</v>
      </c>
      <c r="D11755" t="s">
        <v>10360</v>
      </c>
    </row>
    <row r="11756" spans="1:4" x14ac:dyDescent="0.4">
      <c r="A11756">
        <v>3480041</v>
      </c>
      <c r="B11756" t="s">
        <v>1636</v>
      </c>
      <c r="C11756" t="s">
        <v>1641</v>
      </c>
      <c r="D11756" t="s">
        <v>10361</v>
      </c>
    </row>
    <row r="11757" spans="1:4" x14ac:dyDescent="0.4">
      <c r="A11757">
        <v>3480025</v>
      </c>
      <c r="B11757" t="s">
        <v>1636</v>
      </c>
      <c r="C11757" t="s">
        <v>1641</v>
      </c>
      <c r="D11757" t="s">
        <v>10362</v>
      </c>
    </row>
    <row r="11758" spans="1:4" x14ac:dyDescent="0.4">
      <c r="A11758">
        <v>3480027</v>
      </c>
      <c r="B11758" t="s">
        <v>1636</v>
      </c>
      <c r="C11758" t="s">
        <v>1641</v>
      </c>
      <c r="D11758" t="s">
        <v>10363</v>
      </c>
    </row>
    <row r="11759" spans="1:4" x14ac:dyDescent="0.4">
      <c r="A11759">
        <v>3480005</v>
      </c>
      <c r="B11759" t="s">
        <v>1636</v>
      </c>
      <c r="C11759" t="s">
        <v>1641</v>
      </c>
      <c r="D11759" t="s">
        <v>10364</v>
      </c>
    </row>
    <row r="11760" spans="1:4" x14ac:dyDescent="0.4">
      <c r="A11760">
        <v>3480039</v>
      </c>
      <c r="B11760" t="s">
        <v>1636</v>
      </c>
      <c r="C11760" t="s">
        <v>1641</v>
      </c>
      <c r="D11760" t="s">
        <v>5866</v>
      </c>
    </row>
    <row r="11761" spans="1:4" x14ac:dyDescent="0.4">
      <c r="A11761">
        <v>3480014</v>
      </c>
      <c r="B11761" t="s">
        <v>1636</v>
      </c>
      <c r="C11761" t="s">
        <v>1641</v>
      </c>
      <c r="D11761" t="s">
        <v>10365</v>
      </c>
    </row>
    <row r="11762" spans="1:4" x14ac:dyDescent="0.4">
      <c r="A11762">
        <v>3480057</v>
      </c>
      <c r="B11762" t="s">
        <v>1636</v>
      </c>
      <c r="C11762" t="s">
        <v>1641</v>
      </c>
      <c r="D11762" t="s">
        <v>3561</v>
      </c>
    </row>
    <row r="11763" spans="1:4" x14ac:dyDescent="0.4">
      <c r="A11763">
        <v>3480015</v>
      </c>
      <c r="B11763" t="s">
        <v>1636</v>
      </c>
      <c r="C11763" t="s">
        <v>1641</v>
      </c>
      <c r="D11763" t="s">
        <v>10366</v>
      </c>
    </row>
    <row r="11764" spans="1:4" x14ac:dyDescent="0.4">
      <c r="A11764">
        <v>3480028</v>
      </c>
      <c r="B11764" t="s">
        <v>1636</v>
      </c>
      <c r="C11764" t="s">
        <v>1641</v>
      </c>
      <c r="D11764" t="s">
        <v>10367</v>
      </c>
    </row>
    <row r="11765" spans="1:4" x14ac:dyDescent="0.4">
      <c r="A11765">
        <v>3480043</v>
      </c>
      <c r="B11765" t="s">
        <v>1636</v>
      </c>
      <c r="C11765" t="s">
        <v>1641</v>
      </c>
      <c r="D11765" t="s">
        <v>10368</v>
      </c>
    </row>
    <row r="11766" spans="1:4" x14ac:dyDescent="0.4">
      <c r="A11766">
        <v>3480024</v>
      </c>
      <c r="B11766" t="s">
        <v>1636</v>
      </c>
      <c r="C11766" t="s">
        <v>1641</v>
      </c>
      <c r="D11766" t="s">
        <v>6130</v>
      </c>
    </row>
    <row r="11767" spans="1:4" x14ac:dyDescent="0.4">
      <c r="A11767">
        <v>3480042</v>
      </c>
      <c r="B11767" t="s">
        <v>1636</v>
      </c>
      <c r="C11767" t="s">
        <v>1641</v>
      </c>
      <c r="D11767" t="s">
        <v>10369</v>
      </c>
    </row>
    <row r="11768" spans="1:4" x14ac:dyDescent="0.4">
      <c r="A11768">
        <v>3480037</v>
      </c>
      <c r="B11768" t="s">
        <v>1636</v>
      </c>
      <c r="C11768" t="s">
        <v>1641</v>
      </c>
      <c r="D11768" t="s">
        <v>1670</v>
      </c>
    </row>
    <row r="11769" spans="1:4" x14ac:dyDescent="0.4">
      <c r="A11769">
        <v>3480038</v>
      </c>
      <c r="B11769" t="s">
        <v>1636</v>
      </c>
      <c r="C11769" t="s">
        <v>1641</v>
      </c>
      <c r="D11769" t="s">
        <v>10370</v>
      </c>
    </row>
    <row r="11770" spans="1:4" x14ac:dyDescent="0.4">
      <c r="A11770">
        <v>3480045</v>
      </c>
      <c r="B11770" t="s">
        <v>1636</v>
      </c>
      <c r="C11770" t="s">
        <v>1641</v>
      </c>
      <c r="D11770" t="s">
        <v>10371</v>
      </c>
    </row>
    <row r="11771" spans="1:4" x14ac:dyDescent="0.4">
      <c r="A11771">
        <v>3480034</v>
      </c>
      <c r="B11771" t="s">
        <v>1636</v>
      </c>
      <c r="C11771" t="s">
        <v>1641</v>
      </c>
      <c r="D11771" t="s">
        <v>5878</v>
      </c>
    </row>
    <row r="11772" spans="1:4" x14ac:dyDescent="0.4">
      <c r="A11772">
        <v>3480047</v>
      </c>
      <c r="B11772" t="s">
        <v>1636</v>
      </c>
      <c r="C11772" t="s">
        <v>1641</v>
      </c>
      <c r="D11772" t="s">
        <v>10372</v>
      </c>
    </row>
    <row r="11773" spans="1:4" x14ac:dyDescent="0.4">
      <c r="A11773">
        <v>3480048</v>
      </c>
      <c r="B11773" t="s">
        <v>1636</v>
      </c>
      <c r="C11773" t="s">
        <v>1641</v>
      </c>
      <c r="D11773" t="s">
        <v>2198</v>
      </c>
    </row>
    <row r="11774" spans="1:4" x14ac:dyDescent="0.4">
      <c r="A11774">
        <v>3480022</v>
      </c>
      <c r="B11774" t="s">
        <v>1636</v>
      </c>
      <c r="C11774" t="s">
        <v>1641</v>
      </c>
      <c r="D11774" t="s">
        <v>10373</v>
      </c>
    </row>
    <row r="11775" spans="1:4" x14ac:dyDescent="0.4">
      <c r="A11775">
        <v>3480026</v>
      </c>
      <c r="B11775" t="s">
        <v>1636</v>
      </c>
      <c r="C11775" t="s">
        <v>1641</v>
      </c>
      <c r="D11775" t="s">
        <v>10374</v>
      </c>
    </row>
    <row r="11776" spans="1:4" x14ac:dyDescent="0.4">
      <c r="A11776">
        <v>3480006</v>
      </c>
      <c r="B11776" t="s">
        <v>1636</v>
      </c>
      <c r="C11776" t="s">
        <v>1641</v>
      </c>
      <c r="D11776" t="s">
        <v>10375</v>
      </c>
    </row>
    <row r="11777" spans="1:4" x14ac:dyDescent="0.4">
      <c r="A11777">
        <v>3480033</v>
      </c>
      <c r="B11777" t="s">
        <v>1636</v>
      </c>
      <c r="C11777" t="s">
        <v>1641</v>
      </c>
      <c r="D11777" t="s">
        <v>10376</v>
      </c>
    </row>
    <row r="11778" spans="1:4" x14ac:dyDescent="0.4">
      <c r="A11778">
        <v>3480036</v>
      </c>
      <c r="B11778" t="s">
        <v>1636</v>
      </c>
      <c r="C11778" t="s">
        <v>1641</v>
      </c>
      <c r="D11778" t="s">
        <v>10377</v>
      </c>
    </row>
    <row r="11779" spans="1:4" x14ac:dyDescent="0.4">
      <c r="A11779">
        <v>3480058</v>
      </c>
      <c r="B11779" t="s">
        <v>1636</v>
      </c>
      <c r="C11779" t="s">
        <v>1641</v>
      </c>
      <c r="D11779" t="s">
        <v>184</v>
      </c>
    </row>
    <row r="11780" spans="1:4" x14ac:dyDescent="0.4">
      <c r="A11780">
        <v>3480001</v>
      </c>
      <c r="B11780" t="s">
        <v>1636</v>
      </c>
      <c r="C11780" t="s">
        <v>1641</v>
      </c>
      <c r="D11780" t="s">
        <v>6218</v>
      </c>
    </row>
    <row r="11781" spans="1:4" x14ac:dyDescent="0.4">
      <c r="A11781">
        <v>1006527</v>
      </c>
      <c r="B11781" t="s">
        <v>815</v>
      </c>
      <c r="C11781" t="s">
        <v>816</v>
      </c>
      <c r="D11781" t="s">
        <v>10378</v>
      </c>
    </row>
    <row r="11782" spans="1:4" x14ac:dyDescent="0.4">
      <c r="A11782">
        <v>1631442</v>
      </c>
      <c r="B11782" t="s">
        <v>815</v>
      </c>
      <c r="C11782" t="s">
        <v>820</v>
      </c>
      <c r="D11782" t="s">
        <v>10379</v>
      </c>
    </row>
    <row r="11783" spans="1:4" x14ac:dyDescent="0.4">
      <c r="A11783">
        <v>1631443</v>
      </c>
      <c r="B11783" t="s">
        <v>815</v>
      </c>
      <c r="C11783" t="s">
        <v>820</v>
      </c>
      <c r="D11783" t="s">
        <v>10380</v>
      </c>
    </row>
    <row r="11784" spans="1:4" x14ac:dyDescent="0.4">
      <c r="A11784">
        <v>1631444</v>
      </c>
      <c r="B11784" t="s">
        <v>815</v>
      </c>
      <c r="C11784" t="s">
        <v>820</v>
      </c>
      <c r="D11784" t="s">
        <v>10381</v>
      </c>
    </row>
    <row r="11785" spans="1:4" x14ac:dyDescent="0.4">
      <c r="A11785">
        <v>1631445</v>
      </c>
      <c r="B11785" t="s">
        <v>815</v>
      </c>
      <c r="C11785" t="s">
        <v>820</v>
      </c>
      <c r="D11785" t="s">
        <v>10382</v>
      </c>
    </row>
    <row r="11786" spans="1:4" x14ac:dyDescent="0.4">
      <c r="A11786">
        <v>1631446</v>
      </c>
      <c r="B11786" t="s">
        <v>815</v>
      </c>
      <c r="C11786" t="s">
        <v>820</v>
      </c>
      <c r="D11786" t="s">
        <v>10383</v>
      </c>
    </row>
    <row r="11787" spans="1:4" x14ac:dyDescent="0.4">
      <c r="A11787">
        <v>1631447</v>
      </c>
      <c r="B11787" t="s">
        <v>815</v>
      </c>
      <c r="C11787" t="s">
        <v>820</v>
      </c>
      <c r="D11787" t="s">
        <v>10384</v>
      </c>
    </row>
    <row r="11788" spans="1:4" x14ac:dyDescent="0.4">
      <c r="A11788">
        <v>1631448</v>
      </c>
      <c r="B11788" t="s">
        <v>815</v>
      </c>
      <c r="C11788" t="s">
        <v>820</v>
      </c>
      <c r="D11788" t="s">
        <v>10385</v>
      </c>
    </row>
    <row r="11789" spans="1:4" x14ac:dyDescent="0.4">
      <c r="A11789">
        <v>1631449</v>
      </c>
      <c r="B11789" t="s">
        <v>815</v>
      </c>
      <c r="C11789" t="s">
        <v>820</v>
      </c>
      <c r="D11789" t="s">
        <v>10386</v>
      </c>
    </row>
    <row r="11790" spans="1:4" x14ac:dyDescent="0.4">
      <c r="A11790">
        <v>1631450</v>
      </c>
      <c r="B11790" t="s">
        <v>815</v>
      </c>
      <c r="C11790" t="s">
        <v>820</v>
      </c>
      <c r="D11790" t="s">
        <v>10387</v>
      </c>
    </row>
    <row r="11791" spans="1:4" x14ac:dyDescent="0.4">
      <c r="A11791">
        <v>1631451</v>
      </c>
      <c r="B11791" t="s">
        <v>815</v>
      </c>
      <c r="C11791" t="s">
        <v>820</v>
      </c>
      <c r="D11791" t="s">
        <v>10388</v>
      </c>
    </row>
    <row r="11792" spans="1:4" x14ac:dyDescent="0.4">
      <c r="A11792">
        <v>1631452</v>
      </c>
      <c r="B11792" t="s">
        <v>815</v>
      </c>
      <c r="C11792" t="s">
        <v>820</v>
      </c>
      <c r="D11792" t="s">
        <v>10389</v>
      </c>
    </row>
    <row r="11793" spans="1:4" x14ac:dyDescent="0.4">
      <c r="A11793">
        <v>1631453</v>
      </c>
      <c r="B11793" t="s">
        <v>815</v>
      </c>
      <c r="C11793" t="s">
        <v>820</v>
      </c>
      <c r="D11793" t="s">
        <v>10390</v>
      </c>
    </row>
    <row r="11794" spans="1:4" x14ac:dyDescent="0.4">
      <c r="A11794">
        <v>1631454</v>
      </c>
      <c r="B11794" t="s">
        <v>815</v>
      </c>
      <c r="C11794" t="s">
        <v>820</v>
      </c>
      <c r="D11794" t="s">
        <v>10391</v>
      </c>
    </row>
    <row r="11795" spans="1:4" x14ac:dyDescent="0.4">
      <c r="A11795">
        <v>1620051</v>
      </c>
      <c r="B11795" t="s">
        <v>815</v>
      </c>
      <c r="C11795" t="s">
        <v>820</v>
      </c>
      <c r="D11795" t="s">
        <v>10392</v>
      </c>
    </row>
    <row r="11796" spans="1:4" x14ac:dyDescent="0.4">
      <c r="A11796">
        <v>1690051</v>
      </c>
      <c r="B11796" t="s">
        <v>815</v>
      </c>
      <c r="C11796" t="s">
        <v>820</v>
      </c>
      <c r="D11796" t="s">
        <v>10393</v>
      </c>
    </row>
    <row r="11797" spans="1:4" x14ac:dyDescent="0.4">
      <c r="A11797">
        <v>1620855</v>
      </c>
      <c r="B11797" t="s">
        <v>815</v>
      </c>
      <c r="C11797" t="s">
        <v>820</v>
      </c>
      <c r="D11797" t="s">
        <v>10394</v>
      </c>
    </row>
    <row r="11798" spans="1:4" x14ac:dyDescent="0.4">
      <c r="A11798">
        <v>1620045</v>
      </c>
      <c r="B11798" t="s">
        <v>815</v>
      </c>
      <c r="C11798" t="s">
        <v>820</v>
      </c>
      <c r="D11798" t="s">
        <v>10395</v>
      </c>
    </row>
    <row r="11799" spans="1:4" x14ac:dyDescent="0.4">
      <c r="A11799">
        <v>1620841</v>
      </c>
      <c r="B11799" t="s">
        <v>815</v>
      </c>
      <c r="C11799" t="s">
        <v>820</v>
      </c>
      <c r="D11799" t="s">
        <v>10396</v>
      </c>
    </row>
    <row r="11800" spans="1:4" x14ac:dyDescent="0.4">
      <c r="A11800">
        <v>1620053</v>
      </c>
      <c r="B11800" t="s">
        <v>815</v>
      </c>
      <c r="C11800" t="s">
        <v>820</v>
      </c>
      <c r="D11800" t="s">
        <v>26</v>
      </c>
    </row>
    <row r="11801" spans="1:4" x14ac:dyDescent="0.4">
      <c r="A11801">
        <v>1620807</v>
      </c>
      <c r="B11801" t="s">
        <v>815</v>
      </c>
      <c r="C11801" t="s">
        <v>820</v>
      </c>
      <c r="D11801" t="s">
        <v>10397</v>
      </c>
    </row>
    <row r="11802" spans="1:4" x14ac:dyDescent="0.4">
      <c r="A11802">
        <v>1620813</v>
      </c>
      <c r="B11802" t="s">
        <v>815</v>
      </c>
      <c r="C11802" t="s">
        <v>820</v>
      </c>
      <c r="D11802" t="s">
        <v>10398</v>
      </c>
    </row>
    <row r="11803" spans="1:4" x14ac:dyDescent="0.4">
      <c r="A11803">
        <v>1690073</v>
      </c>
      <c r="B11803" t="s">
        <v>815</v>
      </c>
      <c r="C11803" t="s">
        <v>820</v>
      </c>
      <c r="D11803" t="s">
        <v>10399</v>
      </c>
    </row>
    <row r="11804" spans="1:4" x14ac:dyDescent="0.4">
      <c r="A11804">
        <v>1620828</v>
      </c>
      <c r="B11804" t="s">
        <v>815</v>
      </c>
      <c r="C11804" t="s">
        <v>820</v>
      </c>
      <c r="D11804" t="s">
        <v>5135</v>
      </c>
    </row>
    <row r="11805" spans="1:4" x14ac:dyDescent="0.4">
      <c r="A11805">
        <v>1600006</v>
      </c>
      <c r="B11805" t="s">
        <v>815</v>
      </c>
      <c r="C11805" t="s">
        <v>820</v>
      </c>
      <c r="D11805" t="s">
        <v>10400</v>
      </c>
    </row>
    <row r="11806" spans="1:4" x14ac:dyDescent="0.4">
      <c r="A11806">
        <v>1620851</v>
      </c>
      <c r="B11806" t="s">
        <v>815</v>
      </c>
      <c r="C11806" t="s">
        <v>820</v>
      </c>
      <c r="D11806" t="s">
        <v>8721</v>
      </c>
    </row>
    <row r="11807" spans="1:4" x14ac:dyDescent="0.4">
      <c r="A11807">
        <v>1600003</v>
      </c>
      <c r="B11807" t="s">
        <v>815</v>
      </c>
      <c r="C11807" t="s">
        <v>820</v>
      </c>
      <c r="D11807" t="s">
        <v>10401</v>
      </c>
    </row>
    <row r="11808" spans="1:4" x14ac:dyDescent="0.4">
      <c r="A11808">
        <v>1620852</v>
      </c>
      <c r="B11808" t="s">
        <v>815</v>
      </c>
      <c r="C11808" t="s">
        <v>820</v>
      </c>
      <c r="D11808" t="s">
        <v>10402</v>
      </c>
    </row>
    <row r="11809" spans="1:4" x14ac:dyDescent="0.4">
      <c r="A11809">
        <v>1620836</v>
      </c>
      <c r="B11809" t="s">
        <v>815</v>
      </c>
      <c r="C11809" t="s">
        <v>820</v>
      </c>
      <c r="D11809" t="s">
        <v>1615</v>
      </c>
    </row>
    <row r="11810" spans="1:4" x14ac:dyDescent="0.4">
      <c r="A11810">
        <v>1600012</v>
      </c>
      <c r="B11810" t="s">
        <v>815</v>
      </c>
      <c r="C11810" t="s">
        <v>820</v>
      </c>
      <c r="D11810" t="s">
        <v>10403</v>
      </c>
    </row>
    <row r="11811" spans="1:4" x14ac:dyDescent="0.4">
      <c r="A11811">
        <v>1620854</v>
      </c>
      <c r="B11811" t="s">
        <v>815</v>
      </c>
      <c r="C11811" t="s">
        <v>820</v>
      </c>
      <c r="D11811" t="s">
        <v>10404</v>
      </c>
    </row>
    <row r="11812" spans="1:4" x14ac:dyDescent="0.4">
      <c r="A11812">
        <v>1620801</v>
      </c>
      <c r="B11812" t="s">
        <v>815</v>
      </c>
      <c r="C11812" t="s">
        <v>820</v>
      </c>
      <c r="D11812" t="s">
        <v>7825</v>
      </c>
    </row>
    <row r="11813" spans="1:4" x14ac:dyDescent="0.4">
      <c r="A11813">
        <v>1620805</v>
      </c>
      <c r="B11813" t="s">
        <v>815</v>
      </c>
      <c r="C11813" t="s">
        <v>820</v>
      </c>
      <c r="D11813" t="s">
        <v>10405</v>
      </c>
    </row>
    <row r="11814" spans="1:4" x14ac:dyDescent="0.4">
      <c r="A11814">
        <v>1620831</v>
      </c>
      <c r="B11814" t="s">
        <v>815</v>
      </c>
      <c r="C11814" t="s">
        <v>820</v>
      </c>
      <c r="D11814" t="s">
        <v>10406</v>
      </c>
    </row>
    <row r="11815" spans="1:4" x14ac:dyDescent="0.4">
      <c r="A11815">
        <v>1620055</v>
      </c>
      <c r="B11815" t="s">
        <v>815</v>
      </c>
      <c r="C11815" t="s">
        <v>820</v>
      </c>
      <c r="D11815" t="s">
        <v>10407</v>
      </c>
    </row>
    <row r="11816" spans="1:4" x14ac:dyDescent="0.4">
      <c r="A11816">
        <v>1600004</v>
      </c>
      <c r="B11816" t="s">
        <v>815</v>
      </c>
      <c r="C11816" t="s">
        <v>820</v>
      </c>
      <c r="D11816" t="s">
        <v>1860</v>
      </c>
    </row>
    <row r="11817" spans="1:4" x14ac:dyDescent="0.4">
      <c r="A11817">
        <v>1600011</v>
      </c>
      <c r="B11817" t="s">
        <v>815</v>
      </c>
      <c r="C11817" t="s">
        <v>820</v>
      </c>
      <c r="D11817" t="s">
        <v>119</v>
      </c>
    </row>
    <row r="11818" spans="1:4" x14ac:dyDescent="0.4">
      <c r="A11818">
        <v>1620056</v>
      </c>
      <c r="B11818" t="s">
        <v>815</v>
      </c>
      <c r="C11818" t="s">
        <v>820</v>
      </c>
      <c r="D11818" t="s">
        <v>32</v>
      </c>
    </row>
    <row r="11819" spans="1:4" x14ac:dyDescent="0.4">
      <c r="A11819">
        <v>1620827</v>
      </c>
      <c r="B11819" t="s">
        <v>815</v>
      </c>
      <c r="C11819" t="s">
        <v>820</v>
      </c>
      <c r="D11819" t="s">
        <v>7578</v>
      </c>
    </row>
    <row r="11820" spans="1:4" x14ac:dyDescent="0.4">
      <c r="A11820">
        <v>1620041</v>
      </c>
      <c r="B11820" t="s">
        <v>815</v>
      </c>
      <c r="C11820" t="s">
        <v>820</v>
      </c>
      <c r="D11820" t="s">
        <v>10408</v>
      </c>
    </row>
    <row r="11821" spans="1:4" x14ac:dyDescent="0.4">
      <c r="A11821">
        <v>1620043</v>
      </c>
      <c r="B11821" t="s">
        <v>815</v>
      </c>
      <c r="C11821" t="s">
        <v>820</v>
      </c>
      <c r="D11821" t="s">
        <v>10409</v>
      </c>
    </row>
    <row r="11822" spans="1:4" x14ac:dyDescent="0.4">
      <c r="A11822">
        <v>1620042</v>
      </c>
      <c r="B11822" t="s">
        <v>815</v>
      </c>
      <c r="C11822" t="s">
        <v>820</v>
      </c>
      <c r="D11822" t="s">
        <v>10410</v>
      </c>
    </row>
    <row r="11823" spans="1:4" x14ac:dyDescent="0.4">
      <c r="A11823">
        <v>1120000</v>
      </c>
      <c r="B11823" t="s">
        <v>815</v>
      </c>
      <c r="C11823" t="s">
        <v>822</v>
      </c>
    </row>
    <row r="11824" spans="1:4" x14ac:dyDescent="0.4">
      <c r="A11824">
        <v>1120012</v>
      </c>
      <c r="B11824" t="s">
        <v>815</v>
      </c>
      <c r="C11824" t="s">
        <v>822</v>
      </c>
      <c r="D11824" t="s">
        <v>1536</v>
      </c>
    </row>
    <row r="11825" spans="1:4" x14ac:dyDescent="0.4">
      <c r="A11825">
        <v>1120013</v>
      </c>
      <c r="B11825" t="s">
        <v>815</v>
      </c>
      <c r="C11825" t="s">
        <v>822</v>
      </c>
      <c r="D11825" t="s">
        <v>10411</v>
      </c>
    </row>
    <row r="11826" spans="1:4" x14ac:dyDescent="0.4">
      <c r="A11826">
        <v>3480003</v>
      </c>
      <c r="B11826" t="s">
        <v>1636</v>
      </c>
      <c r="C11826" t="s">
        <v>1641</v>
      </c>
      <c r="D11826" t="s">
        <v>10412</v>
      </c>
    </row>
    <row r="11827" spans="1:4" x14ac:dyDescent="0.4">
      <c r="A11827">
        <v>3480046</v>
      </c>
      <c r="B11827" t="s">
        <v>1636</v>
      </c>
      <c r="C11827" t="s">
        <v>1641</v>
      </c>
      <c r="D11827" t="s">
        <v>10413</v>
      </c>
    </row>
    <row r="11828" spans="1:4" x14ac:dyDescent="0.4">
      <c r="A11828">
        <v>3480021</v>
      </c>
      <c r="B11828" t="s">
        <v>1636</v>
      </c>
      <c r="C11828" t="s">
        <v>1641</v>
      </c>
      <c r="D11828" t="s">
        <v>10414</v>
      </c>
    </row>
    <row r="11829" spans="1:4" x14ac:dyDescent="0.4">
      <c r="A11829">
        <v>3480054</v>
      </c>
      <c r="B11829" t="s">
        <v>1636</v>
      </c>
      <c r="C11829" t="s">
        <v>1641</v>
      </c>
      <c r="D11829" t="s">
        <v>806</v>
      </c>
    </row>
    <row r="11830" spans="1:4" x14ac:dyDescent="0.4">
      <c r="A11830">
        <v>3480055</v>
      </c>
      <c r="B11830" t="s">
        <v>1636</v>
      </c>
      <c r="C11830" t="s">
        <v>1641</v>
      </c>
      <c r="D11830" t="s">
        <v>10415</v>
      </c>
    </row>
    <row r="11831" spans="1:4" x14ac:dyDescent="0.4">
      <c r="A11831">
        <v>3480052</v>
      </c>
      <c r="B11831" t="s">
        <v>1636</v>
      </c>
      <c r="C11831" t="s">
        <v>1641</v>
      </c>
      <c r="D11831" t="s">
        <v>1693</v>
      </c>
    </row>
    <row r="11832" spans="1:4" x14ac:dyDescent="0.4">
      <c r="A11832">
        <v>3480032</v>
      </c>
      <c r="B11832" t="s">
        <v>1636</v>
      </c>
      <c r="C11832" t="s">
        <v>1641</v>
      </c>
      <c r="D11832" t="s">
        <v>10416</v>
      </c>
    </row>
    <row r="11833" spans="1:4" x14ac:dyDescent="0.4">
      <c r="A11833">
        <v>3480013</v>
      </c>
      <c r="B11833" t="s">
        <v>1636</v>
      </c>
      <c r="C11833" t="s">
        <v>1641</v>
      </c>
      <c r="D11833" t="s">
        <v>10417</v>
      </c>
    </row>
    <row r="11834" spans="1:4" x14ac:dyDescent="0.4">
      <c r="A11834">
        <v>3480064</v>
      </c>
      <c r="B11834" t="s">
        <v>1636</v>
      </c>
      <c r="C11834" t="s">
        <v>1641</v>
      </c>
      <c r="D11834" t="s">
        <v>10418</v>
      </c>
    </row>
    <row r="11835" spans="1:4" x14ac:dyDescent="0.4">
      <c r="A11835">
        <v>3480065</v>
      </c>
      <c r="B11835" t="s">
        <v>1636</v>
      </c>
      <c r="C11835" t="s">
        <v>1641</v>
      </c>
      <c r="D11835" t="s">
        <v>10419</v>
      </c>
    </row>
    <row r="11836" spans="1:4" x14ac:dyDescent="0.4">
      <c r="A11836">
        <v>3480063</v>
      </c>
      <c r="B11836" t="s">
        <v>1636</v>
      </c>
      <c r="C11836" t="s">
        <v>1641</v>
      </c>
      <c r="D11836" t="s">
        <v>10420</v>
      </c>
    </row>
    <row r="11837" spans="1:4" x14ac:dyDescent="0.4">
      <c r="A11837">
        <v>3480051</v>
      </c>
      <c r="B11837" t="s">
        <v>1636</v>
      </c>
      <c r="C11837" t="s">
        <v>1641</v>
      </c>
      <c r="D11837" t="s">
        <v>10421</v>
      </c>
    </row>
    <row r="11838" spans="1:4" x14ac:dyDescent="0.4">
      <c r="A11838">
        <v>3480023</v>
      </c>
      <c r="B11838" t="s">
        <v>1636</v>
      </c>
      <c r="C11838" t="s">
        <v>1641</v>
      </c>
      <c r="D11838" t="s">
        <v>10422</v>
      </c>
    </row>
    <row r="11839" spans="1:4" x14ac:dyDescent="0.4">
      <c r="A11839">
        <v>1120003</v>
      </c>
      <c r="B11839" t="s">
        <v>815</v>
      </c>
      <c r="C11839" t="s">
        <v>822</v>
      </c>
      <c r="D11839" t="s">
        <v>7170</v>
      </c>
    </row>
    <row r="11840" spans="1:4" x14ac:dyDescent="0.4">
      <c r="A11840">
        <v>1120002</v>
      </c>
      <c r="B11840" t="s">
        <v>815</v>
      </c>
      <c r="C11840" t="s">
        <v>822</v>
      </c>
      <c r="D11840" t="s">
        <v>10423</v>
      </c>
    </row>
    <row r="11841" spans="1:4" x14ac:dyDescent="0.4">
      <c r="A11841">
        <v>1120004</v>
      </c>
      <c r="B11841" t="s">
        <v>815</v>
      </c>
      <c r="C11841" t="s">
        <v>822</v>
      </c>
      <c r="D11841" t="s">
        <v>10424</v>
      </c>
    </row>
    <row r="11842" spans="1:4" x14ac:dyDescent="0.4">
      <c r="A11842">
        <v>1120006</v>
      </c>
      <c r="B11842" t="s">
        <v>815</v>
      </c>
      <c r="C11842" t="s">
        <v>822</v>
      </c>
      <c r="D11842" t="s">
        <v>10425</v>
      </c>
    </row>
    <row r="11843" spans="1:4" x14ac:dyDescent="0.4">
      <c r="A11843">
        <v>1120005</v>
      </c>
      <c r="B11843" t="s">
        <v>815</v>
      </c>
      <c r="C11843" t="s">
        <v>822</v>
      </c>
      <c r="D11843" t="s">
        <v>10426</v>
      </c>
    </row>
    <row r="11844" spans="1:4" x14ac:dyDescent="0.4">
      <c r="A11844">
        <v>1120014</v>
      </c>
      <c r="B11844" t="s">
        <v>815</v>
      </c>
      <c r="C11844" t="s">
        <v>822</v>
      </c>
      <c r="D11844" t="s">
        <v>4449</v>
      </c>
    </row>
    <row r="11845" spans="1:4" x14ac:dyDescent="0.4">
      <c r="A11845">
        <v>1120011</v>
      </c>
      <c r="B11845" t="s">
        <v>815</v>
      </c>
      <c r="C11845" t="s">
        <v>822</v>
      </c>
      <c r="D11845" t="s">
        <v>904</v>
      </c>
    </row>
    <row r="11846" spans="1:4" x14ac:dyDescent="0.4">
      <c r="A11846">
        <v>1130022</v>
      </c>
      <c r="B11846" t="s">
        <v>815</v>
      </c>
      <c r="C11846" t="s">
        <v>822</v>
      </c>
      <c r="D11846" t="s">
        <v>10427</v>
      </c>
    </row>
    <row r="11847" spans="1:4" x14ac:dyDescent="0.4">
      <c r="A11847">
        <v>1130024</v>
      </c>
      <c r="B11847" t="s">
        <v>815</v>
      </c>
      <c r="C11847" t="s">
        <v>822</v>
      </c>
      <c r="D11847" t="s">
        <v>10428</v>
      </c>
    </row>
    <row r="11848" spans="1:4" x14ac:dyDescent="0.4">
      <c r="A11848">
        <v>1130031</v>
      </c>
      <c r="B11848" t="s">
        <v>815</v>
      </c>
      <c r="C11848" t="s">
        <v>822</v>
      </c>
      <c r="D11848" t="s">
        <v>10429</v>
      </c>
    </row>
    <row r="11849" spans="1:4" x14ac:dyDescent="0.4">
      <c r="A11849">
        <v>1130001</v>
      </c>
      <c r="B11849" t="s">
        <v>815</v>
      </c>
      <c r="C11849" t="s">
        <v>822</v>
      </c>
      <c r="D11849" t="s">
        <v>10430</v>
      </c>
    </row>
    <row r="11850" spans="1:4" x14ac:dyDescent="0.4">
      <c r="A11850">
        <v>1120001</v>
      </c>
      <c r="B11850" t="s">
        <v>815</v>
      </c>
      <c r="C11850" t="s">
        <v>822</v>
      </c>
      <c r="D11850" t="s">
        <v>10431</v>
      </c>
    </row>
    <row r="11851" spans="1:4" x14ac:dyDescent="0.4">
      <c r="A11851">
        <v>1130021</v>
      </c>
      <c r="B11851" t="s">
        <v>815</v>
      </c>
      <c r="C11851" t="s">
        <v>822</v>
      </c>
      <c r="D11851" t="s">
        <v>10432</v>
      </c>
    </row>
    <row r="11852" spans="1:4" x14ac:dyDescent="0.4">
      <c r="A11852">
        <v>1130033</v>
      </c>
      <c r="B11852" t="s">
        <v>815</v>
      </c>
      <c r="C11852" t="s">
        <v>822</v>
      </c>
      <c r="D11852" t="s">
        <v>210</v>
      </c>
    </row>
    <row r="11853" spans="1:4" x14ac:dyDescent="0.4">
      <c r="A11853">
        <v>1130023</v>
      </c>
      <c r="B11853" t="s">
        <v>815</v>
      </c>
      <c r="C11853" t="s">
        <v>822</v>
      </c>
      <c r="D11853" t="s">
        <v>10433</v>
      </c>
    </row>
    <row r="11854" spans="1:4" x14ac:dyDescent="0.4">
      <c r="A11854">
        <v>1006528</v>
      </c>
      <c r="B11854" t="s">
        <v>815</v>
      </c>
      <c r="C11854" t="s">
        <v>816</v>
      </c>
      <c r="D11854" t="s">
        <v>10434</v>
      </c>
    </row>
    <row r="11855" spans="1:4" x14ac:dyDescent="0.4">
      <c r="A11855">
        <v>1006529</v>
      </c>
      <c r="B11855" t="s">
        <v>815</v>
      </c>
      <c r="C11855" t="s">
        <v>816</v>
      </c>
      <c r="D11855" t="s">
        <v>10435</v>
      </c>
    </row>
    <row r="11856" spans="1:4" x14ac:dyDescent="0.4">
      <c r="A11856">
        <v>1006530</v>
      </c>
      <c r="B11856" t="s">
        <v>815</v>
      </c>
      <c r="C11856" t="s">
        <v>816</v>
      </c>
      <c r="D11856" t="s">
        <v>10436</v>
      </c>
    </row>
    <row r="11857" spans="1:4" x14ac:dyDescent="0.4">
      <c r="A11857">
        <v>1006531</v>
      </c>
      <c r="B11857" t="s">
        <v>815</v>
      </c>
      <c r="C11857" t="s">
        <v>816</v>
      </c>
      <c r="D11857" t="s">
        <v>10437</v>
      </c>
    </row>
    <row r="11858" spans="1:4" x14ac:dyDescent="0.4">
      <c r="A11858">
        <v>1006532</v>
      </c>
      <c r="B11858" t="s">
        <v>815</v>
      </c>
      <c r="C11858" t="s">
        <v>816</v>
      </c>
      <c r="D11858" t="s">
        <v>10438</v>
      </c>
    </row>
    <row r="11859" spans="1:4" x14ac:dyDescent="0.4">
      <c r="A11859">
        <v>1006533</v>
      </c>
      <c r="B11859" t="s">
        <v>815</v>
      </c>
      <c r="C11859" t="s">
        <v>816</v>
      </c>
      <c r="D11859" t="s">
        <v>10439</v>
      </c>
    </row>
    <row r="11860" spans="1:4" x14ac:dyDescent="0.4">
      <c r="A11860">
        <v>1006534</v>
      </c>
      <c r="B11860" t="s">
        <v>815</v>
      </c>
      <c r="C11860" t="s">
        <v>816</v>
      </c>
      <c r="D11860" t="s">
        <v>10440</v>
      </c>
    </row>
    <row r="11861" spans="1:4" x14ac:dyDescent="0.4">
      <c r="A11861">
        <v>1006535</v>
      </c>
      <c r="B11861" t="s">
        <v>815</v>
      </c>
      <c r="C11861" t="s">
        <v>816</v>
      </c>
      <c r="D11861" t="s">
        <v>10441</v>
      </c>
    </row>
    <row r="11862" spans="1:4" x14ac:dyDescent="0.4">
      <c r="A11862">
        <v>1006536</v>
      </c>
      <c r="B11862" t="s">
        <v>815</v>
      </c>
      <c r="C11862" t="s">
        <v>816</v>
      </c>
      <c r="D11862" t="s">
        <v>10442</v>
      </c>
    </row>
    <row r="11863" spans="1:4" x14ac:dyDescent="0.4">
      <c r="A11863">
        <v>1006537</v>
      </c>
      <c r="B11863" t="s">
        <v>815</v>
      </c>
      <c r="C11863" t="s">
        <v>816</v>
      </c>
      <c r="D11863" t="s">
        <v>10443</v>
      </c>
    </row>
    <row r="11864" spans="1:4" x14ac:dyDescent="0.4">
      <c r="A11864">
        <v>1006538</v>
      </c>
      <c r="B11864" t="s">
        <v>815</v>
      </c>
      <c r="C11864" t="s">
        <v>816</v>
      </c>
      <c r="D11864" t="s">
        <v>10444</v>
      </c>
    </row>
    <row r="11865" spans="1:4" x14ac:dyDescent="0.4">
      <c r="A11865">
        <v>1006490</v>
      </c>
      <c r="B11865" t="s">
        <v>815</v>
      </c>
      <c r="C11865" t="s">
        <v>816</v>
      </c>
      <c r="D11865" t="s">
        <v>10445</v>
      </c>
    </row>
    <row r="11866" spans="1:4" x14ac:dyDescent="0.4">
      <c r="A11866">
        <v>1006401</v>
      </c>
      <c r="B11866" t="s">
        <v>815</v>
      </c>
      <c r="C11866" t="s">
        <v>816</v>
      </c>
      <c r="D11866" t="s">
        <v>10446</v>
      </c>
    </row>
    <row r="11867" spans="1:4" x14ac:dyDescent="0.4">
      <c r="A11867">
        <v>1006402</v>
      </c>
      <c r="B11867" t="s">
        <v>815</v>
      </c>
      <c r="C11867" t="s">
        <v>816</v>
      </c>
      <c r="D11867" t="s">
        <v>10447</v>
      </c>
    </row>
    <row r="11868" spans="1:4" x14ac:dyDescent="0.4">
      <c r="A11868">
        <v>1006403</v>
      </c>
      <c r="B11868" t="s">
        <v>815</v>
      </c>
      <c r="C11868" t="s">
        <v>816</v>
      </c>
      <c r="D11868" t="s">
        <v>10448</v>
      </c>
    </row>
    <row r="11869" spans="1:4" x14ac:dyDescent="0.4">
      <c r="A11869">
        <v>1006404</v>
      </c>
      <c r="B11869" t="s">
        <v>815</v>
      </c>
      <c r="C11869" t="s">
        <v>816</v>
      </c>
      <c r="D11869" t="s">
        <v>10449</v>
      </c>
    </row>
    <row r="11870" spans="1:4" x14ac:dyDescent="0.4">
      <c r="A11870">
        <v>1006405</v>
      </c>
      <c r="B11870" t="s">
        <v>815</v>
      </c>
      <c r="C11870" t="s">
        <v>816</v>
      </c>
      <c r="D11870" t="s">
        <v>10450</v>
      </c>
    </row>
    <row r="11871" spans="1:4" x14ac:dyDescent="0.4">
      <c r="A11871">
        <v>1006406</v>
      </c>
      <c r="B11871" t="s">
        <v>815</v>
      </c>
      <c r="C11871" t="s">
        <v>816</v>
      </c>
      <c r="D11871" t="s">
        <v>10451</v>
      </c>
    </row>
    <row r="11872" spans="1:4" x14ac:dyDescent="0.4">
      <c r="A11872">
        <v>1006407</v>
      </c>
      <c r="B11872" t="s">
        <v>815</v>
      </c>
      <c r="C11872" t="s">
        <v>816</v>
      </c>
      <c r="D11872" t="s">
        <v>10452</v>
      </c>
    </row>
    <row r="11873" spans="1:4" x14ac:dyDescent="0.4">
      <c r="A11873">
        <v>1006408</v>
      </c>
      <c r="B11873" t="s">
        <v>815</v>
      </c>
      <c r="C11873" t="s">
        <v>816</v>
      </c>
      <c r="D11873" t="s">
        <v>10453</v>
      </c>
    </row>
    <row r="11874" spans="1:4" x14ac:dyDescent="0.4">
      <c r="A11874">
        <v>1006409</v>
      </c>
      <c r="B11874" t="s">
        <v>815</v>
      </c>
      <c r="C11874" t="s">
        <v>816</v>
      </c>
      <c r="D11874" t="s">
        <v>10454</v>
      </c>
    </row>
    <row r="11875" spans="1:4" x14ac:dyDescent="0.4">
      <c r="A11875">
        <v>1006410</v>
      </c>
      <c r="B11875" t="s">
        <v>815</v>
      </c>
      <c r="C11875" t="s">
        <v>816</v>
      </c>
      <c r="D11875" t="s">
        <v>10455</v>
      </c>
    </row>
    <row r="11876" spans="1:4" x14ac:dyDescent="0.4">
      <c r="A11876">
        <v>1006411</v>
      </c>
      <c r="B11876" t="s">
        <v>815</v>
      </c>
      <c r="C11876" t="s">
        <v>816</v>
      </c>
      <c r="D11876" t="s">
        <v>10456</v>
      </c>
    </row>
    <row r="11877" spans="1:4" x14ac:dyDescent="0.4">
      <c r="A11877">
        <v>1006412</v>
      </c>
      <c r="B11877" t="s">
        <v>815</v>
      </c>
      <c r="C11877" t="s">
        <v>816</v>
      </c>
      <c r="D11877" t="s">
        <v>10457</v>
      </c>
    </row>
    <row r="11878" spans="1:4" x14ac:dyDescent="0.4">
      <c r="A11878">
        <v>1006413</v>
      </c>
      <c r="B11878" t="s">
        <v>815</v>
      </c>
      <c r="C11878" t="s">
        <v>816</v>
      </c>
      <c r="D11878" t="s">
        <v>10458</v>
      </c>
    </row>
    <row r="11879" spans="1:4" x14ac:dyDescent="0.4">
      <c r="A11879">
        <v>1006414</v>
      </c>
      <c r="B11879" t="s">
        <v>815</v>
      </c>
      <c r="C11879" t="s">
        <v>816</v>
      </c>
      <c r="D11879" t="s">
        <v>10459</v>
      </c>
    </row>
    <row r="11880" spans="1:4" x14ac:dyDescent="0.4">
      <c r="A11880">
        <v>1006415</v>
      </c>
      <c r="B11880" t="s">
        <v>815</v>
      </c>
      <c r="C11880" t="s">
        <v>816</v>
      </c>
      <c r="D11880" t="s">
        <v>10460</v>
      </c>
    </row>
    <row r="11881" spans="1:4" x14ac:dyDescent="0.4">
      <c r="A11881">
        <v>1006416</v>
      </c>
      <c r="B11881" t="s">
        <v>815</v>
      </c>
      <c r="C11881" t="s">
        <v>816</v>
      </c>
      <c r="D11881" t="s">
        <v>10461</v>
      </c>
    </row>
    <row r="11882" spans="1:4" x14ac:dyDescent="0.4">
      <c r="A11882">
        <v>1006417</v>
      </c>
      <c r="B11882" t="s">
        <v>815</v>
      </c>
      <c r="C11882" t="s">
        <v>816</v>
      </c>
      <c r="D11882" t="s">
        <v>10462</v>
      </c>
    </row>
    <row r="11883" spans="1:4" x14ac:dyDescent="0.4">
      <c r="A11883">
        <v>1006418</v>
      </c>
      <c r="B11883" t="s">
        <v>815</v>
      </c>
      <c r="C11883" t="s">
        <v>816</v>
      </c>
      <c r="D11883" t="s">
        <v>10463</v>
      </c>
    </row>
    <row r="11884" spans="1:4" x14ac:dyDescent="0.4">
      <c r="A11884">
        <v>1006419</v>
      </c>
      <c r="B11884" t="s">
        <v>815</v>
      </c>
      <c r="C11884" t="s">
        <v>816</v>
      </c>
      <c r="D11884" t="s">
        <v>10464</v>
      </c>
    </row>
    <row r="11885" spans="1:4" x14ac:dyDescent="0.4">
      <c r="A11885">
        <v>1006420</v>
      </c>
      <c r="B11885" t="s">
        <v>815</v>
      </c>
      <c r="C11885" t="s">
        <v>816</v>
      </c>
      <c r="D11885" t="s">
        <v>10465</v>
      </c>
    </row>
    <row r="11886" spans="1:4" x14ac:dyDescent="0.4">
      <c r="A11886">
        <v>1006421</v>
      </c>
      <c r="B11886" t="s">
        <v>815</v>
      </c>
      <c r="C11886" t="s">
        <v>816</v>
      </c>
      <c r="D11886" t="s">
        <v>10466</v>
      </c>
    </row>
    <row r="11887" spans="1:4" x14ac:dyDescent="0.4">
      <c r="A11887">
        <v>1006422</v>
      </c>
      <c r="B11887" t="s">
        <v>815</v>
      </c>
      <c r="C11887" t="s">
        <v>816</v>
      </c>
      <c r="D11887" t="s">
        <v>10467</v>
      </c>
    </row>
    <row r="11888" spans="1:4" x14ac:dyDescent="0.4">
      <c r="A11888">
        <v>1006423</v>
      </c>
      <c r="B11888" t="s">
        <v>815</v>
      </c>
      <c r="C11888" t="s">
        <v>816</v>
      </c>
      <c r="D11888" t="s">
        <v>10468</v>
      </c>
    </row>
    <row r="11889" spans="1:4" x14ac:dyDescent="0.4">
      <c r="A11889">
        <v>1006424</v>
      </c>
      <c r="B11889" t="s">
        <v>815</v>
      </c>
      <c r="C11889" t="s">
        <v>816</v>
      </c>
      <c r="D11889" t="s">
        <v>10469</v>
      </c>
    </row>
    <row r="11890" spans="1:4" x14ac:dyDescent="0.4">
      <c r="A11890">
        <v>1006425</v>
      </c>
      <c r="B11890" t="s">
        <v>815</v>
      </c>
      <c r="C11890" t="s">
        <v>816</v>
      </c>
      <c r="D11890" t="s">
        <v>10470</v>
      </c>
    </row>
    <row r="11891" spans="1:4" x14ac:dyDescent="0.4">
      <c r="A11891">
        <v>1006426</v>
      </c>
      <c r="B11891" t="s">
        <v>815</v>
      </c>
      <c r="C11891" t="s">
        <v>816</v>
      </c>
      <c r="D11891" t="s">
        <v>10471</v>
      </c>
    </row>
    <row r="11892" spans="1:4" x14ac:dyDescent="0.4">
      <c r="A11892">
        <v>1006427</v>
      </c>
      <c r="B11892" t="s">
        <v>815</v>
      </c>
      <c r="C11892" t="s">
        <v>816</v>
      </c>
      <c r="D11892" t="s">
        <v>10472</v>
      </c>
    </row>
    <row r="11893" spans="1:4" x14ac:dyDescent="0.4">
      <c r="A11893">
        <v>1006428</v>
      </c>
      <c r="B11893" t="s">
        <v>815</v>
      </c>
      <c r="C11893" t="s">
        <v>816</v>
      </c>
      <c r="D11893" t="s">
        <v>10473</v>
      </c>
    </row>
    <row r="11894" spans="1:4" x14ac:dyDescent="0.4">
      <c r="A11894">
        <v>1006429</v>
      </c>
      <c r="B11894" t="s">
        <v>815</v>
      </c>
      <c r="C11894" t="s">
        <v>816</v>
      </c>
      <c r="D11894" t="s">
        <v>10474</v>
      </c>
    </row>
    <row r="11895" spans="1:4" x14ac:dyDescent="0.4">
      <c r="A11895">
        <v>1006430</v>
      </c>
      <c r="B11895" t="s">
        <v>815</v>
      </c>
      <c r="C11895" t="s">
        <v>816</v>
      </c>
      <c r="D11895" t="s">
        <v>10475</v>
      </c>
    </row>
    <row r="11896" spans="1:4" x14ac:dyDescent="0.4">
      <c r="A11896">
        <v>1006431</v>
      </c>
      <c r="B11896" t="s">
        <v>815</v>
      </c>
      <c r="C11896" t="s">
        <v>816</v>
      </c>
      <c r="D11896" t="s">
        <v>10476</v>
      </c>
    </row>
    <row r="11897" spans="1:4" x14ac:dyDescent="0.4">
      <c r="A11897">
        <v>1006432</v>
      </c>
      <c r="B11897" t="s">
        <v>815</v>
      </c>
      <c r="C11897" t="s">
        <v>816</v>
      </c>
      <c r="D11897" t="s">
        <v>10477</v>
      </c>
    </row>
    <row r="11898" spans="1:4" x14ac:dyDescent="0.4">
      <c r="A11898">
        <v>1006433</v>
      </c>
      <c r="B11898" t="s">
        <v>815</v>
      </c>
      <c r="C11898" t="s">
        <v>816</v>
      </c>
      <c r="D11898" t="s">
        <v>10478</v>
      </c>
    </row>
    <row r="11899" spans="1:4" x14ac:dyDescent="0.4">
      <c r="A11899">
        <v>1006290</v>
      </c>
      <c r="B11899" t="s">
        <v>815</v>
      </c>
      <c r="C11899" t="s">
        <v>816</v>
      </c>
      <c r="D11899" t="s">
        <v>10479</v>
      </c>
    </row>
    <row r="11900" spans="1:4" x14ac:dyDescent="0.4">
      <c r="A11900">
        <v>1006201</v>
      </c>
      <c r="B11900" t="s">
        <v>815</v>
      </c>
      <c r="C11900" t="s">
        <v>816</v>
      </c>
      <c r="D11900" t="s">
        <v>10480</v>
      </c>
    </row>
    <row r="11901" spans="1:4" x14ac:dyDescent="0.4">
      <c r="A11901">
        <v>1006202</v>
      </c>
      <c r="B11901" t="s">
        <v>815</v>
      </c>
      <c r="C11901" t="s">
        <v>816</v>
      </c>
      <c r="D11901" t="s">
        <v>10481</v>
      </c>
    </row>
    <row r="11902" spans="1:4" x14ac:dyDescent="0.4">
      <c r="A11902">
        <v>1006203</v>
      </c>
      <c r="B11902" t="s">
        <v>815</v>
      </c>
      <c r="C11902" t="s">
        <v>816</v>
      </c>
      <c r="D11902" t="s">
        <v>10482</v>
      </c>
    </row>
    <row r="11903" spans="1:4" x14ac:dyDescent="0.4">
      <c r="A11903">
        <v>1006204</v>
      </c>
      <c r="B11903" t="s">
        <v>815</v>
      </c>
      <c r="C11903" t="s">
        <v>816</v>
      </c>
      <c r="D11903" t="s">
        <v>10483</v>
      </c>
    </row>
    <row r="11904" spans="1:4" x14ac:dyDescent="0.4">
      <c r="A11904">
        <v>1006205</v>
      </c>
      <c r="B11904" t="s">
        <v>815</v>
      </c>
      <c r="C11904" t="s">
        <v>816</v>
      </c>
      <c r="D11904" t="s">
        <v>10484</v>
      </c>
    </row>
    <row r="11905" spans="1:4" x14ac:dyDescent="0.4">
      <c r="A11905">
        <v>1006206</v>
      </c>
      <c r="B11905" t="s">
        <v>815</v>
      </c>
      <c r="C11905" t="s">
        <v>816</v>
      </c>
      <c r="D11905" t="s">
        <v>10485</v>
      </c>
    </row>
    <row r="11906" spans="1:4" x14ac:dyDescent="0.4">
      <c r="A11906">
        <v>1006207</v>
      </c>
      <c r="B11906" t="s">
        <v>815</v>
      </c>
      <c r="C11906" t="s">
        <v>816</v>
      </c>
      <c r="D11906" t="s">
        <v>10486</v>
      </c>
    </row>
    <row r="11907" spans="1:4" x14ac:dyDescent="0.4">
      <c r="A11907">
        <v>1006208</v>
      </c>
      <c r="B11907" t="s">
        <v>815</v>
      </c>
      <c r="C11907" t="s">
        <v>816</v>
      </c>
      <c r="D11907" t="s">
        <v>10487</v>
      </c>
    </row>
    <row r="11908" spans="1:4" x14ac:dyDescent="0.4">
      <c r="A11908">
        <v>1006209</v>
      </c>
      <c r="B11908" t="s">
        <v>815</v>
      </c>
      <c r="C11908" t="s">
        <v>816</v>
      </c>
      <c r="D11908" t="s">
        <v>10488</v>
      </c>
    </row>
    <row r="11909" spans="1:4" x14ac:dyDescent="0.4">
      <c r="A11909">
        <v>1006210</v>
      </c>
      <c r="B11909" t="s">
        <v>815</v>
      </c>
      <c r="C11909" t="s">
        <v>816</v>
      </c>
      <c r="D11909" t="s">
        <v>10489</v>
      </c>
    </row>
    <row r="11910" spans="1:4" x14ac:dyDescent="0.4">
      <c r="A11910">
        <v>1006211</v>
      </c>
      <c r="B11910" t="s">
        <v>815</v>
      </c>
      <c r="C11910" t="s">
        <v>816</v>
      </c>
      <c r="D11910" t="s">
        <v>10490</v>
      </c>
    </row>
    <row r="11911" spans="1:4" x14ac:dyDescent="0.4">
      <c r="A11911">
        <v>1006212</v>
      </c>
      <c r="B11911" t="s">
        <v>815</v>
      </c>
      <c r="C11911" t="s">
        <v>816</v>
      </c>
      <c r="D11911" t="s">
        <v>10491</v>
      </c>
    </row>
    <row r="11912" spans="1:4" x14ac:dyDescent="0.4">
      <c r="A11912">
        <v>1006213</v>
      </c>
      <c r="B11912" t="s">
        <v>815</v>
      </c>
      <c r="C11912" t="s">
        <v>816</v>
      </c>
      <c r="D11912" t="s">
        <v>10492</v>
      </c>
    </row>
    <row r="11913" spans="1:4" x14ac:dyDescent="0.4">
      <c r="A11913">
        <v>1006214</v>
      </c>
      <c r="B11913" t="s">
        <v>815</v>
      </c>
      <c r="C11913" t="s">
        <v>816</v>
      </c>
      <c r="D11913" t="s">
        <v>10493</v>
      </c>
    </row>
    <row r="11914" spans="1:4" x14ac:dyDescent="0.4">
      <c r="A11914">
        <v>1006215</v>
      </c>
      <c r="B11914" t="s">
        <v>815</v>
      </c>
      <c r="C11914" t="s">
        <v>816</v>
      </c>
      <c r="D11914" t="s">
        <v>10494</v>
      </c>
    </row>
    <row r="11915" spans="1:4" x14ac:dyDescent="0.4">
      <c r="A11915">
        <v>1006216</v>
      </c>
      <c r="B11915" t="s">
        <v>815</v>
      </c>
      <c r="C11915" t="s">
        <v>816</v>
      </c>
      <c r="D11915" t="s">
        <v>10495</v>
      </c>
    </row>
    <row r="11916" spans="1:4" x14ac:dyDescent="0.4">
      <c r="A11916">
        <v>1006217</v>
      </c>
      <c r="B11916" t="s">
        <v>815</v>
      </c>
      <c r="C11916" t="s">
        <v>816</v>
      </c>
      <c r="D11916" t="s">
        <v>10496</v>
      </c>
    </row>
    <row r="11917" spans="1:4" x14ac:dyDescent="0.4">
      <c r="A11917">
        <v>1006218</v>
      </c>
      <c r="B11917" t="s">
        <v>815</v>
      </c>
      <c r="C11917" t="s">
        <v>816</v>
      </c>
      <c r="D11917" t="s">
        <v>10497</v>
      </c>
    </row>
    <row r="11918" spans="1:4" x14ac:dyDescent="0.4">
      <c r="A11918">
        <v>1006219</v>
      </c>
      <c r="B11918" t="s">
        <v>815</v>
      </c>
      <c r="C11918" t="s">
        <v>816</v>
      </c>
      <c r="D11918" t="s">
        <v>10498</v>
      </c>
    </row>
    <row r="11919" spans="1:4" x14ac:dyDescent="0.4">
      <c r="A11919">
        <v>1006220</v>
      </c>
      <c r="B11919" t="s">
        <v>815</v>
      </c>
      <c r="C11919" t="s">
        <v>816</v>
      </c>
      <c r="D11919" t="s">
        <v>10499</v>
      </c>
    </row>
    <row r="11920" spans="1:4" x14ac:dyDescent="0.4">
      <c r="A11920">
        <v>1006221</v>
      </c>
      <c r="B11920" t="s">
        <v>815</v>
      </c>
      <c r="C11920" t="s">
        <v>816</v>
      </c>
      <c r="D11920" t="s">
        <v>10500</v>
      </c>
    </row>
    <row r="11921" spans="1:4" x14ac:dyDescent="0.4">
      <c r="A11921">
        <v>1006222</v>
      </c>
      <c r="B11921" t="s">
        <v>815</v>
      </c>
      <c r="C11921" t="s">
        <v>816</v>
      </c>
      <c r="D11921" t="s">
        <v>10501</v>
      </c>
    </row>
    <row r="11922" spans="1:4" x14ac:dyDescent="0.4">
      <c r="A11922">
        <v>1006223</v>
      </c>
      <c r="B11922" t="s">
        <v>815</v>
      </c>
      <c r="C11922" t="s">
        <v>816</v>
      </c>
      <c r="D11922" t="s">
        <v>10502</v>
      </c>
    </row>
    <row r="11923" spans="1:4" x14ac:dyDescent="0.4">
      <c r="A11923">
        <v>1006224</v>
      </c>
      <c r="B11923" t="s">
        <v>815</v>
      </c>
      <c r="C11923" t="s">
        <v>816</v>
      </c>
      <c r="D11923" t="s">
        <v>10503</v>
      </c>
    </row>
    <row r="11924" spans="1:4" x14ac:dyDescent="0.4">
      <c r="A11924">
        <v>1006225</v>
      </c>
      <c r="B11924" t="s">
        <v>815</v>
      </c>
      <c r="C11924" t="s">
        <v>816</v>
      </c>
      <c r="D11924" t="s">
        <v>10504</v>
      </c>
    </row>
    <row r="11925" spans="1:4" x14ac:dyDescent="0.4">
      <c r="A11925">
        <v>1006226</v>
      </c>
      <c r="B11925" t="s">
        <v>815</v>
      </c>
      <c r="C11925" t="s">
        <v>816</v>
      </c>
      <c r="D11925" t="s">
        <v>10505</v>
      </c>
    </row>
    <row r="11926" spans="1:4" x14ac:dyDescent="0.4">
      <c r="A11926">
        <v>1006227</v>
      </c>
      <c r="B11926" t="s">
        <v>815</v>
      </c>
      <c r="C11926" t="s">
        <v>816</v>
      </c>
      <c r="D11926" t="s">
        <v>10506</v>
      </c>
    </row>
    <row r="11927" spans="1:4" x14ac:dyDescent="0.4">
      <c r="A11927">
        <v>1006228</v>
      </c>
      <c r="B11927" t="s">
        <v>815</v>
      </c>
      <c r="C11927" t="s">
        <v>816</v>
      </c>
      <c r="D11927" t="s">
        <v>10507</v>
      </c>
    </row>
    <row r="11928" spans="1:4" x14ac:dyDescent="0.4">
      <c r="A11928">
        <v>1006229</v>
      </c>
      <c r="B11928" t="s">
        <v>815</v>
      </c>
      <c r="C11928" t="s">
        <v>816</v>
      </c>
      <c r="D11928" t="s">
        <v>10508</v>
      </c>
    </row>
    <row r="11929" spans="1:4" x14ac:dyDescent="0.4">
      <c r="A11929">
        <v>1006230</v>
      </c>
      <c r="B11929" t="s">
        <v>815</v>
      </c>
      <c r="C11929" t="s">
        <v>816</v>
      </c>
      <c r="D11929" t="s">
        <v>10509</v>
      </c>
    </row>
    <row r="11930" spans="1:4" x14ac:dyDescent="0.4">
      <c r="A11930">
        <v>1006231</v>
      </c>
      <c r="B11930" t="s">
        <v>815</v>
      </c>
      <c r="C11930" t="s">
        <v>816</v>
      </c>
      <c r="D11930" t="s">
        <v>10510</v>
      </c>
    </row>
    <row r="11931" spans="1:4" x14ac:dyDescent="0.4">
      <c r="A11931">
        <v>1006990</v>
      </c>
      <c r="B11931" t="s">
        <v>815</v>
      </c>
      <c r="C11931" t="s">
        <v>816</v>
      </c>
      <c r="D11931" t="s">
        <v>10511</v>
      </c>
    </row>
    <row r="11932" spans="1:4" x14ac:dyDescent="0.4">
      <c r="A11932">
        <v>1006901</v>
      </c>
      <c r="B11932" t="s">
        <v>815</v>
      </c>
      <c r="C11932" t="s">
        <v>816</v>
      </c>
      <c r="D11932" t="s">
        <v>10512</v>
      </c>
    </row>
    <row r="11933" spans="1:4" x14ac:dyDescent="0.4">
      <c r="A11933">
        <v>1006902</v>
      </c>
      <c r="B11933" t="s">
        <v>815</v>
      </c>
      <c r="C11933" t="s">
        <v>816</v>
      </c>
      <c r="D11933" t="s">
        <v>10513</v>
      </c>
    </row>
    <row r="11934" spans="1:4" x14ac:dyDescent="0.4">
      <c r="A11934">
        <v>1006903</v>
      </c>
      <c r="B11934" t="s">
        <v>815</v>
      </c>
      <c r="C11934" t="s">
        <v>816</v>
      </c>
      <c r="D11934" t="s">
        <v>10514</v>
      </c>
    </row>
    <row r="11935" spans="1:4" x14ac:dyDescent="0.4">
      <c r="A11935">
        <v>1006904</v>
      </c>
      <c r="B11935" t="s">
        <v>815</v>
      </c>
      <c r="C11935" t="s">
        <v>816</v>
      </c>
      <c r="D11935" t="s">
        <v>10515</v>
      </c>
    </row>
    <row r="11936" spans="1:4" x14ac:dyDescent="0.4">
      <c r="A11936">
        <v>1006905</v>
      </c>
      <c r="B11936" t="s">
        <v>815</v>
      </c>
      <c r="C11936" t="s">
        <v>816</v>
      </c>
      <c r="D11936" t="s">
        <v>10516</v>
      </c>
    </row>
    <row r="11937" spans="1:4" x14ac:dyDescent="0.4">
      <c r="A11937">
        <v>1006906</v>
      </c>
      <c r="B11937" t="s">
        <v>815</v>
      </c>
      <c r="C11937" t="s">
        <v>816</v>
      </c>
      <c r="D11937" t="s">
        <v>10517</v>
      </c>
    </row>
    <row r="11938" spans="1:4" x14ac:dyDescent="0.4">
      <c r="A11938">
        <v>1006907</v>
      </c>
      <c r="B11938" t="s">
        <v>815</v>
      </c>
      <c r="C11938" t="s">
        <v>816</v>
      </c>
      <c r="D11938" t="s">
        <v>10518</v>
      </c>
    </row>
    <row r="11939" spans="1:4" x14ac:dyDescent="0.4">
      <c r="A11939">
        <v>1006908</v>
      </c>
      <c r="B11939" t="s">
        <v>815</v>
      </c>
      <c r="C11939" t="s">
        <v>816</v>
      </c>
      <c r="D11939" t="s">
        <v>10519</v>
      </c>
    </row>
    <row r="11940" spans="1:4" x14ac:dyDescent="0.4">
      <c r="A11940">
        <v>1006909</v>
      </c>
      <c r="B11940" t="s">
        <v>815</v>
      </c>
      <c r="C11940" t="s">
        <v>816</v>
      </c>
      <c r="D11940" t="s">
        <v>10520</v>
      </c>
    </row>
    <row r="11941" spans="1:4" x14ac:dyDescent="0.4">
      <c r="A11941">
        <v>1006910</v>
      </c>
      <c r="B11941" t="s">
        <v>815</v>
      </c>
      <c r="C11941" t="s">
        <v>816</v>
      </c>
      <c r="D11941" t="s">
        <v>10521</v>
      </c>
    </row>
    <row r="11942" spans="1:4" x14ac:dyDescent="0.4">
      <c r="A11942">
        <v>1006911</v>
      </c>
      <c r="B11942" t="s">
        <v>815</v>
      </c>
      <c r="C11942" t="s">
        <v>816</v>
      </c>
      <c r="D11942" t="s">
        <v>10522</v>
      </c>
    </row>
    <row r="11943" spans="1:4" x14ac:dyDescent="0.4">
      <c r="A11943">
        <v>1006912</v>
      </c>
      <c r="B11943" t="s">
        <v>815</v>
      </c>
      <c r="C11943" t="s">
        <v>816</v>
      </c>
      <c r="D11943" t="s">
        <v>10523</v>
      </c>
    </row>
    <row r="11944" spans="1:4" x14ac:dyDescent="0.4">
      <c r="A11944">
        <v>1006913</v>
      </c>
      <c r="B11944" t="s">
        <v>815</v>
      </c>
      <c r="C11944" t="s">
        <v>816</v>
      </c>
      <c r="D11944" t="s">
        <v>10524</v>
      </c>
    </row>
    <row r="11945" spans="1:4" x14ac:dyDescent="0.4">
      <c r="A11945">
        <v>1006914</v>
      </c>
      <c r="B11945" t="s">
        <v>815</v>
      </c>
      <c r="C11945" t="s">
        <v>816</v>
      </c>
      <c r="D11945" t="s">
        <v>10525</v>
      </c>
    </row>
    <row r="11946" spans="1:4" x14ac:dyDescent="0.4">
      <c r="A11946">
        <v>1006915</v>
      </c>
      <c r="B11946" t="s">
        <v>815</v>
      </c>
      <c r="C11946" t="s">
        <v>816</v>
      </c>
      <c r="D11946" t="s">
        <v>10526</v>
      </c>
    </row>
    <row r="11947" spans="1:4" x14ac:dyDescent="0.4">
      <c r="A11947">
        <v>1006916</v>
      </c>
      <c r="B11947" t="s">
        <v>815</v>
      </c>
      <c r="C11947" t="s">
        <v>816</v>
      </c>
      <c r="D11947" t="s">
        <v>10527</v>
      </c>
    </row>
    <row r="11948" spans="1:4" x14ac:dyDescent="0.4">
      <c r="A11948">
        <v>1006917</v>
      </c>
      <c r="B11948" t="s">
        <v>815</v>
      </c>
      <c r="C11948" t="s">
        <v>816</v>
      </c>
      <c r="D11948" t="s">
        <v>10528</v>
      </c>
    </row>
    <row r="11949" spans="1:4" x14ac:dyDescent="0.4">
      <c r="A11949">
        <v>1056030</v>
      </c>
      <c r="B11949" t="s">
        <v>815</v>
      </c>
      <c r="C11949" t="s">
        <v>818</v>
      </c>
      <c r="D11949" t="s">
        <v>10529</v>
      </c>
    </row>
    <row r="11950" spans="1:4" x14ac:dyDescent="0.4">
      <c r="A11950">
        <v>1056031</v>
      </c>
      <c r="B11950" t="s">
        <v>815</v>
      </c>
      <c r="C11950" t="s">
        <v>818</v>
      </c>
      <c r="D11950" t="s">
        <v>10530</v>
      </c>
    </row>
    <row r="11951" spans="1:4" x14ac:dyDescent="0.4">
      <c r="A11951">
        <v>1056032</v>
      </c>
      <c r="B11951" t="s">
        <v>815</v>
      </c>
      <c r="C11951" t="s">
        <v>818</v>
      </c>
      <c r="D11951" t="s">
        <v>10531</v>
      </c>
    </row>
    <row r="11952" spans="1:4" x14ac:dyDescent="0.4">
      <c r="A11952">
        <v>1056033</v>
      </c>
      <c r="B11952" t="s">
        <v>815</v>
      </c>
      <c r="C11952" t="s">
        <v>818</v>
      </c>
      <c r="D11952" t="s">
        <v>10532</v>
      </c>
    </row>
    <row r="11953" spans="1:4" x14ac:dyDescent="0.4">
      <c r="A11953">
        <v>1056034</v>
      </c>
      <c r="B11953" t="s">
        <v>815</v>
      </c>
      <c r="C11953" t="s">
        <v>818</v>
      </c>
      <c r="D11953" t="s">
        <v>10533</v>
      </c>
    </row>
    <row r="11954" spans="1:4" x14ac:dyDescent="0.4">
      <c r="A11954">
        <v>1056035</v>
      </c>
      <c r="B11954" t="s">
        <v>815</v>
      </c>
      <c r="C11954" t="s">
        <v>818</v>
      </c>
      <c r="D11954" t="s">
        <v>10534</v>
      </c>
    </row>
    <row r="11955" spans="1:4" x14ac:dyDescent="0.4">
      <c r="A11955">
        <v>1056036</v>
      </c>
      <c r="B11955" t="s">
        <v>815</v>
      </c>
      <c r="C11955" t="s">
        <v>818</v>
      </c>
      <c r="D11955" t="s">
        <v>10535</v>
      </c>
    </row>
    <row r="11956" spans="1:4" x14ac:dyDescent="0.4">
      <c r="A11956">
        <v>1056037</v>
      </c>
      <c r="B11956" t="s">
        <v>815</v>
      </c>
      <c r="C11956" t="s">
        <v>818</v>
      </c>
      <c r="D11956" t="s">
        <v>10536</v>
      </c>
    </row>
    <row r="11957" spans="1:4" x14ac:dyDescent="0.4">
      <c r="A11957">
        <v>1060031</v>
      </c>
      <c r="B11957" t="s">
        <v>815</v>
      </c>
      <c r="C11957" t="s">
        <v>818</v>
      </c>
      <c r="D11957" t="s">
        <v>10537</v>
      </c>
    </row>
    <row r="11958" spans="1:4" x14ac:dyDescent="0.4">
      <c r="A11958">
        <v>1050003</v>
      </c>
      <c r="B11958" t="s">
        <v>815</v>
      </c>
      <c r="C11958" t="s">
        <v>818</v>
      </c>
      <c r="D11958" t="s">
        <v>10538</v>
      </c>
    </row>
    <row r="11959" spans="1:4" x14ac:dyDescent="0.4">
      <c r="A11959">
        <v>1050013</v>
      </c>
      <c r="B11959" t="s">
        <v>815</v>
      </c>
      <c r="C11959" t="s">
        <v>818</v>
      </c>
      <c r="D11959" t="s">
        <v>10539</v>
      </c>
    </row>
    <row r="11960" spans="1:4" x14ac:dyDescent="0.4">
      <c r="A11960">
        <v>1056190</v>
      </c>
      <c r="B11960" t="s">
        <v>815</v>
      </c>
      <c r="C11960" t="s">
        <v>818</v>
      </c>
      <c r="D11960" t="s">
        <v>10540</v>
      </c>
    </row>
    <row r="11961" spans="1:4" x14ac:dyDescent="0.4">
      <c r="A11961">
        <v>1056101</v>
      </c>
      <c r="B11961" t="s">
        <v>815</v>
      </c>
      <c r="C11961" t="s">
        <v>818</v>
      </c>
      <c r="D11961" t="s">
        <v>10541</v>
      </c>
    </row>
    <row r="11962" spans="1:4" x14ac:dyDescent="0.4">
      <c r="A11962">
        <v>1056102</v>
      </c>
      <c r="B11962" t="s">
        <v>815</v>
      </c>
      <c r="C11962" t="s">
        <v>818</v>
      </c>
      <c r="D11962" t="s">
        <v>10542</v>
      </c>
    </row>
    <row r="11963" spans="1:4" x14ac:dyDescent="0.4">
      <c r="A11963">
        <v>1056103</v>
      </c>
      <c r="B11963" t="s">
        <v>815</v>
      </c>
      <c r="C11963" t="s">
        <v>818</v>
      </c>
      <c r="D11963" t="s">
        <v>10543</v>
      </c>
    </row>
    <row r="11964" spans="1:4" x14ac:dyDescent="0.4">
      <c r="A11964">
        <v>1056104</v>
      </c>
      <c r="B11964" t="s">
        <v>815</v>
      </c>
      <c r="C11964" t="s">
        <v>818</v>
      </c>
      <c r="D11964" t="s">
        <v>10544</v>
      </c>
    </row>
    <row r="11965" spans="1:4" x14ac:dyDescent="0.4">
      <c r="A11965">
        <v>1056105</v>
      </c>
      <c r="B11965" t="s">
        <v>815</v>
      </c>
      <c r="C11965" t="s">
        <v>818</v>
      </c>
      <c r="D11965" t="s">
        <v>10545</v>
      </c>
    </row>
    <row r="11966" spans="1:4" x14ac:dyDescent="0.4">
      <c r="A11966">
        <v>1056106</v>
      </c>
      <c r="B11966" t="s">
        <v>815</v>
      </c>
      <c r="C11966" t="s">
        <v>818</v>
      </c>
      <c r="D11966" t="s">
        <v>10546</v>
      </c>
    </row>
    <row r="11967" spans="1:4" x14ac:dyDescent="0.4">
      <c r="A11967">
        <v>1056107</v>
      </c>
      <c r="B11967" t="s">
        <v>815</v>
      </c>
      <c r="C11967" t="s">
        <v>818</v>
      </c>
      <c r="D11967" t="s">
        <v>10547</v>
      </c>
    </row>
    <row r="11968" spans="1:4" x14ac:dyDescent="0.4">
      <c r="A11968">
        <v>1056108</v>
      </c>
      <c r="B11968" t="s">
        <v>815</v>
      </c>
      <c r="C11968" t="s">
        <v>818</v>
      </c>
      <c r="D11968" t="s">
        <v>10548</v>
      </c>
    </row>
    <row r="11969" spans="1:4" x14ac:dyDescent="0.4">
      <c r="A11969">
        <v>1056109</v>
      </c>
      <c r="B11969" t="s">
        <v>815</v>
      </c>
      <c r="C11969" t="s">
        <v>818</v>
      </c>
      <c r="D11969" t="s">
        <v>10549</v>
      </c>
    </row>
    <row r="11970" spans="1:4" x14ac:dyDescent="0.4">
      <c r="A11970">
        <v>1056110</v>
      </c>
      <c r="B11970" t="s">
        <v>815</v>
      </c>
      <c r="C11970" t="s">
        <v>818</v>
      </c>
      <c r="D11970" t="s">
        <v>10550</v>
      </c>
    </row>
    <row r="11971" spans="1:4" x14ac:dyDescent="0.4">
      <c r="A11971">
        <v>1056111</v>
      </c>
      <c r="B11971" t="s">
        <v>815</v>
      </c>
      <c r="C11971" t="s">
        <v>818</v>
      </c>
      <c r="D11971" t="s">
        <v>10551</v>
      </c>
    </row>
    <row r="11972" spans="1:4" x14ac:dyDescent="0.4">
      <c r="A11972">
        <v>1056112</v>
      </c>
      <c r="B11972" t="s">
        <v>815</v>
      </c>
      <c r="C11972" t="s">
        <v>818</v>
      </c>
      <c r="D11972" t="s">
        <v>10552</v>
      </c>
    </row>
    <row r="11973" spans="1:4" x14ac:dyDescent="0.4">
      <c r="A11973">
        <v>1056113</v>
      </c>
      <c r="B11973" t="s">
        <v>815</v>
      </c>
      <c r="C11973" t="s">
        <v>818</v>
      </c>
      <c r="D11973" t="s">
        <v>10553</v>
      </c>
    </row>
    <row r="11974" spans="1:4" x14ac:dyDescent="0.4">
      <c r="A11974">
        <v>1056114</v>
      </c>
      <c r="B11974" t="s">
        <v>815</v>
      </c>
      <c r="C11974" t="s">
        <v>818</v>
      </c>
      <c r="D11974" t="s">
        <v>10554</v>
      </c>
    </row>
    <row r="11975" spans="1:4" x14ac:dyDescent="0.4">
      <c r="A11975">
        <v>1056115</v>
      </c>
      <c r="B11975" t="s">
        <v>815</v>
      </c>
      <c r="C11975" t="s">
        <v>818</v>
      </c>
      <c r="D11975" t="s">
        <v>10555</v>
      </c>
    </row>
    <row r="11976" spans="1:4" x14ac:dyDescent="0.4">
      <c r="A11976">
        <v>1056116</v>
      </c>
      <c r="B11976" t="s">
        <v>815</v>
      </c>
      <c r="C11976" t="s">
        <v>818</v>
      </c>
      <c r="D11976" t="s">
        <v>10556</v>
      </c>
    </row>
    <row r="11977" spans="1:4" x14ac:dyDescent="0.4">
      <c r="A11977">
        <v>1056117</v>
      </c>
      <c r="B11977" t="s">
        <v>815</v>
      </c>
      <c r="C11977" t="s">
        <v>818</v>
      </c>
      <c r="D11977" t="s">
        <v>10557</v>
      </c>
    </row>
    <row r="11978" spans="1:4" x14ac:dyDescent="0.4">
      <c r="A11978">
        <v>1056118</v>
      </c>
      <c r="B11978" t="s">
        <v>815</v>
      </c>
      <c r="C11978" t="s">
        <v>818</v>
      </c>
      <c r="D11978" t="s">
        <v>10558</v>
      </c>
    </row>
    <row r="11979" spans="1:4" x14ac:dyDescent="0.4">
      <c r="A11979">
        <v>1056119</v>
      </c>
      <c r="B11979" t="s">
        <v>815</v>
      </c>
      <c r="C11979" t="s">
        <v>818</v>
      </c>
      <c r="D11979" t="s">
        <v>10559</v>
      </c>
    </row>
    <row r="11980" spans="1:4" x14ac:dyDescent="0.4">
      <c r="A11980">
        <v>1056120</v>
      </c>
      <c r="B11980" t="s">
        <v>815</v>
      </c>
      <c r="C11980" t="s">
        <v>818</v>
      </c>
      <c r="D11980" t="s">
        <v>10560</v>
      </c>
    </row>
    <row r="11981" spans="1:4" x14ac:dyDescent="0.4">
      <c r="A11981">
        <v>1056121</v>
      </c>
      <c r="B11981" t="s">
        <v>815</v>
      </c>
      <c r="C11981" t="s">
        <v>818</v>
      </c>
      <c r="D11981" t="s">
        <v>10561</v>
      </c>
    </row>
    <row r="11982" spans="1:4" x14ac:dyDescent="0.4">
      <c r="A11982">
        <v>1056122</v>
      </c>
      <c r="B11982" t="s">
        <v>815</v>
      </c>
      <c r="C11982" t="s">
        <v>818</v>
      </c>
      <c r="D11982" t="s">
        <v>10562</v>
      </c>
    </row>
    <row r="11983" spans="1:4" x14ac:dyDescent="0.4">
      <c r="A11983">
        <v>1056123</v>
      </c>
      <c r="B11983" t="s">
        <v>815</v>
      </c>
      <c r="C11983" t="s">
        <v>818</v>
      </c>
      <c r="D11983" t="s">
        <v>10563</v>
      </c>
    </row>
    <row r="11984" spans="1:4" x14ac:dyDescent="0.4">
      <c r="A11984">
        <v>1056124</v>
      </c>
      <c r="B11984" t="s">
        <v>815</v>
      </c>
      <c r="C11984" t="s">
        <v>818</v>
      </c>
      <c r="D11984" t="s">
        <v>10564</v>
      </c>
    </row>
    <row r="11985" spans="1:4" x14ac:dyDescent="0.4">
      <c r="A11985">
        <v>1056125</v>
      </c>
      <c r="B11985" t="s">
        <v>815</v>
      </c>
      <c r="C11985" t="s">
        <v>818</v>
      </c>
      <c r="D11985" t="s">
        <v>10565</v>
      </c>
    </row>
    <row r="11986" spans="1:4" x14ac:dyDescent="0.4">
      <c r="A11986">
        <v>1056126</v>
      </c>
      <c r="B11986" t="s">
        <v>815</v>
      </c>
      <c r="C11986" t="s">
        <v>818</v>
      </c>
      <c r="D11986" t="s">
        <v>10566</v>
      </c>
    </row>
    <row r="11987" spans="1:4" x14ac:dyDescent="0.4">
      <c r="A11987">
        <v>1056127</v>
      </c>
      <c r="B11987" t="s">
        <v>815</v>
      </c>
      <c r="C11987" t="s">
        <v>818</v>
      </c>
      <c r="D11987" t="s">
        <v>10567</v>
      </c>
    </row>
    <row r="11988" spans="1:4" x14ac:dyDescent="0.4">
      <c r="A11988">
        <v>1056128</v>
      </c>
      <c r="B11988" t="s">
        <v>815</v>
      </c>
      <c r="C11988" t="s">
        <v>818</v>
      </c>
      <c r="D11988" t="s">
        <v>10568</v>
      </c>
    </row>
    <row r="11989" spans="1:4" x14ac:dyDescent="0.4">
      <c r="A11989">
        <v>1056129</v>
      </c>
      <c r="B11989" t="s">
        <v>815</v>
      </c>
      <c r="C11989" t="s">
        <v>818</v>
      </c>
      <c r="D11989" t="s">
        <v>10569</v>
      </c>
    </row>
    <row r="11990" spans="1:4" x14ac:dyDescent="0.4">
      <c r="A11990">
        <v>1056130</v>
      </c>
      <c r="B11990" t="s">
        <v>815</v>
      </c>
      <c r="C11990" t="s">
        <v>818</v>
      </c>
      <c r="D11990" t="s">
        <v>10570</v>
      </c>
    </row>
    <row r="11991" spans="1:4" x14ac:dyDescent="0.4">
      <c r="A11991">
        <v>1056131</v>
      </c>
      <c r="B11991" t="s">
        <v>815</v>
      </c>
      <c r="C11991" t="s">
        <v>818</v>
      </c>
      <c r="D11991" t="s">
        <v>10571</v>
      </c>
    </row>
    <row r="11992" spans="1:4" x14ac:dyDescent="0.4">
      <c r="A11992">
        <v>1056132</v>
      </c>
      <c r="B11992" t="s">
        <v>815</v>
      </c>
      <c r="C11992" t="s">
        <v>818</v>
      </c>
      <c r="D11992" t="s">
        <v>10572</v>
      </c>
    </row>
    <row r="11993" spans="1:4" x14ac:dyDescent="0.4">
      <c r="A11993">
        <v>1056133</v>
      </c>
      <c r="B11993" t="s">
        <v>815</v>
      </c>
      <c r="C11993" t="s">
        <v>818</v>
      </c>
      <c r="D11993" t="s">
        <v>10573</v>
      </c>
    </row>
    <row r="11994" spans="1:4" x14ac:dyDescent="0.4">
      <c r="A11994">
        <v>1056134</v>
      </c>
      <c r="B11994" t="s">
        <v>815</v>
      </c>
      <c r="C11994" t="s">
        <v>818</v>
      </c>
      <c r="D11994" t="s">
        <v>10574</v>
      </c>
    </row>
    <row r="11995" spans="1:4" x14ac:dyDescent="0.4">
      <c r="A11995">
        <v>1056135</v>
      </c>
      <c r="B11995" t="s">
        <v>815</v>
      </c>
      <c r="C11995" t="s">
        <v>818</v>
      </c>
      <c r="D11995" t="s">
        <v>10575</v>
      </c>
    </row>
    <row r="11996" spans="1:4" x14ac:dyDescent="0.4">
      <c r="A11996">
        <v>1056136</v>
      </c>
      <c r="B11996" t="s">
        <v>815</v>
      </c>
      <c r="C11996" t="s">
        <v>818</v>
      </c>
      <c r="D11996" t="s">
        <v>10576</v>
      </c>
    </row>
    <row r="11997" spans="1:4" x14ac:dyDescent="0.4">
      <c r="A11997">
        <v>1056137</v>
      </c>
      <c r="B11997" t="s">
        <v>815</v>
      </c>
      <c r="C11997" t="s">
        <v>818</v>
      </c>
      <c r="D11997" t="s">
        <v>10577</v>
      </c>
    </row>
    <row r="11998" spans="1:4" x14ac:dyDescent="0.4">
      <c r="A11998">
        <v>1056138</v>
      </c>
      <c r="B11998" t="s">
        <v>815</v>
      </c>
      <c r="C11998" t="s">
        <v>818</v>
      </c>
      <c r="D11998" t="s">
        <v>10578</v>
      </c>
    </row>
    <row r="11999" spans="1:4" x14ac:dyDescent="0.4">
      <c r="A11999">
        <v>1056139</v>
      </c>
      <c r="B11999" t="s">
        <v>815</v>
      </c>
      <c r="C11999" t="s">
        <v>818</v>
      </c>
      <c r="D11999" t="s">
        <v>10579</v>
      </c>
    </row>
    <row r="12000" spans="1:4" x14ac:dyDescent="0.4">
      <c r="A12000">
        <v>1056140</v>
      </c>
      <c r="B12000" t="s">
        <v>815</v>
      </c>
      <c r="C12000" t="s">
        <v>818</v>
      </c>
      <c r="D12000" t="s">
        <v>10580</v>
      </c>
    </row>
    <row r="12001" spans="1:4" x14ac:dyDescent="0.4">
      <c r="A12001">
        <v>1060044</v>
      </c>
      <c r="B12001" t="s">
        <v>815</v>
      </c>
      <c r="C12001" t="s">
        <v>818</v>
      </c>
      <c r="D12001" t="s">
        <v>10581</v>
      </c>
    </row>
    <row r="12002" spans="1:4" x14ac:dyDescent="0.4">
      <c r="A12002">
        <v>1050021</v>
      </c>
      <c r="B12002" t="s">
        <v>815</v>
      </c>
      <c r="C12002" t="s">
        <v>818</v>
      </c>
      <c r="D12002" t="s">
        <v>10582</v>
      </c>
    </row>
    <row r="12003" spans="1:4" x14ac:dyDescent="0.4">
      <c r="A12003">
        <v>1057190</v>
      </c>
      <c r="B12003" t="s">
        <v>815</v>
      </c>
      <c r="C12003" t="s">
        <v>818</v>
      </c>
      <c r="D12003" t="s">
        <v>10583</v>
      </c>
    </row>
    <row r="12004" spans="1:4" x14ac:dyDescent="0.4">
      <c r="A12004">
        <v>1057101</v>
      </c>
      <c r="B12004" t="s">
        <v>815</v>
      </c>
      <c r="C12004" t="s">
        <v>818</v>
      </c>
      <c r="D12004" t="s">
        <v>10584</v>
      </c>
    </row>
    <row r="12005" spans="1:4" x14ac:dyDescent="0.4">
      <c r="A12005">
        <v>1057102</v>
      </c>
      <c r="B12005" t="s">
        <v>815</v>
      </c>
      <c r="C12005" t="s">
        <v>818</v>
      </c>
      <c r="D12005" t="s">
        <v>10585</v>
      </c>
    </row>
    <row r="12006" spans="1:4" x14ac:dyDescent="0.4">
      <c r="A12006">
        <v>1057103</v>
      </c>
      <c r="B12006" t="s">
        <v>815</v>
      </c>
      <c r="C12006" t="s">
        <v>818</v>
      </c>
      <c r="D12006" t="s">
        <v>10586</v>
      </c>
    </row>
    <row r="12007" spans="1:4" x14ac:dyDescent="0.4">
      <c r="A12007">
        <v>1057104</v>
      </c>
      <c r="B12007" t="s">
        <v>815</v>
      </c>
      <c r="C12007" t="s">
        <v>818</v>
      </c>
      <c r="D12007" t="s">
        <v>10587</v>
      </c>
    </row>
    <row r="12008" spans="1:4" x14ac:dyDescent="0.4">
      <c r="A12008">
        <v>1057105</v>
      </c>
      <c r="B12008" t="s">
        <v>815</v>
      </c>
      <c r="C12008" t="s">
        <v>818</v>
      </c>
      <c r="D12008" t="s">
        <v>10588</v>
      </c>
    </row>
    <row r="12009" spans="1:4" x14ac:dyDescent="0.4">
      <c r="A12009">
        <v>1057106</v>
      </c>
      <c r="B12009" t="s">
        <v>815</v>
      </c>
      <c r="C12009" t="s">
        <v>818</v>
      </c>
      <c r="D12009" t="s">
        <v>10589</v>
      </c>
    </row>
    <row r="12010" spans="1:4" x14ac:dyDescent="0.4">
      <c r="A12010">
        <v>1057107</v>
      </c>
      <c r="B12010" t="s">
        <v>815</v>
      </c>
      <c r="C12010" t="s">
        <v>818</v>
      </c>
      <c r="D12010" t="s">
        <v>10590</v>
      </c>
    </row>
    <row r="12011" spans="1:4" x14ac:dyDescent="0.4">
      <c r="A12011">
        <v>1057108</v>
      </c>
      <c r="B12011" t="s">
        <v>815</v>
      </c>
      <c r="C12011" t="s">
        <v>818</v>
      </c>
      <c r="D12011" t="s">
        <v>10591</v>
      </c>
    </row>
    <row r="12012" spans="1:4" x14ac:dyDescent="0.4">
      <c r="A12012">
        <v>1057109</v>
      </c>
      <c r="B12012" t="s">
        <v>815</v>
      </c>
      <c r="C12012" t="s">
        <v>818</v>
      </c>
      <c r="D12012" t="s">
        <v>10592</v>
      </c>
    </row>
    <row r="12013" spans="1:4" x14ac:dyDescent="0.4">
      <c r="A12013">
        <v>1057110</v>
      </c>
      <c r="B12013" t="s">
        <v>815</v>
      </c>
      <c r="C12013" t="s">
        <v>818</v>
      </c>
      <c r="D12013" t="s">
        <v>10593</v>
      </c>
    </row>
    <row r="12014" spans="1:4" x14ac:dyDescent="0.4">
      <c r="A12014">
        <v>1057111</v>
      </c>
      <c r="B12014" t="s">
        <v>815</v>
      </c>
      <c r="C12014" t="s">
        <v>818</v>
      </c>
      <c r="D12014" t="s">
        <v>10594</v>
      </c>
    </row>
    <row r="12015" spans="1:4" x14ac:dyDescent="0.4">
      <c r="A12015">
        <v>1057112</v>
      </c>
      <c r="B12015" t="s">
        <v>815</v>
      </c>
      <c r="C12015" t="s">
        <v>818</v>
      </c>
      <c r="D12015" t="s">
        <v>10595</v>
      </c>
    </row>
    <row r="12016" spans="1:4" x14ac:dyDescent="0.4">
      <c r="A12016">
        <v>1057113</v>
      </c>
      <c r="B12016" t="s">
        <v>815</v>
      </c>
      <c r="C12016" t="s">
        <v>818</v>
      </c>
      <c r="D12016" t="s">
        <v>10596</v>
      </c>
    </row>
    <row r="12017" spans="1:4" x14ac:dyDescent="0.4">
      <c r="A12017">
        <v>1057114</v>
      </c>
      <c r="B12017" t="s">
        <v>815</v>
      </c>
      <c r="C12017" t="s">
        <v>818</v>
      </c>
      <c r="D12017" t="s">
        <v>10597</v>
      </c>
    </row>
    <row r="12018" spans="1:4" x14ac:dyDescent="0.4">
      <c r="A12018">
        <v>1057115</v>
      </c>
      <c r="B12018" t="s">
        <v>815</v>
      </c>
      <c r="C12018" t="s">
        <v>818</v>
      </c>
      <c r="D12018" t="s">
        <v>10598</v>
      </c>
    </row>
    <row r="12019" spans="1:4" x14ac:dyDescent="0.4">
      <c r="A12019">
        <v>1057116</v>
      </c>
      <c r="B12019" t="s">
        <v>815</v>
      </c>
      <c r="C12019" t="s">
        <v>818</v>
      </c>
      <c r="D12019" t="s">
        <v>10599</v>
      </c>
    </row>
    <row r="12020" spans="1:4" x14ac:dyDescent="0.4">
      <c r="A12020">
        <v>1057117</v>
      </c>
      <c r="B12020" t="s">
        <v>815</v>
      </c>
      <c r="C12020" t="s">
        <v>818</v>
      </c>
      <c r="D12020" t="s">
        <v>10600</v>
      </c>
    </row>
    <row r="12021" spans="1:4" x14ac:dyDescent="0.4">
      <c r="A12021">
        <v>1057118</v>
      </c>
      <c r="B12021" t="s">
        <v>815</v>
      </c>
      <c r="C12021" t="s">
        <v>818</v>
      </c>
      <c r="D12021" t="s">
        <v>10601</v>
      </c>
    </row>
    <row r="12022" spans="1:4" x14ac:dyDescent="0.4">
      <c r="A12022">
        <v>1057119</v>
      </c>
      <c r="B12022" t="s">
        <v>815</v>
      </c>
      <c r="C12022" t="s">
        <v>818</v>
      </c>
      <c r="D12022" t="s">
        <v>10602</v>
      </c>
    </row>
    <row r="12023" spans="1:4" x14ac:dyDescent="0.4">
      <c r="A12023">
        <v>1057120</v>
      </c>
      <c r="B12023" t="s">
        <v>815</v>
      </c>
      <c r="C12023" t="s">
        <v>818</v>
      </c>
      <c r="D12023" t="s">
        <v>10603</v>
      </c>
    </row>
    <row r="12024" spans="1:4" x14ac:dyDescent="0.4">
      <c r="A12024">
        <v>1057121</v>
      </c>
      <c r="B12024" t="s">
        <v>815</v>
      </c>
      <c r="C12024" t="s">
        <v>818</v>
      </c>
      <c r="D12024" t="s">
        <v>10604</v>
      </c>
    </row>
    <row r="12025" spans="1:4" x14ac:dyDescent="0.4">
      <c r="A12025">
        <v>1057122</v>
      </c>
      <c r="B12025" t="s">
        <v>815</v>
      </c>
      <c r="C12025" t="s">
        <v>818</v>
      </c>
      <c r="D12025" t="s">
        <v>10605</v>
      </c>
    </row>
    <row r="12026" spans="1:4" x14ac:dyDescent="0.4">
      <c r="A12026">
        <v>1057123</v>
      </c>
      <c r="B12026" t="s">
        <v>815</v>
      </c>
      <c r="C12026" t="s">
        <v>818</v>
      </c>
      <c r="D12026" t="s">
        <v>10606</v>
      </c>
    </row>
    <row r="12027" spans="1:4" x14ac:dyDescent="0.4">
      <c r="A12027">
        <v>1057124</v>
      </c>
      <c r="B12027" t="s">
        <v>815</v>
      </c>
      <c r="C12027" t="s">
        <v>818</v>
      </c>
      <c r="D12027" t="s">
        <v>10607</v>
      </c>
    </row>
    <row r="12028" spans="1:4" x14ac:dyDescent="0.4">
      <c r="A12028">
        <v>1057125</v>
      </c>
      <c r="B12028" t="s">
        <v>815</v>
      </c>
      <c r="C12028" t="s">
        <v>818</v>
      </c>
      <c r="D12028" t="s">
        <v>10608</v>
      </c>
    </row>
    <row r="12029" spans="1:4" x14ac:dyDescent="0.4">
      <c r="A12029">
        <v>1057126</v>
      </c>
      <c r="B12029" t="s">
        <v>815</v>
      </c>
      <c r="C12029" t="s">
        <v>818</v>
      </c>
      <c r="D12029" t="s">
        <v>10609</v>
      </c>
    </row>
    <row r="12030" spans="1:4" x14ac:dyDescent="0.4">
      <c r="A12030">
        <v>1057127</v>
      </c>
      <c r="B12030" t="s">
        <v>815</v>
      </c>
      <c r="C12030" t="s">
        <v>818</v>
      </c>
      <c r="D12030" t="s">
        <v>10610</v>
      </c>
    </row>
    <row r="12031" spans="1:4" x14ac:dyDescent="0.4">
      <c r="A12031">
        <v>1057128</v>
      </c>
      <c r="B12031" t="s">
        <v>815</v>
      </c>
      <c r="C12031" t="s">
        <v>818</v>
      </c>
      <c r="D12031" t="s">
        <v>10611</v>
      </c>
    </row>
    <row r="12032" spans="1:4" x14ac:dyDescent="0.4">
      <c r="A12032">
        <v>1057129</v>
      </c>
      <c r="B12032" t="s">
        <v>815</v>
      </c>
      <c r="C12032" t="s">
        <v>818</v>
      </c>
      <c r="D12032" t="s">
        <v>10612</v>
      </c>
    </row>
    <row r="12033" spans="1:4" x14ac:dyDescent="0.4">
      <c r="A12033">
        <v>1057130</v>
      </c>
      <c r="B12033" t="s">
        <v>815</v>
      </c>
      <c r="C12033" t="s">
        <v>818</v>
      </c>
      <c r="D12033" t="s">
        <v>10613</v>
      </c>
    </row>
    <row r="12034" spans="1:4" x14ac:dyDescent="0.4">
      <c r="A12034">
        <v>1057131</v>
      </c>
      <c r="B12034" t="s">
        <v>815</v>
      </c>
      <c r="C12034" t="s">
        <v>818</v>
      </c>
      <c r="D12034" t="s">
        <v>10614</v>
      </c>
    </row>
    <row r="12035" spans="1:4" x14ac:dyDescent="0.4">
      <c r="A12035">
        <v>1057132</v>
      </c>
      <c r="B12035" t="s">
        <v>815</v>
      </c>
      <c r="C12035" t="s">
        <v>818</v>
      </c>
      <c r="D12035" t="s">
        <v>10615</v>
      </c>
    </row>
    <row r="12036" spans="1:4" x14ac:dyDescent="0.4">
      <c r="A12036">
        <v>1057133</v>
      </c>
      <c r="B12036" t="s">
        <v>815</v>
      </c>
      <c r="C12036" t="s">
        <v>818</v>
      </c>
      <c r="D12036" t="s">
        <v>10616</v>
      </c>
    </row>
    <row r="12037" spans="1:4" x14ac:dyDescent="0.4">
      <c r="A12037">
        <v>1057134</v>
      </c>
      <c r="B12037" t="s">
        <v>815</v>
      </c>
      <c r="C12037" t="s">
        <v>818</v>
      </c>
      <c r="D12037" t="s">
        <v>10617</v>
      </c>
    </row>
    <row r="12038" spans="1:4" x14ac:dyDescent="0.4">
      <c r="A12038">
        <v>1057135</v>
      </c>
      <c r="B12038" t="s">
        <v>815</v>
      </c>
      <c r="C12038" t="s">
        <v>818</v>
      </c>
      <c r="D12038" t="s">
        <v>10618</v>
      </c>
    </row>
    <row r="12039" spans="1:4" x14ac:dyDescent="0.4">
      <c r="A12039">
        <v>1057136</v>
      </c>
      <c r="B12039" t="s">
        <v>815</v>
      </c>
      <c r="C12039" t="s">
        <v>818</v>
      </c>
      <c r="D12039" t="s">
        <v>10619</v>
      </c>
    </row>
    <row r="12040" spans="1:4" x14ac:dyDescent="0.4">
      <c r="A12040">
        <v>1057137</v>
      </c>
      <c r="B12040" t="s">
        <v>815</v>
      </c>
      <c r="C12040" t="s">
        <v>818</v>
      </c>
      <c r="D12040" t="s">
        <v>10620</v>
      </c>
    </row>
    <row r="12041" spans="1:4" x14ac:dyDescent="0.4">
      <c r="A12041">
        <v>1057138</v>
      </c>
      <c r="B12041" t="s">
        <v>815</v>
      </c>
      <c r="C12041" t="s">
        <v>818</v>
      </c>
      <c r="D12041" t="s">
        <v>10621</v>
      </c>
    </row>
    <row r="12042" spans="1:4" x14ac:dyDescent="0.4">
      <c r="A12042">
        <v>1057139</v>
      </c>
      <c r="B12042" t="s">
        <v>815</v>
      </c>
      <c r="C12042" t="s">
        <v>818</v>
      </c>
      <c r="D12042" t="s">
        <v>10622</v>
      </c>
    </row>
    <row r="12043" spans="1:4" x14ac:dyDescent="0.4">
      <c r="A12043">
        <v>1057140</v>
      </c>
      <c r="B12043" t="s">
        <v>815</v>
      </c>
      <c r="C12043" t="s">
        <v>818</v>
      </c>
      <c r="D12043" t="s">
        <v>10623</v>
      </c>
    </row>
    <row r="12044" spans="1:4" x14ac:dyDescent="0.4">
      <c r="A12044">
        <v>1057141</v>
      </c>
      <c r="B12044" t="s">
        <v>815</v>
      </c>
      <c r="C12044" t="s">
        <v>818</v>
      </c>
      <c r="D12044" t="s">
        <v>10624</v>
      </c>
    </row>
    <row r="12045" spans="1:4" x14ac:dyDescent="0.4">
      <c r="A12045">
        <v>1057142</v>
      </c>
      <c r="B12045" t="s">
        <v>815</v>
      </c>
      <c r="C12045" t="s">
        <v>818</v>
      </c>
      <c r="D12045" t="s">
        <v>10625</v>
      </c>
    </row>
    <row r="12046" spans="1:4" x14ac:dyDescent="0.4">
      <c r="A12046">
        <v>1057143</v>
      </c>
      <c r="B12046" t="s">
        <v>815</v>
      </c>
      <c r="C12046" t="s">
        <v>818</v>
      </c>
      <c r="D12046" t="s">
        <v>10626</v>
      </c>
    </row>
    <row r="12047" spans="1:4" x14ac:dyDescent="0.4">
      <c r="A12047">
        <v>1057290</v>
      </c>
      <c r="B12047" t="s">
        <v>815</v>
      </c>
      <c r="C12047" t="s">
        <v>818</v>
      </c>
      <c r="D12047" t="s">
        <v>10627</v>
      </c>
    </row>
    <row r="12048" spans="1:4" x14ac:dyDescent="0.4">
      <c r="A12048">
        <v>1057201</v>
      </c>
      <c r="B12048" t="s">
        <v>815</v>
      </c>
      <c r="C12048" t="s">
        <v>818</v>
      </c>
      <c r="D12048" t="s">
        <v>10628</v>
      </c>
    </row>
    <row r="12049" spans="1:4" x14ac:dyDescent="0.4">
      <c r="A12049">
        <v>1057202</v>
      </c>
      <c r="B12049" t="s">
        <v>815</v>
      </c>
      <c r="C12049" t="s">
        <v>818</v>
      </c>
      <c r="D12049" t="s">
        <v>10629</v>
      </c>
    </row>
    <row r="12050" spans="1:4" x14ac:dyDescent="0.4">
      <c r="A12050">
        <v>1057203</v>
      </c>
      <c r="B12050" t="s">
        <v>815</v>
      </c>
      <c r="C12050" t="s">
        <v>818</v>
      </c>
      <c r="D12050" t="s">
        <v>10630</v>
      </c>
    </row>
    <row r="12051" spans="1:4" x14ac:dyDescent="0.4">
      <c r="A12051">
        <v>1057204</v>
      </c>
      <c r="B12051" t="s">
        <v>815</v>
      </c>
      <c r="C12051" t="s">
        <v>818</v>
      </c>
      <c r="D12051" t="s">
        <v>10631</v>
      </c>
    </row>
    <row r="12052" spans="1:4" x14ac:dyDescent="0.4">
      <c r="A12052">
        <v>1057205</v>
      </c>
      <c r="B12052" t="s">
        <v>815</v>
      </c>
      <c r="C12052" t="s">
        <v>818</v>
      </c>
      <c r="D12052" t="s">
        <v>10632</v>
      </c>
    </row>
    <row r="12053" spans="1:4" x14ac:dyDescent="0.4">
      <c r="A12053">
        <v>1057206</v>
      </c>
      <c r="B12053" t="s">
        <v>815</v>
      </c>
      <c r="C12053" t="s">
        <v>818</v>
      </c>
      <c r="D12053" t="s">
        <v>10633</v>
      </c>
    </row>
    <row r="12054" spans="1:4" x14ac:dyDescent="0.4">
      <c r="A12054">
        <v>1057207</v>
      </c>
      <c r="B12054" t="s">
        <v>815</v>
      </c>
      <c r="C12054" t="s">
        <v>818</v>
      </c>
      <c r="D12054" t="s">
        <v>10634</v>
      </c>
    </row>
    <row r="12055" spans="1:4" x14ac:dyDescent="0.4">
      <c r="A12055">
        <v>1057208</v>
      </c>
      <c r="B12055" t="s">
        <v>815</v>
      </c>
      <c r="C12055" t="s">
        <v>818</v>
      </c>
      <c r="D12055" t="s">
        <v>10635</v>
      </c>
    </row>
    <row r="12056" spans="1:4" x14ac:dyDescent="0.4">
      <c r="A12056">
        <v>1057209</v>
      </c>
      <c r="B12056" t="s">
        <v>815</v>
      </c>
      <c r="C12056" t="s">
        <v>818</v>
      </c>
      <c r="D12056" t="s">
        <v>10636</v>
      </c>
    </row>
    <row r="12057" spans="1:4" x14ac:dyDescent="0.4">
      <c r="A12057">
        <v>1057210</v>
      </c>
      <c r="B12057" t="s">
        <v>815</v>
      </c>
      <c r="C12057" t="s">
        <v>818</v>
      </c>
      <c r="D12057" t="s">
        <v>10637</v>
      </c>
    </row>
    <row r="12058" spans="1:4" x14ac:dyDescent="0.4">
      <c r="A12058">
        <v>1057211</v>
      </c>
      <c r="B12058" t="s">
        <v>815</v>
      </c>
      <c r="C12058" t="s">
        <v>818</v>
      </c>
      <c r="D12058" t="s">
        <v>10638</v>
      </c>
    </row>
    <row r="12059" spans="1:4" x14ac:dyDescent="0.4">
      <c r="A12059">
        <v>1057212</v>
      </c>
      <c r="B12059" t="s">
        <v>815</v>
      </c>
      <c r="C12059" t="s">
        <v>818</v>
      </c>
      <c r="D12059" t="s">
        <v>10639</v>
      </c>
    </row>
    <row r="12060" spans="1:4" x14ac:dyDescent="0.4">
      <c r="A12060">
        <v>3501111</v>
      </c>
      <c r="B12060" t="s">
        <v>1636</v>
      </c>
      <c r="C12060" t="s">
        <v>9278</v>
      </c>
      <c r="D12060" t="s">
        <v>1928</v>
      </c>
    </row>
    <row r="12061" spans="1:4" x14ac:dyDescent="0.4">
      <c r="A12061">
        <v>3501115</v>
      </c>
      <c r="B12061" t="s">
        <v>1636</v>
      </c>
      <c r="C12061" t="s">
        <v>9278</v>
      </c>
      <c r="D12061" t="s">
        <v>10640</v>
      </c>
    </row>
    <row r="12062" spans="1:4" x14ac:dyDescent="0.4">
      <c r="A12062">
        <v>3500851</v>
      </c>
      <c r="B12062" t="s">
        <v>1636</v>
      </c>
      <c r="C12062" t="s">
        <v>9278</v>
      </c>
      <c r="D12062" t="s">
        <v>1692</v>
      </c>
    </row>
    <row r="12063" spans="1:4" x14ac:dyDescent="0.4">
      <c r="A12063">
        <v>3501114</v>
      </c>
      <c r="B12063" t="s">
        <v>1636</v>
      </c>
      <c r="C12063" t="s">
        <v>9278</v>
      </c>
      <c r="D12063" t="s">
        <v>8002</v>
      </c>
    </row>
    <row r="12064" spans="1:4" x14ac:dyDescent="0.4">
      <c r="A12064">
        <v>3500847</v>
      </c>
      <c r="B12064" t="s">
        <v>1636</v>
      </c>
      <c r="C12064" t="s">
        <v>9278</v>
      </c>
      <c r="D12064" t="s">
        <v>10641</v>
      </c>
    </row>
    <row r="12065" spans="1:4" x14ac:dyDescent="0.4">
      <c r="A12065">
        <v>3500814</v>
      </c>
      <c r="B12065" t="s">
        <v>1636</v>
      </c>
      <c r="C12065" t="s">
        <v>9278</v>
      </c>
      <c r="D12065" t="s">
        <v>2030</v>
      </c>
    </row>
    <row r="12066" spans="1:4" x14ac:dyDescent="0.4">
      <c r="A12066">
        <v>3500813</v>
      </c>
      <c r="B12066" t="s">
        <v>1636</v>
      </c>
      <c r="C12066" t="s">
        <v>9278</v>
      </c>
      <c r="D12066" t="s">
        <v>10642</v>
      </c>
    </row>
    <row r="12067" spans="1:4" x14ac:dyDescent="0.4">
      <c r="A12067">
        <v>3500805</v>
      </c>
      <c r="B12067" t="s">
        <v>1636</v>
      </c>
      <c r="C12067" t="s">
        <v>9278</v>
      </c>
      <c r="D12067" t="s">
        <v>10643</v>
      </c>
    </row>
    <row r="12068" spans="1:4" x14ac:dyDescent="0.4">
      <c r="A12068">
        <v>3500831</v>
      </c>
      <c r="B12068" t="s">
        <v>1636</v>
      </c>
      <c r="C12068" t="s">
        <v>9278</v>
      </c>
      <c r="D12068" t="s">
        <v>8209</v>
      </c>
    </row>
    <row r="12069" spans="1:4" x14ac:dyDescent="0.4">
      <c r="A12069">
        <v>3500821</v>
      </c>
      <c r="B12069" t="s">
        <v>1636</v>
      </c>
      <c r="C12069" t="s">
        <v>9278</v>
      </c>
      <c r="D12069" t="s">
        <v>5131</v>
      </c>
    </row>
    <row r="12070" spans="1:4" x14ac:dyDescent="0.4">
      <c r="A12070">
        <v>3500018</v>
      </c>
      <c r="B12070" t="s">
        <v>1636</v>
      </c>
      <c r="C12070" t="s">
        <v>9278</v>
      </c>
      <c r="D12070" t="s">
        <v>10644</v>
      </c>
    </row>
    <row r="12071" spans="1:4" x14ac:dyDescent="0.4">
      <c r="A12071">
        <v>3501166</v>
      </c>
      <c r="B12071" t="s">
        <v>1636</v>
      </c>
      <c r="C12071" t="s">
        <v>9278</v>
      </c>
      <c r="D12071" t="s">
        <v>4417</v>
      </c>
    </row>
    <row r="12072" spans="1:4" x14ac:dyDescent="0.4">
      <c r="A12072">
        <v>3501142</v>
      </c>
      <c r="B12072" t="s">
        <v>1636</v>
      </c>
      <c r="C12072" t="s">
        <v>9278</v>
      </c>
      <c r="D12072" t="s">
        <v>4211</v>
      </c>
    </row>
    <row r="12073" spans="1:4" x14ac:dyDescent="0.4">
      <c r="A12073">
        <v>3500802</v>
      </c>
      <c r="B12073" t="s">
        <v>1636</v>
      </c>
      <c r="C12073" t="s">
        <v>9278</v>
      </c>
      <c r="D12073" t="s">
        <v>207</v>
      </c>
    </row>
    <row r="12074" spans="1:4" x14ac:dyDescent="0.4">
      <c r="A12074">
        <v>3500033</v>
      </c>
      <c r="B12074" t="s">
        <v>1636</v>
      </c>
      <c r="C12074" t="s">
        <v>9278</v>
      </c>
      <c r="D12074" t="s">
        <v>1605</v>
      </c>
    </row>
    <row r="12075" spans="1:4" x14ac:dyDescent="0.4">
      <c r="A12075">
        <v>3501143</v>
      </c>
      <c r="B12075" t="s">
        <v>1636</v>
      </c>
      <c r="C12075" t="s">
        <v>9278</v>
      </c>
      <c r="D12075" t="s">
        <v>4218</v>
      </c>
    </row>
    <row r="12076" spans="1:4" x14ac:dyDescent="0.4">
      <c r="A12076">
        <v>3500014</v>
      </c>
      <c r="B12076" t="s">
        <v>1636</v>
      </c>
      <c r="C12076" t="s">
        <v>9278</v>
      </c>
      <c r="D12076" t="s">
        <v>3960</v>
      </c>
    </row>
    <row r="12077" spans="1:4" x14ac:dyDescent="0.4">
      <c r="A12077">
        <v>3500001</v>
      </c>
      <c r="B12077" t="s">
        <v>1636</v>
      </c>
      <c r="C12077" t="s">
        <v>9278</v>
      </c>
      <c r="D12077" t="s">
        <v>10645</v>
      </c>
    </row>
    <row r="12078" spans="1:4" x14ac:dyDescent="0.4">
      <c r="A12078">
        <v>3500002</v>
      </c>
      <c r="B12078" t="s">
        <v>1636</v>
      </c>
      <c r="C12078" t="s">
        <v>9278</v>
      </c>
      <c r="D12078" t="s">
        <v>10646</v>
      </c>
    </row>
    <row r="12079" spans="1:4" x14ac:dyDescent="0.4">
      <c r="A12079">
        <v>3501172</v>
      </c>
      <c r="B12079" t="s">
        <v>1636</v>
      </c>
      <c r="C12079" t="s">
        <v>9278</v>
      </c>
      <c r="D12079" t="s">
        <v>10647</v>
      </c>
    </row>
    <row r="12080" spans="1:4" x14ac:dyDescent="0.4">
      <c r="A12080">
        <v>3500056</v>
      </c>
      <c r="B12080" t="s">
        <v>1636</v>
      </c>
      <c r="C12080" t="s">
        <v>9278</v>
      </c>
      <c r="D12080" t="s">
        <v>10648</v>
      </c>
    </row>
    <row r="12081" spans="1:4" x14ac:dyDescent="0.4">
      <c r="A12081">
        <v>3500857</v>
      </c>
      <c r="B12081" t="s">
        <v>1636</v>
      </c>
      <c r="C12081" t="s">
        <v>9278</v>
      </c>
      <c r="D12081" t="s">
        <v>5840</v>
      </c>
    </row>
    <row r="12082" spans="1:4" x14ac:dyDescent="0.4">
      <c r="A12082">
        <v>3501101</v>
      </c>
      <c r="B12082" t="s">
        <v>1636</v>
      </c>
      <c r="C12082" t="s">
        <v>9278</v>
      </c>
      <c r="D12082" t="s">
        <v>10649</v>
      </c>
    </row>
    <row r="12083" spans="1:4" x14ac:dyDescent="0.4">
      <c r="A12083">
        <v>3501107</v>
      </c>
      <c r="B12083" t="s">
        <v>1636</v>
      </c>
      <c r="C12083" t="s">
        <v>9278</v>
      </c>
      <c r="D12083" t="s">
        <v>10650</v>
      </c>
    </row>
    <row r="12084" spans="1:4" x14ac:dyDescent="0.4">
      <c r="A12084">
        <v>3501102</v>
      </c>
      <c r="B12084" t="s">
        <v>1636</v>
      </c>
      <c r="C12084" t="s">
        <v>9278</v>
      </c>
      <c r="D12084" t="s">
        <v>10651</v>
      </c>
    </row>
    <row r="12085" spans="1:4" x14ac:dyDescent="0.4">
      <c r="A12085">
        <v>3501162</v>
      </c>
      <c r="B12085" t="s">
        <v>1636</v>
      </c>
      <c r="C12085" t="s">
        <v>9278</v>
      </c>
      <c r="D12085" t="s">
        <v>10652</v>
      </c>
    </row>
    <row r="12086" spans="1:4" x14ac:dyDescent="0.4">
      <c r="A12086">
        <v>3500027</v>
      </c>
      <c r="B12086" t="s">
        <v>1636</v>
      </c>
      <c r="C12086" t="s">
        <v>9278</v>
      </c>
      <c r="D12086" t="s">
        <v>10653</v>
      </c>
    </row>
    <row r="12087" spans="1:4" x14ac:dyDescent="0.4">
      <c r="A12087">
        <v>3501165</v>
      </c>
      <c r="B12087" t="s">
        <v>1636</v>
      </c>
      <c r="C12087" t="s">
        <v>9278</v>
      </c>
      <c r="D12087" t="s">
        <v>6392</v>
      </c>
    </row>
    <row r="12088" spans="1:4" x14ac:dyDescent="0.4">
      <c r="A12088">
        <v>3500045</v>
      </c>
      <c r="B12088" t="s">
        <v>1636</v>
      </c>
      <c r="C12088" t="s">
        <v>9278</v>
      </c>
      <c r="D12088" t="s">
        <v>10654</v>
      </c>
    </row>
    <row r="12089" spans="1:4" x14ac:dyDescent="0.4">
      <c r="A12089">
        <v>3500052</v>
      </c>
      <c r="B12089" t="s">
        <v>1636</v>
      </c>
      <c r="C12089" t="s">
        <v>9278</v>
      </c>
      <c r="D12089" t="s">
        <v>1617</v>
      </c>
    </row>
    <row r="12090" spans="1:4" x14ac:dyDescent="0.4">
      <c r="A12090">
        <v>3500838</v>
      </c>
      <c r="B12090" t="s">
        <v>1636</v>
      </c>
      <c r="C12090" t="s">
        <v>9278</v>
      </c>
      <c r="D12090" t="s">
        <v>9487</v>
      </c>
    </row>
    <row r="12091" spans="1:4" x14ac:dyDescent="0.4">
      <c r="A12091">
        <v>3501170</v>
      </c>
      <c r="B12091" t="s">
        <v>1636</v>
      </c>
      <c r="C12091" t="s">
        <v>9278</v>
      </c>
      <c r="D12091" t="s">
        <v>10655</v>
      </c>
    </row>
    <row r="12092" spans="1:4" x14ac:dyDescent="0.4">
      <c r="A12092">
        <v>3500062</v>
      </c>
      <c r="B12092" t="s">
        <v>1636</v>
      </c>
      <c r="C12092" t="s">
        <v>9278</v>
      </c>
      <c r="D12092" t="s">
        <v>1841</v>
      </c>
    </row>
    <row r="12093" spans="1:4" x14ac:dyDescent="0.4">
      <c r="A12093">
        <v>3500003</v>
      </c>
      <c r="B12093" t="s">
        <v>1636</v>
      </c>
      <c r="C12093" t="s">
        <v>9278</v>
      </c>
      <c r="D12093" t="s">
        <v>10656</v>
      </c>
    </row>
    <row r="12094" spans="1:4" x14ac:dyDescent="0.4">
      <c r="A12094">
        <v>3500836</v>
      </c>
      <c r="B12094" t="s">
        <v>1636</v>
      </c>
      <c r="C12094" t="s">
        <v>9278</v>
      </c>
      <c r="D12094" t="s">
        <v>853</v>
      </c>
    </row>
    <row r="12095" spans="1:4" x14ac:dyDescent="0.4">
      <c r="A12095">
        <v>3501169</v>
      </c>
      <c r="B12095" t="s">
        <v>1636</v>
      </c>
      <c r="C12095" t="s">
        <v>9278</v>
      </c>
      <c r="D12095" t="s">
        <v>10657</v>
      </c>
    </row>
    <row r="12096" spans="1:4" x14ac:dyDescent="0.4">
      <c r="A12096">
        <v>3500822</v>
      </c>
      <c r="B12096" t="s">
        <v>1636</v>
      </c>
      <c r="C12096" t="s">
        <v>9278</v>
      </c>
      <c r="D12096" t="s">
        <v>3729</v>
      </c>
    </row>
    <row r="12097" spans="1:4" x14ac:dyDescent="0.4">
      <c r="A12097">
        <v>3500807</v>
      </c>
      <c r="B12097" t="s">
        <v>1636</v>
      </c>
      <c r="C12097" t="s">
        <v>9278</v>
      </c>
      <c r="D12097" t="s">
        <v>6486</v>
      </c>
    </row>
    <row r="12098" spans="1:4" x14ac:dyDescent="0.4">
      <c r="A12098">
        <v>3500808</v>
      </c>
      <c r="B12098" t="s">
        <v>1636</v>
      </c>
      <c r="C12098" t="s">
        <v>9278</v>
      </c>
      <c r="D12098" t="s">
        <v>10658</v>
      </c>
    </row>
    <row r="12099" spans="1:4" x14ac:dyDescent="0.4">
      <c r="A12099">
        <v>3500833</v>
      </c>
      <c r="B12099" t="s">
        <v>1636</v>
      </c>
      <c r="C12099" t="s">
        <v>9278</v>
      </c>
      <c r="D12099" t="s">
        <v>10659</v>
      </c>
    </row>
    <row r="12100" spans="1:4" x14ac:dyDescent="0.4">
      <c r="A12100">
        <v>3501163</v>
      </c>
      <c r="B12100" t="s">
        <v>1636</v>
      </c>
      <c r="C12100" t="s">
        <v>9278</v>
      </c>
      <c r="D12100" t="s">
        <v>10660</v>
      </c>
    </row>
    <row r="12101" spans="1:4" x14ac:dyDescent="0.4">
      <c r="A12101">
        <v>3500066</v>
      </c>
      <c r="B12101" t="s">
        <v>1636</v>
      </c>
      <c r="C12101" t="s">
        <v>9278</v>
      </c>
      <c r="D12101" t="s">
        <v>10661</v>
      </c>
    </row>
    <row r="12102" spans="1:4" x14ac:dyDescent="0.4">
      <c r="A12102">
        <v>3500041</v>
      </c>
      <c r="B12102" t="s">
        <v>1636</v>
      </c>
      <c r="C12102" t="s">
        <v>9278</v>
      </c>
      <c r="D12102" t="s">
        <v>6159</v>
      </c>
    </row>
    <row r="12103" spans="1:4" x14ac:dyDescent="0.4">
      <c r="A12103">
        <v>3501121</v>
      </c>
      <c r="B12103" t="s">
        <v>1636</v>
      </c>
      <c r="C12103" t="s">
        <v>9278</v>
      </c>
      <c r="D12103" t="s">
        <v>10662</v>
      </c>
    </row>
    <row r="12104" spans="1:4" x14ac:dyDescent="0.4">
      <c r="A12104">
        <v>3501123</v>
      </c>
      <c r="B12104" t="s">
        <v>1636</v>
      </c>
      <c r="C12104" t="s">
        <v>9278</v>
      </c>
      <c r="D12104" t="s">
        <v>10663</v>
      </c>
    </row>
    <row r="12105" spans="1:4" x14ac:dyDescent="0.4">
      <c r="A12105">
        <v>3501122</v>
      </c>
      <c r="B12105" t="s">
        <v>1636</v>
      </c>
      <c r="C12105" t="s">
        <v>9278</v>
      </c>
      <c r="D12105" t="s">
        <v>10664</v>
      </c>
    </row>
    <row r="12106" spans="1:4" x14ac:dyDescent="0.4">
      <c r="A12106">
        <v>3600000</v>
      </c>
      <c r="B12106" t="s">
        <v>1636</v>
      </c>
      <c r="C12106" t="s">
        <v>10665</v>
      </c>
    </row>
    <row r="12107" spans="1:4" x14ac:dyDescent="0.4">
      <c r="A12107">
        <v>3690106</v>
      </c>
      <c r="B12107" t="s">
        <v>1636</v>
      </c>
      <c r="C12107" t="s">
        <v>10665</v>
      </c>
      <c r="D12107" t="s">
        <v>10666</v>
      </c>
    </row>
    <row r="12108" spans="1:4" x14ac:dyDescent="0.4">
      <c r="A12108">
        <v>3600826</v>
      </c>
      <c r="B12108" t="s">
        <v>1636</v>
      </c>
      <c r="C12108" t="s">
        <v>10665</v>
      </c>
      <c r="D12108" t="s">
        <v>10667</v>
      </c>
    </row>
    <row r="12109" spans="1:4" x14ac:dyDescent="0.4">
      <c r="A12109">
        <v>3600033</v>
      </c>
      <c r="B12109" t="s">
        <v>1636</v>
      </c>
      <c r="C12109" t="s">
        <v>10665</v>
      </c>
      <c r="D12109" t="s">
        <v>3322</v>
      </c>
    </row>
    <row r="12110" spans="1:4" x14ac:dyDescent="0.4">
      <c r="A12110">
        <v>3600231</v>
      </c>
      <c r="B12110" t="s">
        <v>1636</v>
      </c>
      <c r="C12110" t="s">
        <v>10665</v>
      </c>
      <c r="D12110" t="s">
        <v>310</v>
      </c>
    </row>
    <row r="12111" spans="1:4" x14ac:dyDescent="0.4">
      <c r="A12111">
        <v>3600011</v>
      </c>
      <c r="B12111" t="s">
        <v>1636</v>
      </c>
      <c r="C12111" t="s">
        <v>10665</v>
      </c>
      <c r="D12111" t="s">
        <v>2276</v>
      </c>
    </row>
    <row r="12112" spans="1:4" x14ac:dyDescent="0.4">
      <c r="A12112">
        <v>3600816</v>
      </c>
      <c r="B12112" t="s">
        <v>1636</v>
      </c>
      <c r="C12112" t="s">
        <v>10665</v>
      </c>
      <c r="D12112" t="s">
        <v>858</v>
      </c>
    </row>
    <row r="12113" spans="1:4" x14ac:dyDescent="0.4">
      <c r="A12113">
        <v>3600821</v>
      </c>
      <c r="B12113" t="s">
        <v>1636</v>
      </c>
      <c r="C12113" t="s">
        <v>10665</v>
      </c>
      <c r="D12113" t="s">
        <v>2693</v>
      </c>
    </row>
    <row r="12114" spans="1:4" x14ac:dyDescent="0.4">
      <c r="A12114">
        <v>3600105</v>
      </c>
      <c r="B12114" t="s">
        <v>1636</v>
      </c>
      <c r="C12114" t="s">
        <v>10665</v>
      </c>
      <c r="D12114" t="s">
        <v>10668</v>
      </c>
    </row>
    <row r="12115" spans="1:4" x14ac:dyDescent="0.4">
      <c r="A12115">
        <v>3600236</v>
      </c>
      <c r="B12115" t="s">
        <v>1636</v>
      </c>
      <c r="C12115" t="s">
        <v>10665</v>
      </c>
      <c r="D12115" t="s">
        <v>8044</v>
      </c>
    </row>
    <row r="12116" spans="1:4" x14ac:dyDescent="0.4">
      <c r="A12116">
        <v>3600005</v>
      </c>
      <c r="B12116" t="s">
        <v>1636</v>
      </c>
      <c r="C12116" t="s">
        <v>10665</v>
      </c>
      <c r="D12116" t="s">
        <v>2009</v>
      </c>
    </row>
    <row r="12117" spans="1:4" x14ac:dyDescent="0.4">
      <c r="A12117">
        <v>3600212</v>
      </c>
      <c r="B12117" t="s">
        <v>1636</v>
      </c>
      <c r="C12117" t="s">
        <v>10665</v>
      </c>
      <c r="D12117" t="s">
        <v>10669</v>
      </c>
    </row>
    <row r="12118" spans="1:4" x14ac:dyDescent="0.4">
      <c r="A12118">
        <v>3600823</v>
      </c>
      <c r="B12118" t="s">
        <v>1636</v>
      </c>
      <c r="C12118" t="s">
        <v>10665</v>
      </c>
      <c r="D12118" t="s">
        <v>2696</v>
      </c>
    </row>
    <row r="12119" spans="1:4" x14ac:dyDescent="0.4">
      <c r="A12119">
        <v>3600813</v>
      </c>
      <c r="B12119" t="s">
        <v>1636</v>
      </c>
      <c r="C12119" t="s">
        <v>10665</v>
      </c>
      <c r="D12119" t="s">
        <v>10670</v>
      </c>
    </row>
    <row r="12120" spans="1:4" x14ac:dyDescent="0.4">
      <c r="A12120">
        <v>3600103</v>
      </c>
      <c r="B12120" t="s">
        <v>1636</v>
      </c>
      <c r="C12120" t="s">
        <v>10665</v>
      </c>
      <c r="D12120" t="s">
        <v>10671</v>
      </c>
    </row>
    <row r="12121" spans="1:4" x14ac:dyDescent="0.4">
      <c r="A12121">
        <v>3600835</v>
      </c>
      <c r="B12121" t="s">
        <v>1636</v>
      </c>
      <c r="C12121" t="s">
        <v>10665</v>
      </c>
      <c r="D12121" t="s">
        <v>10672</v>
      </c>
    </row>
    <row r="12122" spans="1:4" x14ac:dyDescent="0.4">
      <c r="A12122">
        <v>3600025</v>
      </c>
      <c r="B12122" t="s">
        <v>1636</v>
      </c>
      <c r="C12122" t="s">
        <v>10665</v>
      </c>
      <c r="D12122" t="s">
        <v>10673</v>
      </c>
    </row>
    <row r="12123" spans="1:4" x14ac:dyDescent="0.4">
      <c r="A12123">
        <v>3600002</v>
      </c>
      <c r="B12123" t="s">
        <v>1636</v>
      </c>
      <c r="C12123" t="s">
        <v>10665</v>
      </c>
      <c r="D12123" t="s">
        <v>1536</v>
      </c>
    </row>
    <row r="12124" spans="1:4" x14ac:dyDescent="0.4">
      <c r="A12124">
        <v>3600221</v>
      </c>
      <c r="B12124" t="s">
        <v>1636</v>
      </c>
      <c r="C12124" t="s">
        <v>10665</v>
      </c>
      <c r="D12124" t="s">
        <v>4375</v>
      </c>
    </row>
    <row r="12125" spans="1:4" x14ac:dyDescent="0.4">
      <c r="A12125">
        <v>3600812</v>
      </c>
      <c r="B12125" t="s">
        <v>1636</v>
      </c>
      <c r="C12125" t="s">
        <v>10665</v>
      </c>
      <c r="D12125" t="s">
        <v>1827</v>
      </c>
    </row>
    <row r="12126" spans="1:4" x14ac:dyDescent="0.4">
      <c r="A12126">
        <v>3600111</v>
      </c>
      <c r="B12126" t="s">
        <v>1636</v>
      </c>
      <c r="C12126" t="s">
        <v>10665</v>
      </c>
      <c r="D12126" t="s">
        <v>781</v>
      </c>
    </row>
    <row r="12127" spans="1:4" x14ac:dyDescent="0.4">
      <c r="A12127">
        <v>3600017</v>
      </c>
      <c r="B12127" t="s">
        <v>1636</v>
      </c>
      <c r="C12127" t="s">
        <v>10665</v>
      </c>
      <c r="D12127" t="s">
        <v>10674</v>
      </c>
    </row>
    <row r="12128" spans="1:4" x14ac:dyDescent="0.4">
      <c r="A12128">
        <v>3600242</v>
      </c>
      <c r="B12128" t="s">
        <v>1636</v>
      </c>
      <c r="C12128" t="s">
        <v>10665</v>
      </c>
      <c r="D12128" t="s">
        <v>10675</v>
      </c>
    </row>
    <row r="12129" spans="1:4" x14ac:dyDescent="0.4">
      <c r="A12129">
        <v>3600803</v>
      </c>
      <c r="B12129" t="s">
        <v>1636</v>
      </c>
      <c r="C12129" t="s">
        <v>10665</v>
      </c>
      <c r="D12129" t="s">
        <v>10676</v>
      </c>
    </row>
    <row r="12130" spans="1:4" x14ac:dyDescent="0.4">
      <c r="A12130">
        <v>3600847</v>
      </c>
      <c r="B12130" t="s">
        <v>1636</v>
      </c>
      <c r="C12130" t="s">
        <v>10665</v>
      </c>
      <c r="D12130" t="s">
        <v>10677</v>
      </c>
    </row>
    <row r="12131" spans="1:4" x14ac:dyDescent="0.4">
      <c r="A12131">
        <v>3690104</v>
      </c>
      <c r="B12131" t="s">
        <v>1636</v>
      </c>
      <c r="C12131" t="s">
        <v>10665</v>
      </c>
      <c r="D12131" t="s">
        <v>10678</v>
      </c>
    </row>
    <row r="12132" spans="1:4" x14ac:dyDescent="0.4">
      <c r="A12132">
        <v>3600046</v>
      </c>
      <c r="B12132" t="s">
        <v>1636</v>
      </c>
      <c r="C12132" t="s">
        <v>10665</v>
      </c>
      <c r="D12132" t="s">
        <v>10679</v>
      </c>
    </row>
    <row r="12133" spans="1:4" x14ac:dyDescent="0.4">
      <c r="A12133">
        <v>3600234</v>
      </c>
      <c r="B12133" t="s">
        <v>1636</v>
      </c>
      <c r="C12133" t="s">
        <v>10665</v>
      </c>
      <c r="D12133" t="s">
        <v>10680</v>
      </c>
    </row>
    <row r="12134" spans="1:4" x14ac:dyDescent="0.4">
      <c r="A12134">
        <v>3600125</v>
      </c>
      <c r="B12134" t="s">
        <v>1636</v>
      </c>
      <c r="C12134" t="s">
        <v>10665</v>
      </c>
      <c r="D12134" t="s">
        <v>10681</v>
      </c>
    </row>
    <row r="12135" spans="1:4" x14ac:dyDescent="0.4">
      <c r="A12135">
        <v>3600004</v>
      </c>
      <c r="B12135" t="s">
        <v>1636</v>
      </c>
      <c r="C12135" t="s">
        <v>10665</v>
      </c>
      <c r="D12135" t="s">
        <v>10682</v>
      </c>
    </row>
    <row r="12136" spans="1:4" x14ac:dyDescent="0.4">
      <c r="A12136">
        <v>3600117</v>
      </c>
      <c r="B12136" t="s">
        <v>1636</v>
      </c>
      <c r="C12136" t="s">
        <v>10665</v>
      </c>
      <c r="D12136" t="s">
        <v>4101</v>
      </c>
    </row>
    <row r="12137" spans="1:4" x14ac:dyDescent="0.4">
      <c r="A12137">
        <v>3600213</v>
      </c>
      <c r="B12137" t="s">
        <v>1636</v>
      </c>
      <c r="C12137" t="s">
        <v>10665</v>
      </c>
      <c r="D12137" t="s">
        <v>10683</v>
      </c>
    </row>
    <row r="12138" spans="1:4" x14ac:dyDescent="0.4">
      <c r="A12138">
        <v>3600001</v>
      </c>
      <c r="B12138" t="s">
        <v>1636</v>
      </c>
      <c r="C12138" t="s">
        <v>10665</v>
      </c>
      <c r="D12138" t="s">
        <v>10684</v>
      </c>
    </row>
    <row r="12139" spans="1:4" x14ac:dyDescent="0.4">
      <c r="A12139">
        <v>3600805</v>
      </c>
      <c r="B12139" t="s">
        <v>1636</v>
      </c>
      <c r="C12139" t="s">
        <v>10665</v>
      </c>
      <c r="D12139" t="s">
        <v>10685</v>
      </c>
    </row>
    <row r="12140" spans="1:4" x14ac:dyDescent="0.4">
      <c r="A12140">
        <v>3600217</v>
      </c>
      <c r="B12140" t="s">
        <v>1636</v>
      </c>
      <c r="C12140" t="s">
        <v>10665</v>
      </c>
      <c r="D12140" t="s">
        <v>10686</v>
      </c>
    </row>
    <row r="12141" spans="1:4" x14ac:dyDescent="0.4">
      <c r="A12141">
        <v>3600012</v>
      </c>
      <c r="B12141" t="s">
        <v>1636</v>
      </c>
      <c r="C12141" t="s">
        <v>10665</v>
      </c>
      <c r="D12141" t="s">
        <v>10687</v>
      </c>
    </row>
    <row r="12142" spans="1:4" x14ac:dyDescent="0.4">
      <c r="A12142">
        <v>3600837</v>
      </c>
      <c r="B12142" t="s">
        <v>1636</v>
      </c>
      <c r="C12142" t="s">
        <v>10665</v>
      </c>
      <c r="D12142" t="s">
        <v>10688</v>
      </c>
    </row>
    <row r="12143" spans="1:4" x14ac:dyDescent="0.4">
      <c r="A12143">
        <v>3600035</v>
      </c>
      <c r="B12143" t="s">
        <v>1636</v>
      </c>
      <c r="C12143" t="s">
        <v>10665</v>
      </c>
      <c r="D12143" t="s">
        <v>4844</v>
      </c>
    </row>
    <row r="12144" spans="1:4" x14ac:dyDescent="0.4">
      <c r="A12144">
        <v>3600136</v>
      </c>
      <c r="B12144" t="s">
        <v>1636</v>
      </c>
      <c r="C12144" t="s">
        <v>10665</v>
      </c>
      <c r="D12144" t="s">
        <v>10689</v>
      </c>
    </row>
    <row r="12145" spans="1:4" x14ac:dyDescent="0.4">
      <c r="A12145">
        <v>3600032</v>
      </c>
      <c r="B12145" t="s">
        <v>1636</v>
      </c>
      <c r="C12145" t="s">
        <v>10665</v>
      </c>
      <c r="D12145" t="s">
        <v>1100</v>
      </c>
    </row>
    <row r="12146" spans="1:4" x14ac:dyDescent="0.4">
      <c r="A12146">
        <v>3600026</v>
      </c>
      <c r="B12146" t="s">
        <v>1636</v>
      </c>
      <c r="C12146" t="s">
        <v>10665</v>
      </c>
      <c r="D12146" t="s">
        <v>5869</v>
      </c>
    </row>
    <row r="12147" spans="1:4" x14ac:dyDescent="0.4">
      <c r="A12147">
        <v>3600222</v>
      </c>
      <c r="B12147" t="s">
        <v>1636</v>
      </c>
      <c r="C12147" t="s">
        <v>10665</v>
      </c>
      <c r="D12147" t="s">
        <v>10690</v>
      </c>
    </row>
    <row r="12148" spans="1:4" x14ac:dyDescent="0.4">
      <c r="A12148">
        <v>3600131</v>
      </c>
      <c r="B12148" t="s">
        <v>1636</v>
      </c>
      <c r="C12148" t="s">
        <v>10665</v>
      </c>
      <c r="D12148" t="s">
        <v>10691</v>
      </c>
    </row>
    <row r="12149" spans="1:4" x14ac:dyDescent="0.4">
      <c r="A12149">
        <v>3600831</v>
      </c>
      <c r="B12149" t="s">
        <v>1636</v>
      </c>
      <c r="C12149" t="s">
        <v>10665</v>
      </c>
      <c r="D12149" t="s">
        <v>10692</v>
      </c>
    </row>
    <row r="12150" spans="1:4" x14ac:dyDescent="0.4">
      <c r="A12150">
        <v>3600016</v>
      </c>
      <c r="B12150" t="s">
        <v>1636</v>
      </c>
      <c r="C12150" t="s">
        <v>10665</v>
      </c>
      <c r="D12150" t="s">
        <v>10693</v>
      </c>
    </row>
    <row r="12151" spans="1:4" x14ac:dyDescent="0.4">
      <c r="A12151">
        <v>3600122</v>
      </c>
      <c r="B12151" t="s">
        <v>1636</v>
      </c>
      <c r="C12151" t="s">
        <v>10665</v>
      </c>
      <c r="D12151" t="s">
        <v>6792</v>
      </c>
    </row>
    <row r="12152" spans="1:4" x14ac:dyDescent="0.4">
      <c r="A12152">
        <v>3600015</v>
      </c>
      <c r="B12152" t="s">
        <v>1636</v>
      </c>
      <c r="C12152" t="s">
        <v>10665</v>
      </c>
      <c r="D12152" t="s">
        <v>10694</v>
      </c>
    </row>
    <row r="12153" spans="1:4" x14ac:dyDescent="0.4">
      <c r="A12153">
        <v>3600114</v>
      </c>
      <c r="B12153" t="s">
        <v>1636</v>
      </c>
      <c r="C12153" t="s">
        <v>10665</v>
      </c>
      <c r="D12153" t="s">
        <v>10695</v>
      </c>
    </row>
    <row r="12154" spans="1:4" x14ac:dyDescent="0.4">
      <c r="A12154">
        <v>3600832</v>
      </c>
      <c r="B12154" t="s">
        <v>1636</v>
      </c>
      <c r="C12154" t="s">
        <v>10665</v>
      </c>
      <c r="D12154" t="s">
        <v>838</v>
      </c>
    </row>
    <row r="12155" spans="1:4" x14ac:dyDescent="0.4">
      <c r="A12155">
        <v>3690103</v>
      </c>
      <c r="B12155" t="s">
        <v>1636</v>
      </c>
      <c r="C12155" t="s">
        <v>10665</v>
      </c>
      <c r="D12155" t="s">
        <v>10696</v>
      </c>
    </row>
    <row r="12156" spans="1:4" x14ac:dyDescent="0.4">
      <c r="A12156">
        <v>3600036</v>
      </c>
      <c r="B12156" t="s">
        <v>1636</v>
      </c>
      <c r="C12156" t="s">
        <v>10665</v>
      </c>
      <c r="D12156" t="s">
        <v>4252</v>
      </c>
    </row>
    <row r="12157" spans="1:4" x14ac:dyDescent="0.4">
      <c r="A12157">
        <v>3600814</v>
      </c>
      <c r="B12157" t="s">
        <v>1636</v>
      </c>
      <c r="C12157" t="s">
        <v>10665</v>
      </c>
      <c r="D12157" t="s">
        <v>165</v>
      </c>
    </row>
    <row r="12158" spans="1:4" x14ac:dyDescent="0.4">
      <c r="A12158">
        <v>3600023</v>
      </c>
      <c r="B12158" t="s">
        <v>1636</v>
      </c>
      <c r="C12158" t="s">
        <v>10665</v>
      </c>
      <c r="D12158" t="s">
        <v>10697</v>
      </c>
    </row>
    <row r="12159" spans="1:4" x14ac:dyDescent="0.4">
      <c r="A12159">
        <v>3600104</v>
      </c>
      <c r="B12159" t="s">
        <v>1636</v>
      </c>
      <c r="C12159" t="s">
        <v>10665</v>
      </c>
      <c r="D12159" t="s">
        <v>10698</v>
      </c>
    </row>
    <row r="12160" spans="1:4" x14ac:dyDescent="0.4">
      <c r="A12160">
        <v>3600106</v>
      </c>
      <c r="B12160" t="s">
        <v>1636</v>
      </c>
      <c r="C12160" t="s">
        <v>10665</v>
      </c>
      <c r="D12160" t="s">
        <v>10699</v>
      </c>
    </row>
    <row r="12161" spans="1:4" x14ac:dyDescent="0.4">
      <c r="A12161">
        <v>3600006</v>
      </c>
      <c r="B12161" t="s">
        <v>1636</v>
      </c>
      <c r="C12161" t="s">
        <v>10665</v>
      </c>
      <c r="D12161" t="s">
        <v>10700</v>
      </c>
    </row>
    <row r="12162" spans="1:4" x14ac:dyDescent="0.4">
      <c r="A12162">
        <v>3600123</v>
      </c>
      <c r="B12162" t="s">
        <v>1636</v>
      </c>
      <c r="C12162" t="s">
        <v>10665</v>
      </c>
      <c r="D12162" t="s">
        <v>10701</v>
      </c>
    </row>
    <row r="12163" spans="1:4" x14ac:dyDescent="0.4">
      <c r="A12163">
        <v>3600003</v>
      </c>
      <c r="B12163" t="s">
        <v>1636</v>
      </c>
      <c r="C12163" t="s">
        <v>10665</v>
      </c>
      <c r="D12163" t="s">
        <v>10702</v>
      </c>
    </row>
    <row r="12164" spans="1:4" x14ac:dyDescent="0.4">
      <c r="A12164">
        <v>3600802</v>
      </c>
      <c r="B12164" t="s">
        <v>1636</v>
      </c>
      <c r="C12164" t="s">
        <v>10665</v>
      </c>
      <c r="D12164" t="s">
        <v>10703</v>
      </c>
    </row>
    <row r="12165" spans="1:4" x14ac:dyDescent="0.4">
      <c r="A12165">
        <v>3600851</v>
      </c>
      <c r="B12165" t="s">
        <v>1636</v>
      </c>
      <c r="C12165" t="s">
        <v>10665</v>
      </c>
      <c r="D12165" t="s">
        <v>10704</v>
      </c>
    </row>
    <row r="12166" spans="1:4" x14ac:dyDescent="0.4">
      <c r="A12166">
        <v>3600846</v>
      </c>
      <c r="B12166" t="s">
        <v>1636</v>
      </c>
      <c r="C12166" t="s">
        <v>10665</v>
      </c>
      <c r="D12166" t="s">
        <v>10705</v>
      </c>
    </row>
    <row r="12167" spans="1:4" x14ac:dyDescent="0.4">
      <c r="A12167">
        <v>3600027</v>
      </c>
      <c r="B12167" t="s">
        <v>1636</v>
      </c>
      <c r="C12167" t="s">
        <v>10665</v>
      </c>
      <c r="D12167" t="s">
        <v>1101</v>
      </c>
    </row>
    <row r="12168" spans="1:4" x14ac:dyDescent="0.4">
      <c r="A12168">
        <v>3600031</v>
      </c>
      <c r="B12168" t="s">
        <v>1636</v>
      </c>
      <c r="C12168" t="s">
        <v>10665</v>
      </c>
      <c r="D12168" t="s">
        <v>4970</v>
      </c>
    </row>
    <row r="12169" spans="1:4" x14ac:dyDescent="0.4">
      <c r="A12169">
        <v>3600102</v>
      </c>
      <c r="B12169" t="s">
        <v>1636</v>
      </c>
      <c r="C12169" t="s">
        <v>10665</v>
      </c>
      <c r="D12169" t="s">
        <v>10706</v>
      </c>
    </row>
    <row r="12170" spans="1:4" x14ac:dyDescent="0.4">
      <c r="A12170">
        <v>3600834</v>
      </c>
      <c r="B12170" t="s">
        <v>1636</v>
      </c>
      <c r="C12170" t="s">
        <v>10665</v>
      </c>
      <c r="D12170" t="s">
        <v>10707</v>
      </c>
    </row>
    <row r="12171" spans="1:4" x14ac:dyDescent="0.4">
      <c r="A12171">
        <v>3600211</v>
      </c>
      <c r="B12171" t="s">
        <v>1636</v>
      </c>
      <c r="C12171" t="s">
        <v>10665</v>
      </c>
      <c r="D12171" t="s">
        <v>10708</v>
      </c>
    </row>
    <row r="12172" spans="1:4" x14ac:dyDescent="0.4">
      <c r="A12172">
        <v>3600107</v>
      </c>
      <c r="B12172" t="s">
        <v>1636</v>
      </c>
      <c r="C12172" t="s">
        <v>10665</v>
      </c>
      <c r="D12172" t="s">
        <v>6573</v>
      </c>
    </row>
    <row r="12173" spans="1:4" x14ac:dyDescent="0.4">
      <c r="A12173">
        <v>3600804</v>
      </c>
      <c r="B12173" t="s">
        <v>1636</v>
      </c>
      <c r="C12173" t="s">
        <v>10665</v>
      </c>
      <c r="D12173" t="s">
        <v>796</v>
      </c>
    </row>
    <row r="12174" spans="1:4" x14ac:dyDescent="0.4">
      <c r="A12174">
        <v>3600134</v>
      </c>
      <c r="B12174" t="s">
        <v>1636</v>
      </c>
      <c r="C12174" t="s">
        <v>10665</v>
      </c>
      <c r="D12174" t="s">
        <v>10709</v>
      </c>
    </row>
    <row r="12175" spans="1:4" x14ac:dyDescent="0.4">
      <c r="A12175">
        <v>3600855</v>
      </c>
      <c r="B12175" t="s">
        <v>1636</v>
      </c>
      <c r="C12175" t="s">
        <v>10665</v>
      </c>
      <c r="D12175" t="s">
        <v>182</v>
      </c>
    </row>
    <row r="12176" spans="1:4" x14ac:dyDescent="0.4">
      <c r="A12176">
        <v>3600215</v>
      </c>
      <c r="B12176" t="s">
        <v>1636</v>
      </c>
      <c r="C12176" t="s">
        <v>10665</v>
      </c>
      <c r="D12176" t="s">
        <v>1819</v>
      </c>
    </row>
    <row r="12177" spans="1:4" x14ac:dyDescent="0.4">
      <c r="A12177">
        <v>3600853</v>
      </c>
      <c r="B12177" t="s">
        <v>1636</v>
      </c>
      <c r="C12177" t="s">
        <v>10665</v>
      </c>
      <c r="D12177" t="s">
        <v>10710</v>
      </c>
    </row>
    <row r="12178" spans="1:4" x14ac:dyDescent="0.4">
      <c r="A12178">
        <v>3600854</v>
      </c>
      <c r="B12178" t="s">
        <v>1636</v>
      </c>
      <c r="C12178" t="s">
        <v>10665</v>
      </c>
      <c r="D12178" t="s">
        <v>10711</v>
      </c>
    </row>
    <row r="12179" spans="1:4" x14ac:dyDescent="0.4">
      <c r="A12179">
        <v>3690102</v>
      </c>
      <c r="B12179" t="s">
        <v>1636</v>
      </c>
      <c r="C12179" t="s">
        <v>10665</v>
      </c>
      <c r="D12179" t="s">
        <v>10712</v>
      </c>
    </row>
    <row r="12180" spans="1:4" x14ac:dyDescent="0.4">
      <c r="A12180">
        <v>3600223</v>
      </c>
      <c r="B12180" t="s">
        <v>1636</v>
      </c>
      <c r="C12180" t="s">
        <v>10665</v>
      </c>
      <c r="D12180" t="s">
        <v>10713</v>
      </c>
    </row>
    <row r="12181" spans="1:4" x14ac:dyDescent="0.4">
      <c r="A12181">
        <v>3600018</v>
      </c>
      <c r="B12181" t="s">
        <v>1636</v>
      </c>
      <c r="C12181" t="s">
        <v>10665</v>
      </c>
      <c r="D12181" t="s">
        <v>184</v>
      </c>
    </row>
    <row r="12182" spans="1:4" x14ac:dyDescent="0.4">
      <c r="A12182">
        <v>3600825</v>
      </c>
      <c r="B12182" t="s">
        <v>1636</v>
      </c>
      <c r="C12182" t="s">
        <v>10665</v>
      </c>
      <c r="D12182" t="s">
        <v>10714</v>
      </c>
    </row>
    <row r="12183" spans="1:4" x14ac:dyDescent="0.4">
      <c r="A12183">
        <v>3600037</v>
      </c>
      <c r="B12183" t="s">
        <v>1636</v>
      </c>
      <c r="C12183" t="s">
        <v>10665</v>
      </c>
      <c r="D12183" t="s">
        <v>1680</v>
      </c>
    </row>
    <row r="12184" spans="1:4" x14ac:dyDescent="0.4">
      <c r="A12184">
        <v>3690101</v>
      </c>
      <c r="B12184" t="s">
        <v>1636</v>
      </c>
      <c r="C12184" t="s">
        <v>10665</v>
      </c>
      <c r="D12184" t="s">
        <v>10715</v>
      </c>
    </row>
    <row r="12185" spans="1:4" x14ac:dyDescent="0.4">
      <c r="A12185">
        <v>3600132</v>
      </c>
      <c r="B12185" t="s">
        <v>1636</v>
      </c>
      <c r="C12185" t="s">
        <v>10665</v>
      </c>
      <c r="D12185" t="s">
        <v>10716</v>
      </c>
    </row>
    <row r="12186" spans="1:4" x14ac:dyDescent="0.4">
      <c r="A12186">
        <v>3600244</v>
      </c>
      <c r="B12186" t="s">
        <v>1636</v>
      </c>
      <c r="C12186" t="s">
        <v>10665</v>
      </c>
      <c r="D12186" t="s">
        <v>10717</v>
      </c>
    </row>
    <row r="12187" spans="1:4" x14ac:dyDescent="0.4">
      <c r="A12187">
        <v>3600121</v>
      </c>
      <c r="B12187" t="s">
        <v>1636</v>
      </c>
      <c r="C12187" t="s">
        <v>10665</v>
      </c>
      <c r="D12187" t="s">
        <v>10718</v>
      </c>
    </row>
    <row r="12188" spans="1:4" x14ac:dyDescent="0.4">
      <c r="A12188">
        <v>3600232</v>
      </c>
      <c r="B12188" t="s">
        <v>1636</v>
      </c>
      <c r="C12188" t="s">
        <v>10665</v>
      </c>
      <c r="D12188" t="s">
        <v>10719</v>
      </c>
    </row>
    <row r="12189" spans="1:4" x14ac:dyDescent="0.4">
      <c r="A12189">
        <v>3600022</v>
      </c>
      <c r="B12189" t="s">
        <v>1636</v>
      </c>
      <c r="C12189" t="s">
        <v>10665</v>
      </c>
      <c r="D12189" t="s">
        <v>10720</v>
      </c>
    </row>
    <row r="12190" spans="1:4" x14ac:dyDescent="0.4">
      <c r="A12190">
        <v>3600024</v>
      </c>
      <c r="B12190" t="s">
        <v>1636</v>
      </c>
      <c r="C12190" t="s">
        <v>10665</v>
      </c>
      <c r="D12190" t="s">
        <v>4600</v>
      </c>
    </row>
    <row r="12191" spans="1:4" x14ac:dyDescent="0.4">
      <c r="A12191">
        <v>3600237</v>
      </c>
      <c r="B12191" t="s">
        <v>1636</v>
      </c>
      <c r="C12191" t="s">
        <v>10665</v>
      </c>
      <c r="D12191" t="s">
        <v>10721</v>
      </c>
    </row>
    <row r="12192" spans="1:4" x14ac:dyDescent="0.4">
      <c r="A12192">
        <v>3600124</v>
      </c>
      <c r="B12192" t="s">
        <v>1636</v>
      </c>
      <c r="C12192" t="s">
        <v>10665</v>
      </c>
      <c r="D12192" t="s">
        <v>10722</v>
      </c>
    </row>
    <row r="12193" spans="1:4" x14ac:dyDescent="0.4">
      <c r="A12193">
        <v>3600133</v>
      </c>
      <c r="B12193" t="s">
        <v>1636</v>
      </c>
      <c r="C12193" t="s">
        <v>10665</v>
      </c>
      <c r="D12193" t="s">
        <v>4346</v>
      </c>
    </row>
    <row r="12194" spans="1:4" x14ac:dyDescent="0.4">
      <c r="A12194">
        <v>3600047</v>
      </c>
      <c r="B12194" t="s">
        <v>1636</v>
      </c>
      <c r="C12194" t="s">
        <v>10665</v>
      </c>
      <c r="D12194" t="s">
        <v>802</v>
      </c>
    </row>
    <row r="12195" spans="1:4" x14ac:dyDescent="0.4">
      <c r="A12195">
        <v>3600801</v>
      </c>
      <c r="B12195" t="s">
        <v>1636</v>
      </c>
      <c r="C12195" t="s">
        <v>10665</v>
      </c>
      <c r="D12195" t="s">
        <v>10723</v>
      </c>
    </row>
    <row r="12196" spans="1:4" x14ac:dyDescent="0.4">
      <c r="A12196">
        <v>3600013</v>
      </c>
      <c r="B12196" t="s">
        <v>1636</v>
      </c>
      <c r="C12196" t="s">
        <v>10665</v>
      </c>
      <c r="D12196" t="s">
        <v>10724</v>
      </c>
    </row>
    <row r="12197" spans="1:4" x14ac:dyDescent="0.4">
      <c r="A12197">
        <v>3600806</v>
      </c>
      <c r="B12197" t="s">
        <v>1636</v>
      </c>
      <c r="C12197" t="s">
        <v>10665</v>
      </c>
      <c r="D12197" t="s">
        <v>10725</v>
      </c>
    </row>
    <row r="12198" spans="1:4" x14ac:dyDescent="0.4">
      <c r="A12198">
        <v>3600115</v>
      </c>
      <c r="B12198" t="s">
        <v>1636</v>
      </c>
      <c r="C12198" t="s">
        <v>10665</v>
      </c>
      <c r="D12198" t="s">
        <v>10726</v>
      </c>
    </row>
    <row r="12199" spans="1:4" x14ac:dyDescent="0.4">
      <c r="A12199">
        <v>3600817</v>
      </c>
      <c r="B12199" t="s">
        <v>1636</v>
      </c>
      <c r="C12199" t="s">
        <v>10665</v>
      </c>
      <c r="D12199" t="s">
        <v>7122</v>
      </c>
    </row>
    <row r="12200" spans="1:4" x14ac:dyDescent="0.4">
      <c r="A12200">
        <v>3600841</v>
      </c>
      <c r="B12200" t="s">
        <v>1636</v>
      </c>
      <c r="C12200" t="s">
        <v>10665</v>
      </c>
      <c r="D12200" t="s">
        <v>1493</v>
      </c>
    </row>
    <row r="12201" spans="1:4" x14ac:dyDescent="0.4">
      <c r="A12201">
        <v>3600842</v>
      </c>
      <c r="B12201" t="s">
        <v>1636</v>
      </c>
      <c r="C12201" t="s">
        <v>10665</v>
      </c>
      <c r="D12201" t="s">
        <v>10727</v>
      </c>
    </row>
    <row r="12202" spans="1:4" x14ac:dyDescent="0.4">
      <c r="A12202">
        <v>3600214</v>
      </c>
      <c r="B12202" t="s">
        <v>1636</v>
      </c>
      <c r="C12202" t="s">
        <v>10665</v>
      </c>
      <c r="D12202" t="s">
        <v>10728</v>
      </c>
    </row>
    <row r="12203" spans="1:4" x14ac:dyDescent="0.4">
      <c r="A12203">
        <v>3600216</v>
      </c>
      <c r="B12203" t="s">
        <v>1636</v>
      </c>
      <c r="C12203" t="s">
        <v>10665</v>
      </c>
      <c r="D12203" t="s">
        <v>3706</v>
      </c>
    </row>
    <row r="12204" spans="1:4" x14ac:dyDescent="0.4">
      <c r="A12204">
        <v>3600857</v>
      </c>
      <c r="B12204" t="s">
        <v>1636</v>
      </c>
      <c r="C12204" t="s">
        <v>10665</v>
      </c>
      <c r="D12204" t="s">
        <v>10729</v>
      </c>
    </row>
    <row r="12205" spans="1:4" x14ac:dyDescent="0.4">
      <c r="A12205">
        <v>3600135</v>
      </c>
      <c r="B12205" t="s">
        <v>1636</v>
      </c>
      <c r="C12205" t="s">
        <v>10665</v>
      </c>
      <c r="D12205" t="s">
        <v>10730</v>
      </c>
    </row>
    <row r="12206" spans="1:4" x14ac:dyDescent="0.4">
      <c r="A12206">
        <v>3600101</v>
      </c>
      <c r="B12206" t="s">
        <v>1636</v>
      </c>
      <c r="C12206" t="s">
        <v>10665</v>
      </c>
      <c r="D12206" t="s">
        <v>10731</v>
      </c>
    </row>
    <row r="12207" spans="1:4" x14ac:dyDescent="0.4">
      <c r="A12207">
        <v>3600014</v>
      </c>
      <c r="B12207" t="s">
        <v>1636</v>
      </c>
      <c r="C12207" t="s">
        <v>10665</v>
      </c>
      <c r="D12207" t="s">
        <v>10732</v>
      </c>
    </row>
    <row r="12208" spans="1:4" x14ac:dyDescent="0.4">
      <c r="A12208">
        <v>3600235</v>
      </c>
      <c r="B12208" t="s">
        <v>1636</v>
      </c>
      <c r="C12208" t="s">
        <v>10665</v>
      </c>
      <c r="D12208" t="s">
        <v>10733</v>
      </c>
    </row>
    <row r="12209" spans="1:4" x14ac:dyDescent="0.4">
      <c r="A12209">
        <v>3600811</v>
      </c>
      <c r="B12209" t="s">
        <v>1636</v>
      </c>
      <c r="C12209" t="s">
        <v>10665</v>
      </c>
      <c r="D12209" t="s">
        <v>10734</v>
      </c>
    </row>
    <row r="12210" spans="1:4" x14ac:dyDescent="0.4">
      <c r="A12210">
        <v>3600852</v>
      </c>
      <c r="B12210" t="s">
        <v>1636</v>
      </c>
      <c r="C12210" t="s">
        <v>10665</v>
      </c>
      <c r="D12210" t="s">
        <v>10735</v>
      </c>
    </row>
    <row r="12211" spans="1:4" x14ac:dyDescent="0.4">
      <c r="A12211">
        <v>3600224</v>
      </c>
      <c r="B12211" t="s">
        <v>1636</v>
      </c>
      <c r="C12211" t="s">
        <v>10665</v>
      </c>
      <c r="D12211" t="s">
        <v>8502</v>
      </c>
    </row>
    <row r="12212" spans="1:4" x14ac:dyDescent="0.4">
      <c r="A12212">
        <v>3600112</v>
      </c>
      <c r="B12212" t="s">
        <v>1636</v>
      </c>
      <c r="C12212" t="s">
        <v>10665</v>
      </c>
      <c r="D12212" t="s">
        <v>10736</v>
      </c>
    </row>
    <row r="12213" spans="1:4" x14ac:dyDescent="0.4">
      <c r="A12213">
        <v>3600163</v>
      </c>
      <c r="B12213" t="s">
        <v>1636</v>
      </c>
      <c r="C12213" t="s">
        <v>10665</v>
      </c>
      <c r="D12213" t="s">
        <v>10642</v>
      </c>
    </row>
    <row r="12214" spans="1:4" x14ac:dyDescent="0.4">
      <c r="A12214">
        <v>3600021</v>
      </c>
      <c r="B12214" t="s">
        <v>1636</v>
      </c>
      <c r="C12214" t="s">
        <v>10665</v>
      </c>
      <c r="D12214" t="s">
        <v>689</v>
      </c>
    </row>
    <row r="12215" spans="1:4" x14ac:dyDescent="0.4">
      <c r="A12215">
        <v>3600833</v>
      </c>
      <c r="B12215" t="s">
        <v>1636</v>
      </c>
      <c r="C12215" t="s">
        <v>10665</v>
      </c>
      <c r="D12215" t="s">
        <v>460</v>
      </c>
    </row>
    <row r="12216" spans="1:4" x14ac:dyDescent="0.4">
      <c r="A12216">
        <v>3600836</v>
      </c>
      <c r="B12216" t="s">
        <v>1636</v>
      </c>
      <c r="C12216" t="s">
        <v>10665</v>
      </c>
      <c r="D12216" t="s">
        <v>10737</v>
      </c>
    </row>
    <row r="12217" spans="1:4" x14ac:dyDescent="0.4">
      <c r="A12217">
        <v>3690108</v>
      </c>
      <c r="B12217" t="s">
        <v>1636</v>
      </c>
      <c r="C12217" t="s">
        <v>10665</v>
      </c>
      <c r="D12217" t="s">
        <v>10738</v>
      </c>
    </row>
    <row r="12218" spans="1:4" x14ac:dyDescent="0.4">
      <c r="A12218">
        <v>3600856</v>
      </c>
      <c r="B12218" t="s">
        <v>1636</v>
      </c>
      <c r="C12218" t="s">
        <v>10665</v>
      </c>
      <c r="D12218" t="s">
        <v>10739</v>
      </c>
    </row>
    <row r="12219" spans="1:4" x14ac:dyDescent="0.4">
      <c r="A12219">
        <v>3600225</v>
      </c>
      <c r="B12219" t="s">
        <v>1636</v>
      </c>
      <c r="C12219" t="s">
        <v>10665</v>
      </c>
      <c r="D12219" t="s">
        <v>7455</v>
      </c>
    </row>
    <row r="12220" spans="1:4" x14ac:dyDescent="0.4">
      <c r="A12220">
        <v>3600043</v>
      </c>
      <c r="B12220" t="s">
        <v>1636</v>
      </c>
      <c r="C12220" t="s">
        <v>10665</v>
      </c>
      <c r="D12220" t="s">
        <v>2455</v>
      </c>
    </row>
    <row r="12221" spans="1:4" x14ac:dyDescent="0.4">
      <c r="A12221">
        <v>3600815</v>
      </c>
      <c r="B12221" t="s">
        <v>1636</v>
      </c>
      <c r="C12221" t="s">
        <v>10665</v>
      </c>
      <c r="D12221" t="s">
        <v>10740</v>
      </c>
    </row>
    <row r="12222" spans="1:4" x14ac:dyDescent="0.4">
      <c r="A12222">
        <v>3600042</v>
      </c>
      <c r="B12222" t="s">
        <v>1636</v>
      </c>
      <c r="C12222" t="s">
        <v>10665</v>
      </c>
      <c r="D12222" t="s">
        <v>403</v>
      </c>
    </row>
    <row r="12223" spans="1:4" x14ac:dyDescent="0.4">
      <c r="A12223">
        <v>3600161</v>
      </c>
      <c r="B12223" t="s">
        <v>1636</v>
      </c>
      <c r="C12223" t="s">
        <v>10665</v>
      </c>
      <c r="D12223" t="s">
        <v>10741</v>
      </c>
    </row>
    <row r="12224" spans="1:4" x14ac:dyDescent="0.4">
      <c r="A12224">
        <v>3600243</v>
      </c>
      <c r="B12224" t="s">
        <v>1636</v>
      </c>
      <c r="C12224" t="s">
        <v>10665</v>
      </c>
      <c r="D12224" t="s">
        <v>10742</v>
      </c>
    </row>
    <row r="12225" spans="1:4" x14ac:dyDescent="0.4">
      <c r="A12225">
        <v>3600034</v>
      </c>
      <c r="B12225" t="s">
        <v>1636</v>
      </c>
      <c r="C12225" t="s">
        <v>10665</v>
      </c>
      <c r="D12225" t="s">
        <v>10743</v>
      </c>
    </row>
    <row r="12226" spans="1:4" x14ac:dyDescent="0.4">
      <c r="A12226">
        <v>3600844</v>
      </c>
      <c r="B12226" t="s">
        <v>1636</v>
      </c>
      <c r="C12226" t="s">
        <v>10665</v>
      </c>
      <c r="D12226" t="s">
        <v>10744</v>
      </c>
    </row>
    <row r="12227" spans="1:4" x14ac:dyDescent="0.4">
      <c r="A12227">
        <v>3600843</v>
      </c>
      <c r="B12227" t="s">
        <v>1636</v>
      </c>
      <c r="C12227" t="s">
        <v>10665</v>
      </c>
      <c r="D12227" t="s">
        <v>472</v>
      </c>
    </row>
    <row r="12228" spans="1:4" x14ac:dyDescent="0.4">
      <c r="A12228">
        <v>3600113</v>
      </c>
      <c r="B12228" t="s">
        <v>1636</v>
      </c>
      <c r="C12228" t="s">
        <v>10665</v>
      </c>
      <c r="D12228" t="s">
        <v>10745</v>
      </c>
    </row>
    <row r="12229" spans="1:4" x14ac:dyDescent="0.4">
      <c r="A12229">
        <v>3600116</v>
      </c>
      <c r="B12229" t="s">
        <v>1636</v>
      </c>
      <c r="C12229" t="s">
        <v>10665</v>
      </c>
      <c r="D12229" t="s">
        <v>10746</v>
      </c>
    </row>
    <row r="12230" spans="1:4" x14ac:dyDescent="0.4">
      <c r="A12230">
        <v>3600845</v>
      </c>
      <c r="B12230" t="s">
        <v>1636</v>
      </c>
      <c r="C12230" t="s">
        <v>10665</v>
      </c>
      <c r="D12230" t="s">
        <v>6154</v>
      </c>
    </row>
    <row r="12231" spans="1:4" x14ac:dyDescent="0.4">
      <c r="A12231">
        <v>3690105</v>
      </c>
      <c r="B12231" t="s">
        <v>1636</v>
      </c>
      <c r="C12231" t="s">
        <v>10665</v>
      </c>
      <c r="D12231" t="s">
        <v>514</v>
      </c>
    </row>
    <row r="12232" spans="1:4" x14ac:dyDescent="0.4">
      <c r="A12232">
        <v>3600824</v>
      </c>
      <c r="B12232" t="s">
        <v>1636</v>
      </c>
      <c r="C12232" t="s">
        <v>10665</v>
      </c>
      <c r="D12232" t="s">
        <v>7422</v>
      </c>
    </row>
    <row r="12233" spans="1:4" x14ac:dyDescent="0.4">
      <c r="A12233">
        <v>3600041</v>
      </c>
      <c r="B12233" t="s">
        <v>1636</v>
      </c>
      <c r="C12233" t="s">
        <v>10665</v>
      </c>
      <c r="D12233" t="s">
        <v>3407</v>
      </c>
    </row>
    <row r="12234" spans="1:4" x14ac:dyDescent="0.4">
      <c r="A12234">
        <v>3600045</v>
      </c>
      <c r="B12234" t="s">
        <v>1636</v>
      </c>
      <c r="C12234" t="s">
        <v>10665</v>
      </c>
      <c r="D12234" t="s">
        <v>5799</v>
      </c>
    </row>
    <row r="12235" spans="1:4" x14ac:dyDescent="0.4">
      <c r="A12235">
        <v>3600822</v>
      </c>
      <c r="B12235" t="s">
        <v>1636</v>
      </c>
      <c r="C12235" t="s">
        <v>10665</v>
      </c>
      <c r="D12235" t="s">
        <v>5844</v>
      </c>
    </row>
    <row r="12236" spans="1:4" x14ac:dyDescent="0.4">
      <c r="A12236">
        <v>3690107</v>
      </c>
      <c r="B12236" t="s">
        <v>1636</v>
      </c>
      <c r="C12236" t="s">
        <v>10665</v>
      </c>
      <c r="D12236" t="s">
        <v>10747</v>
      </c>
    </row>
    <row r="12237" spans="1:4" x14ac:dyDescent="0.4">
      <c r="A12237">
        <v>3600162</v>
      </c>
      <c r="B12237" t="s">
        <v>1636</v>
      </c>
      <c r="C12237" t="s">
        <v>10665</v>
      </c>
      <c r="D12237" t="s">
        <v>10748</v>
      </c>
    </row>
    <row r="12238" spans="1:4" x14ac:dyDescent="0.4">
      <c r="A12238">
        <v>3600201</v>
      </c>
      <c r="B12238" t="s">
        <v>1636</v>
      </c>
      <c r="C12238" t="s">
        <v>10665</v>
      </c>
      <c r="D12238" t="s">
        <v>10749</v>
      </c>
    </row>
    <row r="12239" spans="1:4" x14ac:dyDescent="0.4">
      <c r="A12239">
        <v>1631118</v>
      </c>
      <c r="B12239" t="s">
        <v>815</v>
      </c>
      <c r="C12239" t="s">
        <v>820</v>
      </c>
      <c r="D12239" t="s">
        <v>10750</v>
      </c>
    </row>
    <row r="12240" spans="1:4" x14ac:dyDescent="0.4">
      <c r="A12240">
        <v>1631119</v>
      </c>
      <c r="B12240" t="s">
        <v>815</v>
      </c>
      <c r="C12240" t="s">
        <v>820</v>
      </c>
      <c r="D12240" t="s">
        <v>10751</v>
      </c>
    </row>
    <row r="12241" spans="1:4" x14ac:dyDescent="0.4">
      <c r="A12241">
        <v>1631120</v>
      </c>
      <c r="B12241" t="s">
        <v>815</v>
      </c>
      <c r="C12241" t="s">
        <v>820</v>
      </c>
      <c r="D12241" t="s">
        <v>10752</v>
      </c>
    </row>
    <row r="12242" spans="1:4" x14ac:dyDescent="0.4">
      <c r="A12242">
        <v>1631121</v>
      </c>
      <c r="B12242" t="s">
        <v>815</v>
      </c>
      <c r="C12242" t="s">
        <v>820</v>
      </c>
      <c r="D12242" t="s">
        <v>10753</v>
      </c>
    </row>
    <row r="12243" spans="1:4" x14ac:dyDescent="0.4">
      <c r="A12243">
        <v>1631122</v>
      </c>
      <c r="B12243" t="s">
        <v>815</v>
      </c>
      <c r="C12243" t="s">
        <v>820</v>
      </c>
      <c r="D12243" t="s">
        <v>10754</v>
      </c>
    </row>
    <row r="12244" spans="1:4" x14ac:dyDescent="0.4">
      <c r="A12244">
        <v>1631123</v>
      </c>
      <c r="B12244" t="s">
        <v>815</v>
      </c>
      <c r="C12244" t="s">
        <v>820</v>
      </c>
      <c r="D12244" t="s">
        <v>10755</v>
      </c>
    </row>
    <row r="12245" spans="1:4" x14ac:dyDescent="0.4">
      <c r="A12245">
        <v>1631124</v>
      </c>
      <c r="B12245" t="s">
        <v>815</v>
      </c>
      <c r="C12245" t="s">
        <v>820</v>
      </c>
      <c r="D12245" t="s">
        <v>10756</v>
      </c>
    </row>
    <row r="12246" spans="1:4" x14ac:dyDescent="0.4">
      <c r="A12246">
        <v>1631125</v>
      </c>
      <c r="B12246" t="s">
        <v>815</v>
      </c>
      <c r="C12246" t="s">
        <v>820</v>
      </c>
      <c r="D12246" t="s">
        <v>10757</v>
      </c>
    </row>
    <row r="12247" spans="1:4" x14ac:dyDescent="0.4">
      <c r="A12247">
        <v>1631126</v>
      </c>
      <c r="B12247" t="s">
        <v>815</v>
      </c>
      <c r="C12247" t="s">
        <v>820</v>
      </c>
      <c r="D12247" t="s">
        <v>10758</v>
      </c>
    </row>
    <row r="12248" spans="1:4" x14ac:dyDescent="0.4">
      <c r="A12248">
        <v>1631127</v>
      </c>
      <c r="B12248" t="s">
        <v>815</v>
      </c>
      <c r="C12248" t="s">
        <v>820</v>
      </c>
      <c r="D12248" t="s">
        <v>10759</v>
      </c>
    </row>
    <row r="12249" spans="1:4" x14ac:dyDescent="0.4">
      <c r="A12249">
        <v>1631128</v>
      </c>
      <c r="B12249" t="s">
        <v>815</v>
      </c>
      <c r="C12249" t="s">
        <v>820</v>
      </c>
      <c r="D12249" t="s">
        <v>10760</v>
      </c>
    </row>
    <row r="12250" spans="1:4" x14ac:dyDescent="0.4">
      <c r="A12250">
        <v>1631129</v>
      </c>
      <c r="B12250" t="s">
        <v>815</v>
      </c>
      <c r="C12250" t="s">
        <v>820</v>
      </c>
      <c r="D12250" t="s">
        <v>10761</v>
      </c>
    </row>
    <row r="12251" spans="1:4" x14ac:dyDescent="0.4">
      <c r="A12251">
        <v>1631130</v>
      </c>
      <c r="B12251" t="s">
        <v>815</v>
      </c>
      <c r="C12251" t="s">
        <v>820</v>
      </c>
      <c r="D12251" t="s">
        <v>10762</v>
      </c>
    </row>
    <row r="12252" spans="1:4" x14ac:dyDescent="0.4">
      <c r="A12252">
        <v>1630290</v>
      </c>
      <c r="B12252" t="s">
        <v>815</v>
      </c>
      <c r="C12252" t="s">
        <v>820</v>
      </c>
      <c r="D12252" t="s">
        <v>10763</v>
      </c>
    </row>
    <row r="12253" spans="1:4" x14ac:dyDescent="0.4">
      <c r="A12253">
        <v>1630201</v>
      </c>
      <c r="B12253" t="s">
        <v>815</v>
      </c>
      <c r="C12253" t="s">
        <v>820</v>
      </c>
      <c r="D12253" t="s">
        <v>10764</v>
      </c>
    </row>
    <row r="12254" spans="1:4" x14ac:dyDescent="0.4">
      <c r="A12254">
        <v>1630202</v>
      </c>
      <c r="B12254" t="s">
        <v>815</v>
      </c>
      <c r="C12254" t="s">
        <v>820</v>
      </c>
      <c r="D12254" t="s">
        <v>10765</v>
      </c>
    </row>
    <row r="12255" spans="1:4" x14ac:dyDescent="0.4">
      <c r="A12255">
        <v>1630203</v>
      </c>
      <c r="B12255" t="s">
        <v>815</v>
      </c>
      <c r="C12255" t="s">
        <v>820</v>
      </c>
      <c r="D12255" t="s">
        <v>10766</v>
      </c>
    </row>
    <row r="12256" spans="1:4" x14ac:dyDescent="0.4">
      <c r="A12256">
        <v>1630204</v>
      </c>
      <c r="B12256" t="s">
        <v>815</v>
      </c>
      <c r="C12256" t="s">
        <v>820</v>
      </c>
      <c r="D12256" t="s">
        <v>10767</v>
      </c>
    </row>
    <row r="12257" spans="1:4" x14ac:dyDescent="0.4">
      <c r="A12257">
        <v>1630205</v>
      </c>
      <c r="B12257" t="s">
        <v>815</v>
      </c>
      <c r="C12257" t="s">
        <v>820</v>
      </c>
      <c r="D12257" t="s">
        <v>10768</v>
      </c>
    </row>
    <row r="12258" spans="1:4" x14ac:dyDescent="0.4">
      <c r="A12258">
        <v>1630206</v>
      </c>
      <c r="B12258" t="s">
        <v>815</v>
      </c>
      <c r="C12258" t="s">
        <v>820</v>
      </c>
      <c r="D12258" t="s">
        <v>10769</v>
      </c>
    </row>
    <row r="12259" spans="1:4" x14ac:dyDescent="0.4">
      <c r="A12259">
        <v>1630207</v>
      </c>
      <c r="B12259" t="s">
        <v>815</v>
      </c>
      <c r="C12259" t="s">
        <v>820</v>
      </c>
      <c r="D12259" t="s">
        <v>10770</v>
      </c>
    </row>
    <row r="12260" spans="1:4" x14ac:dyDescent="0.4">
      <c r="A12260">
        <v>1630208</v>
      </c>
      <c r="B12260" t="s">
        <v>815</v>
      </c>
      <c r="C12260" t="s">
        <v>820</v>
      </c>
      <c r="D12260" t="s">
        <v>10771</v>
      </c>
    </row>
    <row r="12261" spans="1:4" x14ac:dyDescent="0.4">
      <c r="A12261">
        <v>1630209</v>
      </c>
      <c r="B12261" t="s">
        <v>815</v>
      </c>
      <c r="C12261" t="s">
        <v>820</v>
      </c>
      <c r="D12261" t="s">
        <v>10772</v>
      </c>
    </row>
    <row r="12262" spans="1:4" x14ac:dyDescent="0.4">
      <c r="A12262">
        <v>1630210</v>
      </c>
      <c r="B12262" t="s">
        <v>815</v>
      </c>
      <c r="C12262" t="s">
        <v>820</v>
      </c>
      <c r="D12262" t="s">
        <v>10773</v>
      </c>
    </row>
    <row r="12263" spans="1:4" x14ac:dyDescent="0.4">
      <c r="A12263">
        <v>1630211</v>
      </c>
      <c r="B12263" t="s">
        <v>815</v>
      </c>
      <c r="C12263" t="s">
        <v>820</v>
      </c>
      <c r="D12263" t="s">
        <v>10774</v>
      </c>
    </row>
    <row r="12264" spans="1:4" x14ac:dyDescent="0.4">
      <c r="A12264">
        <v>1630212</v>
      </c>
      <c r="B12264" t="s">
        <v>815</v>
      </c>
      <c r="C12264" t="s">
        <v>820</v>
      </c>
      <c r="D12264" t="s">
        <v>10775</v>
      </c>
    </row>
    <row r="12265" spans="1:4" x14ac:dyDescent="0.4">
      <c r="A12265">
        <v>1630213</v>
      </c>
      <c r="B12265" t="s">
        <v>815</v>
      </c>
      <c r="C12265" t="s">
        <v>820</v>
      </c>
      <c r="D12265" t="s">
        <v>10776</v>
      </c>
    </row>
    <row r="12266" spans="1:4" x14ac:dyDescent="0.4">
      <c r="A12266">
        <v>1630214</v>
      </c>
      <c r="B12266" t="s">
        <v>815</v>
      </c>
      <c r="C12266" t="s">
        <v>820</v>
      </c>
      <c r="D12266" t="s">
        <v>10777</v>
      </c>
    </row>
    <row r="12267" spans="1:4" x14ac:dyDescent="0.4">
      <c r="A12267">
        <v>1630215</v>
      </c>
      <c r="B12267" t="s">
        <v>815</v>
      </c>
      <c r="C12267" t="s">
        <v>820</v>
      </c>
      <c r="D12267" t="s">
        <v>10778</v>
      </c>
    </row>
    <row r="12268" spans="1:4" x14ac:dyDescent="0.4">
      <c r="A12268">
        <v>1630216</v>
      </c>
      <c r="B12268" t="s">
        <v>815</v>
      </c>
      <c r="C12268" t="s">
        <v>820</v>
      </c>
      <c r="D12268" t="s">
        <v>10779</v>
      </c>
    </row>
    <row r="12269" spans="1:4" x14ac:dyDescent="0.4">
      <c r="A12269">
        <v>1630217</v>
      </c>
      <c r="B12269" t="s">
        <v>815</v>
      </c>
      <c r="C12269" t="s">
        <v>820</v>
      </c>
      <c r="D12269" t="s">
        <v>10780</v>
      </c>
    </row>
    <row r="12270" spans="1:4" x14ac:dyDescent="0.4">
      <c r="A12270">
        <v>1630218</v>
      </c>
      <c r="B12270" t="s">
        <v>815</v>
      </c>
      <c r="C12270" t="s">
        <v>820</v>
      </c>
      <c r="D12270" t="s">
        <v>10781</v>
      </c>
    </row>
    <row r="12271" spans="1:4" x14ac:dyDescent="0.4">
      <c r="A12271">
        <v>1630219</v>
      </c>
      <c r="B12271" t="s">
        <v>815</v>
      </c>
      <c r="C12271" t="s">
        <v>820</v>
      </c>
      <c r="D12271" t="s">
        <v>10782</v>
      </c>
    </row>
    <row r="12272" spans="1:4" x14ac:dyDescent="0.4">
      <c r="A12272">
        <v>1630220</v>
      </c>
      <c r="B12272" t="s">
        <v>815</v>
      </c>
      <c r="C12272" t="s">
        <v>820</v>
      </c>
      <c r="D12272" t="s">
        <v>10783</v>
      </c>
    </row>
    <row r="12273" spans="1:4" x14ac:dyDescent="0.4">
      <c r="A12273">
        <v>1630221</v>
      </c>
      <c r="B12273" t="s">
        <v>815</v>
      </c>
      <c r="C12273" t="s">
        <v>820</v>
      </c>
      <c r="D12273" t="s">
        <v>10784</v>
      </c>
    </row>
    <row r="12274" spans="1:4" x14ac:dyDescent="0.4">
      <c r="A12274">
        <v>1630222</v>
      </c>
      <c r="B12274" t="s">
        <v>815</v>
      </c>
      <c r="C12274" t="s">
        <v>820</v>
      </c>
      <c r="D12274" t="s">
        <v>10785</v>
      </c>
    </row>
    <row r="12275" spans="1:4" x14ac:dyDescent="0.4">
      <c r="A12275">
        <v>1630223</v>
      </c>
      <c r="B12275" t="s">
        <v>815</v>
      </c>
      <c r="C12275" t="s">
        <v>820</v>
      </c>
      <c r="D12275" t="s">
        <v>10786</v>
      </c>
    </row>
    <row r="12276" spans="1:4" x14ac:dyDescent="0.4">
      <c r="A12276">
        <v>1630224</v>
      </c>
      <c r="B12276" t="s">
        <v>815</v>
      </c>
      <c r="C12276" t="s">
        <v>820</v>
      </c>
      <c r="D12276" t="s">
        <v>10787</v>
      </c>
    </row>
    <row r="12277" spans="1:4" x14ac:dyDescent="0.4">
      <c r="A12277">
        <v>1630225</v>
      </c>
      <c r="B12277" t="s">
        <v>815</v>
      </c>
      <c r="C12277" t="s">
        <v>820</v>
      </c>
      <c r="D12277" t="s">
        <v>10788</v>
      </c>
    </row>
    <row r="12278" spans="1:4" x14ac:dyDescent="0.4">
      <c r="A12278">
        <v>1630226</v>
      </c>
      <c r="B12278" t="s">
        <v>815</v>
      </c>
      <c r="C12278" t="s">
        <v>820</v>
      </c>
      <c r="D12278" t="s">
        <v>10789</v>
      </c>
    </row>
    <row r="12279" spans="1:4" x14ac:dyDescent="0.4">
      <c r="A12279">
        <v>1630227</v>
      </c>
      <c r="B12279" t="s">
        <v>815</v>
      </c>
      <c r="C12279" t="s">
        <v>820</v>
      </c>
      <c r="D12279" t="s">
        <v>10790</v>
      </c>
    </row>
    <row r="12280" spans="1:4" x14ac:dyDescent="0.4">
      <c r="A12280">
        <v>1630228</v>
      </c>
      <c r="B12280" t="s">
        <v>815</v>
      </c>
      <c r="C12280" t="s">
        <v>820</v>
      </c>
      <c r="D12280" t="s">
        <v>10791</v>
      </c>
    </row>
    <row r="12281" spans="1:4" x14ac:dyDescent="0.4">
      <c r="A12281">
        <v>1630229</v>
      </c>
      <c r="B12281" t="s">
        <v>815</v>
      </c>
      <c r="C12281" t="s">
        <v>820</v>
      </c>
      <c r="D12281" t="s">
        <v>10792</v>
      </c>
    </row>
    <row r="12282" spans="1:4" x14ac:dyDescent="0.4">
      <c r="A12282">
        <v>1630230</v>
      </c>
      <c r="B12282" t="s">
        <v>815</v>
      </c>
      <c r="C12282" t="s">
        <v>820</v>
      </c>
      <c r="D12282" t="s">
        <v>10793</v>
      </c>
    </row>
    <row r="12283" spans="1:4" x14ac:dyDescent="0.4">
      <c r="A12283">
        <v>1630231</v>
      </c>
      <c r="B12283" t="s">
        <v>815</v>
      </c>
      <c r="C12283" t="s">
        <v>820</v>
      </c>
      <c r="D12283" t="s">
        <v>10794</v>
      </c>
    </row>
    <row r="12284" spans="1:4" x14ac:dyDescent="0.4">
      <c r="A12284">
        <v>1630232</v>
      </c>
      <c r="B12284" t="s">
        <v>815</v>
      </c>
      <c r="C12284" t="s">
        <v>820</v>
      </c>
      <c r="D12284" t="s">
        <v>10795</v>
      </c>
    </row>
    <row r="12285" spans="1:4" x14ac:dyDescent="0.4">
      <c r="A12285">
        <v>1630233</v>
      </c>
      <c r="B12285" t="s">
        <v>815</v>
      </c>
      <c r="C12285" t="s">
        <v>820</v>
      </c>
      <c r="D12285" t="s">
        <v>10796</v>
      </c>
    </row>
    <row r="12286" spans="1:4" x14ac:dyDescent="0.4">
      <c r="A12286">
        <v>1630234</v>
      </c>
      <c r="B12286" t="s">
        <v>815</v>
      </c>
      <c r="C12286" t="s">
        <v>820</v>
      </c>
      <c r="D12286" t="s">
        <v>10797</v>
      </c>
    </row>
    <row r="12287" spans="1:4" x14ac:dyDescent="0.4">
      <c r="A12287">
        <v>1630235</v>
      </c>
      <c r="B12287" t="s">
        <v>815</v>
      </c>
      <c r="C12287" t="s">
        <v>820</v>
      </c>
      <c r="D12287" t="s">
        <v>10798</v>
      </c>
    </row>
    <row r="12288" spans="1:4" x14ac:dyDescent="0.4">
      <c r="A12288">
        <v>1630236</v>
      </c>
      <c r="B12288" t="s">
        <v>815</v>
      </c>
      <c r="C12288" t="s">
        <v>820</v>
      </c>
      <c r="D12288" t="s">
        <v>10799</v>
      </c>
    </row>
    <row r="12289" spans="1:4" x14ac:dyDescent="0.4">
      <c r="A12289">
        <v>1630237</v>
      </c>
      <c r="B12289" t="s">
        <v>815</v>
      </c>
      <c r="C12289" t="s">
        <v>820</v>
      </c>
      <c r="D12289" t="s">
        <v>10800</v>
      </c>
    </row>
    <row r="12290" spans="1:4" x14ac:dyDescent="0.4">
      <c r="A12290">
        <v>1630238</v>
      </c>
      <c r="B12290" t="s">
        <v>815</v>
      </c>
      <c r="C12290" t="s">
        <v>820</v>
      </c>
      <c r="D12290" t="s">
        <v>10801</v>
      </c>
    </row>
    <row r="12291" spans="1:4" x14ac:dyDescent="0.4">
      <c r="A12291">
        <v>1630239</v>
      </c>
      <c r="B12291" t="s">
        <v>815</v>
      </c>
      <c r="C12291" t="s">
        <v>820</v>
      </c>
      <c r="D12291" t="s">
        <v>10802</v>
      </c>
    </row>
    <row r="12292" spans="1:4" x14ac:dyDescent="0.4">
      <c r="A12292">
        <v>1630240</v>
      </c>
      <c r="B12292" t="s">
        <v>815</v>
      </c>
      <c r="C12292" t="s">
        <v>820</v>
      </c>
      <c r="D12292" t="s">
        <v>10803</v>
      </c>
    </row>
    <row r="12293" spans="1:4" x14ac:dyDescent="0.4">
      <c r="A12293">
        <v>1630241</v>
      </c>
      <c r="B12293" t="s">
        <v>815</v>
      </c>
      <c r="C12293" t="s">
        <v>820</v>
      </c>
      <c r="D12293" t="s">
        <v>10804</v>
      </c>
    </row>
    <row r="12294" spans="1:4" x14ac:dyDescent="0.4">
      <c r="A12294">
        <v>1630242</v>
      </c>
      <c r="B12294" t="s">
        <v>815</v>
      </c>
      <c r="C12294" t="s">
        <v>820</v>
      </c>
      <c r="D12294" t="s">
        <v>10805</v>
      </c>
    </row>
    <row r="12295" spans="1:4" x14ac:dyDescent="0.4">
      <c r="A12295">
        <v>1630243</v>
      </c>
      <c r="B12295" t="s">
        <v>815</v>
      </c>
      <c r="C12295" t="s">
        <v>820</v>
      </c>
      <c r="D12295" t="s">
        <v>10806</v>
      </c>
    </row>
    <row r="12296" spans="1:4" x14ac:dyDescent="0.4">
      <c r="A12296">
        <v>1630244</v>
      </c>
      <c r="B12296" t="s">
        <v>815</v>
      </c>
      <c r="C12296" t="s">
        <v>820</v>
      </c>
      <c r="D12296" t="s">
        <v>10807</v>
      </c>
    </row>
    <row r="12297" spans="1:4" x14ac:dyDescent="0.4">
      <c r="A12297">
        <v>1630245</v>
      </c>
      <c r="B12297" t="s">
        <v>815</v>
      </c>
      <c r="C12297" t="s">
        <v>820</v>
      </c>
      <c r="D12297" t="s">
        <v>10808</v>
      </c>
    </row>
    <row r="12298" spans="1:4" x14ac:dyDescent="0.4">
      <c r="A12298">
        <v>1630246</v>
      </c>
      <c r="B12298" t="s">
        <v>815</v>
      </c>
      <c r="C12298" t="s">
        <v>820</v>
      </c>
      <c r="D12298" t="s">
        <v>10809</v>
      </c>
    </row>
    <row r="12299" spans="1:4" x14ac:dyDescent="0.4">
      <c r="A12299">
        <v>1630247</v>
      </c>
      <c r="B12299" t="s">
        <v>815</v>
      </c>
      <c r="C12299" t="s">
        <v>820</v>
      </c>
      <c r="D12299" t="s">
        <v>10810</v>
      </c>
    </row>
    <row r="12300" spans="1:4" x14ac:dyDescent="0.4">
      <c r="A12300">
        <v>1630248</v>
      </c>
      <c r="B12300" t="s">
        <v>815</v>
      </c>
      <c r="C12300" t="s">
        <v>820</v>
      </c>
      <c r="D12300" t="s">
        <v>10811</v>
      </c>
    </row>
    <row r="12301" spans="1:4" x14ac:dyDescent="0.4">
      <c r="A12301">
        <v>1630249</v>
      </c>
      <c r="B12301" t="s">
        <v>815</v>
      </c>
      <c r="C12301" t="s">
        <v>820</v>
      </c>
      <c r="D12301" t="s">
        <v>10812</v>
      </c>
    </row>
    <row r="12302" spans="1:4" x14ac:dyDescent="0.4">
      <c r="A12302">
        <v>1630250</v>
      </c>
      <c r="B12302" t="s">
        <v>815</v>
      </c>
      <c r="C12302" t="s">
        <v>820</v>
      </c>
      <c r="D12302" t="s">
        <v>10813</v>
      </c>
    </row>
    <row r="12303" spans="1:4" x14ac:dyDescent="0.4">
      <c r="A12303">
        <v>1630251</v>
      </c>
      <c r="B12303" t="s">
        <v>815</v>
      </c>
      <c r="C12303" t="s">
        <v>820</v>
      </c>
      <c r="D12303" t="s">
        <v>10814</v>
      </c>
    </row>
    <row r="12304" spans="1:4" x14ac:dyDescent="0.4">
      <c r="A12304">
        <v>1630252</v>
      </c>
      <c r="B12304" t="s">
        <v>815</v>
      </c>
      <c r="C12304" t="s">
        <v>820</v>
      </c>
      <c r="D12304" t="s">
        <v>10815</v>
      </c>
    </row>
    <row r="12305" spans="1:4" x14ac:dyDescent="0.4">
      <c r="A12305">
        <v>1630690</v>
      </c>
      <c r="B12305" t="s">
        <v>815</v>
      </c>
      <c r="C12305" t="s">
        <v>820</v>
      </c>
      <c r="D12305" t="s">
        <v>10816</v>
      </c>
    </row>
    <row r="12306" spans="1:4" x14ac:dyDescent="0.4">
      <c r="A12306">
        <v>1630601</v>
      </c>
      <c r="B12306" t="s">
        <v>815</v>
      </c>
      <c r="C12306" t="s">
        <v>820</v>
      </c>
      <c r="D12306" t="s">
        <v>10817</v>
      </c>
    </row>
    <row r="12307" spans="1:4" x14ac:dyDescent="0.4">
      <c r="A12307">
        <v>1630602</v>
      </c>
      <c r="B12307" t="s">
        <v>815</v>
      </c>
      <c r="C12307" t="s">
        <v>820</v>
      </c>
      <c r="D12307" t="s">
        <v>10818</v>
      </c>
    </row>
    <row r="12308" spans="1:4" x14ac:dyDescent="0.4">
      <c r="A12308">
        <v>1630603</v>
      </c>
      <c r="B12308" t="s">
        <v>815</v>
      </c>
      <c r="C12308" t="s">
        <v>820</v>
      </c>
      <c r="D12308" t="s">
        <v>10819</v>
      </c>
    </row>
    <row r="12309" spans="1:4" x14ac:dyDescent="0.4">
      <c r="A12309">
        <v>1630604</v>
      </c>
      <c r="B12309" t="s">
        <v>815</v>
      </c>
      <c r="C12309" t="s">
        <v>820</v>
      </c>
      <c r="D12309" t="s">
        <v>10820</v>
      </c>
    </row>
    <row r="12310" spans="1:4" x14ac:dyDescent="0.4">
      <c r="A12310">
        <v>1630605</v>
      </c>
      <c r="B12310" t="s">
        <v>815</v>
      </c>
      <c r="C12310" t="s">
        <v>820</v>
      </c>
      <c r="D12310" t="s">
        <v>10821</v>
      </c>
    </row>
    <row r="12311" spans="1:4" x14ac:dyDescent="0.4">
      <c r="A12311">
        <v>1630606</v>
      </c>
      <c r="B12311" t="s">
        <v>815</v>
      </c>
      <c r="C12311" t="s">
        <v>820</v>
      </c>
      <c r="D12311" t="s">
        <v>10822</v>
      </c>
    </row>
    <row r="12312" spans="1:4" x14ac:dyDescent="0.4">
      <c r="A12312">
        <v>1630607</v>
      </c>
      <c r="B12312" t="s">
        <v>815</v>
      </c>
      <c r="C12312" t="s">
        <v>820</v>
      </c>
      <c r="D12312" t="s">
        <v>10823</v>
      </c>
    </row>
    <row r="12313" spans="1:4" x14ac:dyDescent="0.4">
      <c r="A12313">
        <v>1630608</v>
      </c>
      <c r="B12313" t="s">
        <v>815</v>
      </c>
      <c r="C12313" t="s">
        <v>820</v>
      </c>
      <c r="D12313" t="s">
        <v>10824</v>
      </c>
    </row>
    <row r="12314" spans="1:4" x14ac:dyDescent="0.4">
      <c r="A12314">
        <v>1630609</v>
      </c>
      <c r="B12314" t="s">
        <v>815</v>
      </c>
      <c r="C12314" t="s">
        <v>820</v>
      </c>
      <c r="D12314" t="s">
        <v>10825</v>
      </c>
    </row>
    <row r="12315" spans="1:4" x14ac:dyDescent="0.4">
      <c r="A12315">
        <v>1630610</v>
      </c>
      <c r="B12315" t="s">
        <v>815</v>
      </c>
      <c r="C12315" t="s">
        <v>820</v>
      </c>
      <c r="D12315" t="s">
        <v>10826</v>
      </c>
    </row>
    <row r="12316" spans="1:4" x14ac:dyDescent="0.4">
      <c r="A12316">
        <v>1630611</v>
      </c>
      <c r="B12316" t="s">
        <v>815</v>
      </c>
      <c r="C12316" t="s">
        <v>820</v>
      </c>
      <c r="D12316" t="s">
        <v>10827</v>
      </c>
    </row>
    <row r="12317" spans="1:4" x14ac:dyDescent="0.4">
      <c r="A12317">
        <v>1630612</v>
      </c>
      <c r="B12317" t="s">
        <v>815</v>
      </c>
      <c r="C12317" t="s">
        <v>820</v>
      </c>
      <c r="D12317" t="s">
        <v>10828</v>
      </c>
    </row>
    <row r="12318" spans="1:4" x14ac:dyDescent="0.4">
      <c r="A12318">
        <v>1630613</v>
      </c>
      <c r="B12318" t="s">
        <v>815</v>
      </c>
      <c r="C12318" t="s">
        <v>820</v>
      </c>
      <c r="D12318" t="s">
        <v>10829</v>
      </c>
    </row>
    <row r="12319" spans="1:4" x14ac:dyDescent="0.4">
      <c r="A12319">
        <v>1630614</v>
      </c>
      <c r="B12319" t="s">
        <v>815</v>
      </c>
      <c r="C12319" t="s">
        <v>820</v>
      </c>
      <c r="D12319" t="s">
        <v>10830</v>
      </c>
    </row>
    <row r="12320" spans="1:4" x14ac:dyDescent="0.4">
      <c r="A12320">
        <v>1630615</v>
      </c>
      <c r="B12320" t="s">
        <v>815</v>
      </c>
      <c r="C12320" t="s">
        <v>820</v>
      </c>
      <c r="D12320" t="s">
        <v>10831</v>
      </c>
    </row>
    <row r="12321" spans="1:4" x14ac:dyDescent="0.4">
      <c r="A12321">
        <v>1630616</v>
      </c>
      <c r="B12321" t="s">
        <v>815</v>
      </c>
      <c r="C12321" t="s">
        <v>820</v>
      </c>
      <c r="D12321" t="s">
        <v>10832</v>
      </c>
    </row>
    <row r="12322" spans="1:4" x14ac:dyDescent="0.4">
      <c r="A12322">
        <v>1630617</v>
      </c>
      <c r="B12322" t="s">
        <v>815</v>
      </c>
      <c r="C12322" t="s">
        <v>820</v>
      </c>
      <c r="D12322" t="s">
        <v>10833</v>
      </c>
    </row>
    <row r="12323" spans="1:4" x14ac:dyDescent="0.4">
      <c r="A12323">
        <v>1630618</v>
      </c>
      <c r="B12323" t="s">
        <v>815</v>
      </c>
      <c r="C12323" t="s">
        <v>820</v>
      </c>
      <c r="D12323" t="s">
        <v>10834</v>
      </c>
    </row>
    <row r="12324" spans="1:4" x14ac:dyDescent="0.4">
      <c r="A12324">
        <v>1630619</v>
      </c>
      <c r="B12324" t="s">
        <v>815</v>
      </c>
      <c r="C12324" t="s">
        <v>820</v>
      </c>
      <c r="D12324" t="s">
        <v>10835</v>
      </c>
    </row>
    <row r="12325" spans="1:4" x14ac:dyDescent="0.4">
      <c r="A12325">
        <v>1630620</v>
      </c>
      <c r="B12325" t="s">
        <v>815</v>
      </c>
      <c r="C12325" t="s">
        <v>820</v>
      </c>
      <c r="D12325" t="s">
        <v>10836</v>
      </c>
    </row>
    <row r="12326" spans="1:4" x14ac:dyDescent="0.4">
      <c r="A12326">
        <v>1630621</v>
      </c>
      <c r="B12326" t="s">
        <v>815</v>
      </c>
      <c r="C12326" t="s">
        <v>820</v>
      </c>
      <c r="D12326" t="s">
        <v>10837</v>
      </c>
    </row>
    <row r="12327" spans="1:4" x14ac:dyDescent="0.4">
      <c r="A12327">
        <v>1630622</v>
      </c>
      <c r="B12327" t="s">
        <v>815</v>
      </c>
      <c r="C12327" t="s">
        <v>820</v>
      </c>
      <c r="D12327" t="s">
        <v>10838</v>
      </c>
    </row>
    <row r="12328" spans="1:4" x14ac:dyDescent="0.4">
      <c r="A12328">
        <v>1630623</v>
      </c>
      <c r="B12328" t="s">
        <v>815</v>
      </c>
      <c r="C12328" t="s">
        <v>820</v>
      </c>
      <c r="D12328" t="s">
        <v>10839</v>
      </c>
    </row>
    <row r="12329" spans="1:4" x14ac:dyDescent="0.4">
      <c r="A12329">
        <v>1630624</v>
      </c>
      <c r="B12329" t="s">
        <v>815</v>
      </c>
      <c r="C12329" t="s">
        <v>820</v>
      </c>
      <c r="D12329" t="s">
        <v>10840</v>
      </c>
    </row>
    <row r="12330" spans="1:4" x14ac:dyDescent="0.4">
      <c r="A12330">
        <v>1630625</v>
      </c>
      <c r="B12330" t="s">
        <v>815</v>
      </c>
      <c r="C12330" t="s">
        <v>820</v>
      </c>
      <c r="D12330" t="s">
        <v>10841</v>
      </c>
    </row>
    <row r="12331" spans="1:4" x14ac:dyDescent="0.4">
      <c r="A12331">
        <v>1630626</v>
      </c>
      <c r="B12331" t="s">
        <v>815</v>
      </c>
      <c r="C12331" t="s">
        <v>820</v>
      </c>
      <c r="D12331" t="s">
        <v>10842</v>
      </c>
    </row>
    <row r="12332" spans="1:4" x14ac:dyDescent="0.4">
      <c r="A12332">
        <v>1630627</v>
      </c>
      <c r="B12332" t="s">
        <v>815</v>
      </c>
      <c r="C12332" t="s">
        <v>820</v>
      </c>
      <c r="D12332" t="s">
        <v>10843</v>
      </c>
    </row>
    <row r="12333" spans="1:4" x14ac:dyDescent="0.4">
      <c r="A12333">
        <v>1630628</v>
      </c>
      <c r="B12333" t="s">
        <v>815</v>
      </c>
      <c r="C12333" t="s">
        <v>820</v>
      </c>
      <c r="D12333" t="s">
        <v>10844</v>
      </c>
    </row>
    <row r="12334" spans="1:4" x14ac:dyDescent="0.4">
      <c r="A12334">
        <v>1630629</v>
      </c>
      <c r="B12334" t="s">
        <v>815</v>
      </c>
      <c r="C12334" t="s">
        <v>820</v>
      </c>
      <c r="D12334" t="s">
        <v>10845</v>
      </c>
    </row>
    <row r="12335" spans="1:4" x14ac:dyDescent="0.4">
      <c r="A12335">
        <v>1630630</v>
      </c>
      <c r="B12335" t="s">
        <v>815</v>
      </c>
      <c r="C12335" t="s">
        <v>820</v>
      </c>
      <c r="D12335" t="s">
        <v>10846</v>
      </c>
    </row>
    <row r="12336" spans="1:4" x14ac:dyDescent="0.4">
      <c r="A12336">
        <v>1630631</v>
      </c>
      <c r="B12336" t="s">
        <v>815</v>
      </c>
      <c r="C12336" t="s">
        <v>820</v>
      </c>
      <c r="D12336" t="s">
        <v>10847</v>
      </c>
    </row>
    <row r="12337" spans="1:4" x14ac:dyDescent="0.4">
      <c r="A12337">
        <v>1630632</v>
      </c>
      <c r="B12337" t="s">
        <v>815</v>
      </c>
      <c r="C12337" t="s">
        <v>820</v>
      </c>
      <c r="D12337" t="s">
        <v>10848</v>
      </c>
    </row>
    <row r="12338" spans="1:4" x14ac:dyDescent="0.4">
      <c r="A12338">
        <v>1630633</v>
      </c>
      <c r="B12338" t="s">
        <v>815</v>
      </c>
      <c r="C12338" t="s">
        <v>820</v>
      </c>
      <c r="D12338" t="s">
        <v>10849</v>
      </c>
    </row>
    <row r="12339" spans="1:4" x14ac:dyDescent="0.4">
      <c r="A12339">
        <v>1630634</v>
      </c>
      <c r="B12339" t="s">
        <v>815</v>
      </c>
      <c r="C12339" t="s">
        <v>820</v>
      </c>
      <c r="D12339" t="s">
        <v>10850</v>
      </c>
    </row>
    <row r="12340" spans="1:4" x14ac:dyDescent="0.4">
      <c r="A12340">
        <v>1630635</v>
      </c>
      <c r="B12340" t="s">
        <v>815</v>
      </c>
      <c r="C12340" t="s">
        <v>820</v>
      </c>
      <c r="D12340" t="s">
        <v>10851</v>
      </c>
    </row>
    <row r="12341" spans="1:4" x14ac:dyDescent="0.4">
      <c r="A12341">
        <v>1630636</v>
      </c>
      <c r="B12341" t="s">
        <v>815</v>
      </c>
      <c r="C12341" t="s">
        <v>820</v>
      </c>
      <c r="D12341" t="s">
        <v>10852</v>
      </c>
    </row>
    <row r="12342" spans="1:4" x14ac:dyDescent="0.4">
      <c r="A12342">
        <v>1630637</v>
      </c>
      <c r="B12342" t="s">
        <v>815</v>
      </c>
      <c r="C12342" t="s">
        <v>820</v>
      </c>
      <c r="D12342" t="s">
        <v>10853</v>
      </c>
    </row>
    <row r="12343" spans="1:4" x14ac:dyDescent="0.4">
      <c r="A12343">
        <v>1630638</v>
      </c>
      <c r="B12343" t="s">
        <v>815</v>
      </c>
      <c r="C12343" t="s">
        <v>820</v>
      </c>
      <c r="D12343" t="s">
        <v>10854</v>
      </c>
    </row>
    <row r="12344" spans="1:4" x14ac:dyDescent="0.4">
      <c r="A12344">
        <v>1630639</v>
      </c>
      <c r="B12344" t="s">
        <v>815</v>
      </c>
      <c r="C12344" t="s">
        <v>820</v>
      </c>
      <c r="D12344" t="s">
        <v>10855</v>
      </c>
    </row>
    <row r="12345" spans="1:4" x14ac:dyDescent="0.4">
      <c r="A12345">
        <v>1630640</v>
      </c>
      <c r="B12345" t="s">
        <v>815</v>
      </c>
      <c r="C12345" t="s">
        <v>820</v>
      </c>
      <c r="D12345" t="s">
        <v>10856</v>
      </c>
    </row>
    <row r="12346" spans="1:4" x14ac:dyDescent="0.4">
      <c r="A12346">
        <v>1630641</v>
      </c>
      <c r="B12346" t="s">
        <v>815</v>
      </c>
      <c r="C12346" t="s">
        <v>820</v>
      </c>
      <c r="D12346" t="s">
        <v>10857</v>
      </c>
    </row>
    <row r="12347" spans="1:4" x14ac:dyDescent="0.4">
      <c r="A12347">
        <v>1630642</v>
      </c>
      <c r="B12347" t="s">
        <v>815</v>
      </c>
      <c r="C12347" t="s">
        <v>820</v>
      </c>
      <c r="D12347" t="s">
        <v>10858</v>
      </c>
    </row>
    <row r="12348" spans="1:4" x14ac:dyDescent="0.4">
      <c r="A12348">
        <v>1630643</v>
      </c>
      <c r="B12348" t="s">
        <v>815</v>
      </c>
      <c r="C12348" t="s">
        <v>820</v>
      </c>
      <c r="D12348" t="s">
        <v>10859</v>
      </c>
    </row>
    <row r="12349" spans="1:4" x14ac:dyDescent="0.4">
      <c r="A12349">
        <v>1630644</v>
      </c>
      <c r="B12349" t="s">
        <v>815</v>
      </c>
      <c r="C12349" t="s">
        <v>820</v>
      </c>
      <c r="D12349" t="s">
        <v>10860</v>
      </c>
    </row>
    <row r="12350" spans="1:4" x14ac:dyDescent="0.4">
      <c r="A12350">
        <v>1630645</v>
      </c>
      <c r="B12350" t="s">
        <v>815</v>
      </c>
      <c r="C12350" t="s">
        <v>820</v>
      </c>
      <c r="D12350" t="s">
        <v>10861</v>
      </c>
    </row>
    <row r="12351" spans="1:4" x14ac:dyDescent="0.4">
      <c r="A12351">
        <v>1630646</v>
      </c>
      <c r="B12351" t="s">
        <v>815</v>
      </c>
      <c r="C12351" t="s">
        <v>820</v>
      </c>
      <c r="D12351" t="s">
        <v>10862</v>
      </c>
    </row>
    <row r="12352" spans="1:4" x14ac:dyDescent="0.4">
      <c r="A12352">
        <v>2020006</v>
      </c>
      <c r="B12352" t="s">
        <v>815</v>
      </c>
      <c r="C12352" t="s">
        <v>9241</v>
      </c>
      <c r="D12352" t="s">
        <v>255</v>
      </c>
    </row>
    <row r="12353" spans="1:4" x14ac:dyDescent="0.4">
      <c r="A12353">
        <v>1880014</v>
      </c>
      <c r="B12353" t="s">
        <v>815</v>
      </c>
      <c r="C12353" t="s">
        <v>9241</v>
      </c>
      <c r="D12353" t="s">
        <v>10863</v>
      </c>
    </row>
    <row r="12354" spans="1:4" x14ac:dyDescent="0.4">
      <c r="A12354">
        <v>2020004</v>
      </c>
      <c r="B12354" t="s">
        <v>815</v>
      </c>
      <c r="C12354" t="s">
        <v>9241</v>
      </c>
      <c r="D12354" t="s">
        <v>10864</v>
      </c>
    </row>
    <row r="12355" spans="1:4" x14ac:dyDescent="0.4">
      <c r="A12355">
        <v>2020023</v>
      </c>
      <c r="B12355" t="s">
        <v>815</v>
      </c>
      <c r="C12355" t="s">
        <v>9241</v>
      </c>
      <c r="D12355" t="s">
        <v>367</v>
      </c>
    </row>
    <row r="12356" spans="1:4" x14ac:dyDescent="0.4">
      <c r="A12356">
        <v>2020005</v>
      </c>
      <c r="B12356" t="s">
        <v>815</v>
      </c>
      <c r="C12356" t="s">
        <v>9241</v>
      </c>
      <c r="D12356" t="s">
        <v>3395</v>
      </c>
    </row>
    <row r="12357" spans="1:4" x14ac:dyDescent="0.4">
      <c r="A12357">
        <v>1880011</v>
      </c>
      <c r="B12357" t="s">
        <v>815</v>
      </c>
      <c r="C12357" t="s">
        <v>9241</v>
      </c>
      <c r="D12357" t="s">
        <v>10865</v>
      </c>
    </row>
    <row r="12358" spans="1:4" x14ac:dyDescent="0.4">
      <c r="A12358">
        <v>2020013</v>
      </c>
      <c r="B12358" t="s">
        <v>815</v>
      </c>
      <c r="C12358" t="s">
        <v>9241</v>
      </c>
      <c r="D12358" t="s">
        <v>1585</v>
      </c>
    </row>
    <row r="12359" spans="1:4" x14ac:dyDescent="0.4">
      <c r="A12359">
        <v>1880004</v>
      </c>
      <c r="B12359" t="s">
        <v>815</v>
      </c>
      <c r="C12359" t="s">
        <v>9241</v>
      </c>
      <c r="D12359" t="s">
        <v>3398</v>
      </c>
    </row>
    <row r="12360" spans="1:4" x14ac:dyDescent="0.4">
      <c r="A12360">
        <v>2020012</v>
      </c>
      <c r="B12360" t="s">
        <v>815</v>
      </c>
      <c r="C12360" t="s">
        <v>9241</v>
      </c>
      <c r="D12360" t="s">
        <v>1526</v>
      </c>
    </row>
    <row r="12361" spans="1:4" x14ac:dyDescent="0.4">
      <c r="A12361">
        <v>2020021</v>
      </c>
      <c r="B12361" t="s">
        <v>815</v>
      </c>
      <c r="C12361" t="s">
        <v>9241</v>
      </c>
      <c r="D12361" t="s">
        <v>10866</v>
      </c>
    </row>
    <row r="12362" spans="1:4" x14ac:dyDescent="0.4">
      <c r="A12362">
        <v>2020001</v>
      </c>
      <c r="B12362" t="s">
        <v>815</v>
      </c>
      <c r="C12362" t="s">
        <v>9241</v>
      </c>
      <c r="D12362" t="s">
        <v>488</v>
      </c>
    </row>
    <row r="12363" spans="1:4" x14ac:dyDescent="0.4">
      <c r="A12363">
        <v>2020002</v>
      </c>
      <c r="B12363" t="s">
        <v>815</v>
      </c>
      <c r="C12363" t="s">
        <v>9241</v>
      </c>
      <c r="D12363" t="s">
        <v>10867</v>
      </c>
    </row>
    <row r="12364" spans="1:4" x14ac:dyDescent="0.4">
      <c r="A12364">
        <v>2020014</v>
      </c>
      <c r="B12364" t="s">
        <v>815</v>
      </c>
      <c r="C12364" t="s">
        <v>9241</v>
      </c>
      <c r="D12364" t="s">
        <v>3531</v>
      </c>
    </row>
    <row r="12365" spans="1:4" x14ac:dyDescent="0.4">
      <c r="A12365">
        <v>2020015</v>
      </c>
      <c r="B12365" t="s">
        <v>815</v>
      </c>
      <c r="C12365" t="s">
        <v>9241</v>
      </c>
      <c r="D12365" t="s">
        <v>10868</v>
      </c>
    </row>
    <row r="12366" spans="1:4" x14ac:dyDescent="0.4">
      <c r="A12366">
        <v>1880002</v>
      </c>
      <c r="B12366" t="s">
        <v>815</v>
      </c>
      <c r="C12366" t="s">
        <v>9241</v>
      </c>
      <c r="D12366" t="s">
        <v>1611</v>
      </c>
    </row>
    <row r="12367" spans="1:4" x14ac:dyDescent="0.4">
      <c r="A12367">
        <v>1880012</v>
      </c>
      <c r="B12367" t="s">
        <v>815</v>
      </c>
      <c r="C12367" t="s">
        <v>9241</v>
      </c>
      <c r="D12367" t="s">
        <v>1615</v>
      </c>
    </row>
    <row r="12368" spans="1:4" x14ac:dyDescent="0.4">
      <c r="A12368">
        <v>1880013</v>
      </c>
      <c r="B12368" t="s">
        <v>815</v>
      </c>
      <c r="C12368" t="s">
        <v>9241</v>
      </c>
      <c r="D12368" t="s">
        <v>10869</v>
      </c>
    </row>
    <row r="12369" spans="1:4" x14ac:dyDescent="0.4">
      <c r="A12369">
        <v>2020022</v>
      </c>
      <c r="B12369" t="s">
        <v>815</v>
      </c>
      <c r="C12369" t="s">
        <v>9241</v>
      </c>
      <c r="D12369" t="s">
        <v>3653</v>
      </c>
    </row>
    <row r="12370" spans="1:4" x14ac:dyDescent="0.4">
      <c r="A12370">
        <v>1880001</v>
      </c>
      <c r="B12370" t="s">
        <v>815</v>
      </c>
      <c r="C12370" t="s">
        <v>9241</v>
      </c>
      <c r="D12370" t="s">
        <v>10870</v>
      </c>
    </row>
    <row r="12371" spans="1:4" x14ac:dyDescent="0.4">
      <c r="A12371">
        <v>1901200</v>
      </c>
      <c r="B12371" t="s">
        <v>815</v>
      </c>
      <c r="C12371" t="s">
        <v>10871</v>
      </c>
    </row>
    <row r="12372" spans="1:4" x14ac:dyDescent="0.4">
      <c r="A12372">
        <v>1901211</v>
      </c>
      <c r="B12372" t="s">
        <v>815</v>
      </c>
      <c r="C12372" t="s">
        <v>10871</v>
      </c>
      <c r="D12372" t="s">
        <v>10872</v>
      </c>
    </row>
    <row r="12373" spans="1:4" x14ac:dyDescent="0.4">
      <c r="A12373">
        <v>1901202</v>
      </c>
      <c r="B12373" t="s">
        <v>815</v>
      </c>
      <c r="C12373" t="s">
        <v>10871</v>
      </c>
      <c r="D12373" t="s">
        <v>6066</v>
      </c>
    </row>
    <row r="12374" spans="1:4" x14ac:dyDescent="0.4">
      <c r="A12374">
        <v>1901203</v>
      </c>
      <c r="B12374" t="s">
        <v>815</v>
      </c>
      <c r="C12374" t="s">
        <v>10871</v>
      </c>
      <c r="D12374" t="s">
        <v>3121</v>
      </c>
    </row>
    <row r="12375" spans="1:4" x14ac:dyDescent="0.4">
      <c r="A12375">
        <v>1901212</v>
      </c>
      <c r="B12375" t="s">
        <v>815</v>
      </c>
      <c r="C12375" t="s">
        <v>10871</v>
      </c>
      <c r="D12375" t="s">
        <v>10873</v>
      </c>
    </row>
    <row r="12376" spans="1:4" x14ac:dyDescent="0.4">
      <c r="A12376">
        <v>1901232</v>
      </c>
      <c r="B12376" t="s">
        <v>815</v>
      </c>
      <c r="C12376" t="s">
        <v>10871</v>
      </c>
      <c r="D12376" t="s">
        <v>2164</v>
      </c>
    </row>
    <row r="12377" spans="1:4" x14ac:dyDescent="0.4">
      <c r="A12377">
        <v>1901233</v>
      </c>
      <c r="B12377" t="s">
        <v>815</v>
      </c>
      <c r="C12377" t="s">
        <v>10871</v>
      </c>
      <c r="D12377" t="s">
        <v>10874</v>
      </c>
    </row>
    <row r="12378" spans="1:4" x14ac:dyDescent="0.4">
      <c r="A12378">
        <v>1901231</v>
      </c>
      <c r="B12378" t="s">
        <v>815</v>
      </c>
      <c r="C12378" t="s">
        <v>10871</v>
      </c>
      <c r="D12378" t="s">
        <v>10875</v>
      </c>
    </row>
    <row r="12379" spans="1:4" x14ac:dyDescent="0.4">
      <c r="A12379">
        <v>1901234</v>
      </c>
      <c r="B12379" t="s">
        <v>815</v>
      </c>
      <c r="C12379" t="s">
        <v>10871</v>
      </c>
      <c r="D12379" t="s">
        <v>10876</v>
      </c>
    </row>
    <row r="12380" spans="1:4" x14ac:dyDescent="0.4">
      <c r="A12380">
        <v>1901201</v>
      </c>
      <c r="B12380" t="s">
        <v>815</v>
      </c>
      <c r="C12380" t="s">
        <v>10871</v>
      </c>
      <c r="D12380" t="s">
        <v>5792</v>
      </c>
    </row>
    <row r="12381" spans="1:4" x14ac:dyDescent="0.4">
      <c r="A12381">
        <v>1901221</v>
      </c>
      <c r="B12381" t="s">
        <v>815</v>
      </c>
      <c r="C12381" t="s">
        <v>10871</v>
      </c>
      <c r="D12381" t="s">
        <v>10877</v>
      </c>
    </row>
    <row r="12382" spans="1:4" x14ac:dyDescent="0.4">
      <c r="A12382">
        <v>1901222</v>
      </c>
      <c r="B12382" t="s">
        <v>815</v>
      </c>
      <c r="C12382" t="s">
        <v>10871</v>
      </c>
      <c r="D12382" t="s">
        <v>10878</v>
      </c>
    </row>
    <row r="12383" spans="1:4" x14ac:dyDescent="0.4">
      <c r="A12383">
        <v>1901223</v>
      </c>
      <c r="B12383" t="s">
        <v>815</v>
      </c>
      <c r="C12383" t="s">
        <v>10871</v>
      </c>
      <c r="D12383" t="s">
        <v>10879</v>
      </c>
    </row>
    <row r="12384" spans="1:4" x14ac:dyDescent="0.4">
      <c r="A12384">
        <v>1901204</v>
      </c>
      <c r="B12384" t="s">
        <v>815</v>
      </c>
      <c r="C12384" t="s">
        <v>10871</v>
      </c>
      <c r="D12384" t="s">
        <v>10880</v>
      </c>
    </row>
    <row r="12385" spans="1:4" x14ac:dyDescent="0.4">
      <c r="A12385">
        <v>1901224</v>
      </c>
      <c r="B12385" t="s">
        <v>815</v>
      </c>
      <c r="C12385" t="s">
        <v>10871</v>
      </c>
      <c r="D12385" t="s">
        <v>3535</v>
      </c>
    </row>
    <row r="12386" spans="1:4" x14ac:dyDescent="0.4">
      <c r="A12386">
        <v>1901213</v>
      </c>
      <c r="B12386" t="s">
        <v>815</v>
      </c>
      <c r="C12386" t="s">
        <v>10871</v>
      </c>
      <c r="D12386" t="s">
        <v>10881</v>
      </c>
    </row>
    <row r="12387" spans="1:4" x14ac:dyDescent="0.4">
      <c r="A12387">
        <v>1901214</v>
      </c>
      <c r="B12387" t="s">
        <v>815</v>
      </c>
      <c r="C12387" t="s">
        <v>10871</v>
      </c>
      <c r="D12387" t="s">
        <v>10655</v>
      </c>
    </row>
    <row r="12388" spans="1:4" x14ac:dyDescent="0.4">
      <c r="A12388">
        <v>1900100</v>
      </c>
      <c r="B12388" t="s">
        <v>815</v>
      </c>
      <c r="C12388" t="s">
        <v>10882</v>
      </c>
    </row>
    <row r="12389" spans="1:4" x14ac:dyDescent="0.4">
      <c r="A12389">
        <v>1900181</v>
      </c>
      <c r="B12389" t="s">
        <v>815</v>
      </c>
      <c r="C12389" t="s">
        <v>10882</v>
      </c>
      <c r="D12389" t="s">
        <v>10883</v>
      </c>
    </row>
    <row r="12390" spans="1:4" x14ac:dyDescent="0.4">
      <c r="A12390">
        <v>1900182</v>
      </c>
      <c r="B12390" t="s">
        <v>815</v>
      </c>
      <c r="C12390" t="s">
        <v>10882</v>
      </c>
      <c r="D12390" t="s">
        <v>1511</v>
      </c>
    </row>
    <row r="12391" spans="1:4" x14ac:dyDescent="0.4">
      <c r="A12391">
        <v>1900200</v>
      </c>
      <c r="B12391" t="s">
        <v>815</v>
      </c>
      <c r="C12391" t="s">
        <v>10884</v>
      </c>
    </row>
    <row r="12392" spans="1:4" x14ac:dyDescent="0.4">
      <c r="A12392">
        <v>1900204</v>
      </c>
      <c r="B12392" t="s">
        <v>815</v>
      </c>
      <c r="C12392" t="s">
        <v>10884</v>
      </c>
      <c r="D12392" t="s">
        <v>4888</v>
      </c>
    </row>
    <row r="12393" spans="1:4" x14ac:dyDescent="0.4">
      <c r="A12393">
        <v>1900221</v>
      </c>
      <c r="B12393" t="s">
        <v>815</v>
      </c>
      <c r="C12393" t="s">
        <v>10884</v>
      </c>
      <c r="D12393" t="s">
        <v>2084</v>
      </c>
    </row>
    <row r="12394" spans="1:4" x14ac:dyDescent="0.4">
      <c r="A12394">
        <v>1900203</v>
      </c>
      <c r="B12394" t="s">
        <v>815</v>
      </c>
      <c r="C12394" t="s">
        <v>10884</v>
      </c>
      <c r="D12394" t="s">
        <v>6130</v>
      </c>
    </row>
    <row r="12395" spans="1:4" x14ac:dyDescent="0.4">
      <c r="A12395">
        <v>1900212</v>
      </c>
      <c r="B12395" t="s">
        <v>815</v>
      </c>
      <c r="C12395" t="s">
        <v>10884</v>
      </c>
      <c r="D12395" t="s">
        <v>10885</v>
      </c>
    </row>
    <row r="12396" spans="1:4" x14ac:dyDescent="0.4">
      <c r="A12396">
        <v>1900201</v>
      </c>
      <c r="B12396" t="s">
        <v>815</v>
      </c>
      <c r="C12396" t="s">
        <v>10884</v>
      </c>
      <c r="D12396" t="s">
        <v>10886</v>
      </c>
    </row>
    <row r="12397" spans="1:4" x14ac:dyDescent="0.4">
      <c r="A12397">
        <v>1900213</v>
      </c>
      <c r="B12397" t="s">
        <v>815</v>
      </c>
      <c r="C12397" t="s">
        <v>10884</v>
      </c>
      <c r="D12397" t="s">
        <v>10887</v>
      </c>
    </row>
    <row r="12398" spans="1:4" x14ac:dyDescent="0.4">
      <c r="A12398">
        <v>1900223</v>
      </c>
      <c r="B12398" t="s">
        <v>815</v>
      </c>
      <c r="C12398" t="s">
        <v>10884</v>
      </c>
      <c r="D12398" t="s">
        <v>10888</v>
      </c>
    </row>
    <row r="12399" spans="1:4" x14ac:dyDescent="0.4">
      <c r="A12399">
        <v>1900205</v>
      </c>
      <c r="B12399" t="s">
        <v>815</v>
      </c>
      <c r="C12399" t="s">
        <v>10884</v>
      </c>
      <c r="D12399" t="s">
        <v>10889</v>
      </c>
    </row>
    <row r="12400" spans="1:4" x14ac:dyDescent="0.4">
      <c r="A12400">
        <v>1900202</v>
      </c>
      <c r="B12400" t="s">
        <v>815</v>
      </c>
      <c r="C12400" t="s">
        <v>10884</v>
      </c>
      <c r="D12400" t="s">
        <v>9407</v>
      </c>
    </row>
    <row r="12401" spans="1:4" x14ac:dyDescent="0.4">
      <c r="A12401">
        <v>1900222</v>
      </c>
      <c r="B12401" t="s">
        <v>815</v>
      </c>
      <c r="C12401" t="s">
        <v>10884</v>
      </c>
      <c r="D12401" t="s">
        <v>10890</v>
      </c>
    </row>
    <row r="12402" spans="1:4" x14ac:dyDescent="0.4">
      <c r="A12402">
        <v>1900211</v>
      </c>
      <c r="B12402" t="s">
        <v>815</v>
      </c>
      <c r="C12402" t="s">
        <v>10884</v>
      </c>
      <c r="D12402" t="s">
        <v>10891</v>
      </c>
    </row>
    <row r="12403" spans="1:4" x14ac:dyDescent="0.4">
      <c r="A12403">
        <v>1900214</v>
      </c>
      <c r="B12403" t="s">
        <v>815</v>
      </c>
      <c r="C12403" t="s">
        <v>10884</v>
      </c>
      <c r="D12403" t="s">
        <v>9269</v>
      </c>
    </row>
    <row r="12404" spans="1:4" x14ac:dyDescent="0.4">
      <c r="A12404">
        <v>1980000</v>
      </c>
      <c r="B12404" t="s">
        <v>815</v>
      </c>
      <c r="C12404" t="s">
        <v>10892</v>
      </c>
    </row>
    <row r="12405" spans="1:4" x14ac:dyDescent="0.4">
      <c r="A12405">
        <v>1980213</v>
      </c>
      <c r="B12405" t="s">
        <v>815</v>
      </c>
      <c r="C12405" t="s">
        <v>10892</v>
      </c>
      <c r="D12405" t="s">
        <v>10893</v>
      </c>
    </row>
    <row r="12406" spans="1:4" x14ac:dyDescent="0.4">
      <c r="A12406">
        <v>1980103</v>
      </c>
      <c r="B12406" t="s">
        <v>815</v>
      </c>
      <c r="C12406" t="s">
        <v>10892</v>
      </c>
      <c r="D12406" t="s">
        <v>10894</v>
      </c>
    </row>
    <row r="12407" spans="1:4" x14ac:dyDescent="0.4">
      <c r="A12407">
        <v>1980101</v>
      </c>
      <c r="B12407" t="s">
        <v>815</v>
      </c>
      <c r="C12407" t="s">
        <v>10892</v>
      </c>
      <c r="D12407" t="s">
        <v>10895</v>
      </c>
    </row>
    <row r="12408" spans="1:4" x14ac:dyDescent="0.4">
      <c r="A12408">
        <v>1980102</v>
      </c>
      <c r="B12408" t="s">
        <v>815</v>
      </c>
      <c r="C12408" t="s">
        <v>10892</v>
      </c>
      <c r="D12408" t="s">
        <v>10896</v>
      </c>
    </row>
    <row r="12409" spans="1:4" x14ac:dyDescent="0.4">
      <c r="A12409">
        <v>1980225</v>
      </c>
      <c r="B12409" t="s">
        <v>815</v>
      </c>
      <c r="C12409" t="s">
        <v>10892</v>
      </c>
      <c r="D12409" t="s">
        <v>10897</v>
      </c>
    </row>
    <row r="12410" spans="1:4" x14ac:dyDescent="0.4">
      <c r="A12410">
        <v>1980224</v>
      </c>
      <c r="B12410" t="s">
        <v>815</v>
      </c>
      <c r="C12410" t="s">
        <v>10892</v>
      </c>
      <c r="D12410" t="s">
        <v>3107</v>
      </c>
    </row>
    <row r="12411" spans="1:4" x14ac:dyDescent="0.4">
      <c r="A12411">
        <v>1980105</v>
      </c>
      <c r="B12411" t="s">
        <v>815</v>
      </c>
      <c r="C12411" t="s">
        <v>10892</v>
      </c>
      <c r="D12411" t="s">
        <v>10898</v>
      </c>
    </row>
    <row r="12412" spans="1:4" x14ac:dyDescent="0.4">
      <c r="A12412">
        <v>1980222</v>
      </c>
      <c r="B12412" t="s">
        <v>815</v>
      </c>
      <c r="C12412" t="s">
        <v>10892</v>
      </c>
      <c r="D12412" t="s">
        <v>1672</v>
      </c>
    </row>
    <row r="12413" spans="1:4" x14ac:dyDescent="0.4">
      <c r="A12413">
        <v>1980107</v>
      </c>
      <c r="B12413" t="s">
        <v>815</v>
      </c>
      <c r="C12413" t="s">
        <v>10892</v>
      </c>
      <c r="D12413" t="s">
        <v>10899</v>
      </c>
    </row>
    <row r="12414" spans="1:4" x14ac:dyDescent="0.4">
      <c r="A12414">
        <v>1980106</v>
      </c>
      <c r="B12414" t="s">
        <v>815</v>
      </c>
      <c r="C12414" t="s">
        <v>10892</v>
      </c>
      <c r="D12414" t="s">
        <v>8437</v>
      </c>
    </row>
    <row r="12415" spans="1:4" x14ac:dyDescent="0.4">
      <c r="A12415">
        <v>1980104</v>
      </c>
      <c r="B12415" t="s">
        <v>815</v>
      </c>
      <c r="C12415" t="s">
        <v>10892</v>
      </c>
      <c r="D12415" t="s">
        <v>10900</v>
      </c>
    </row>
    <row r="12416" spans="1:4" x14ac:dyDescent="0.4">
      <c r="A12416">
        <v>1980221</v>
      </c>
      <c r="B12416" t="s">
        <v>815</v>
      </c>
      <c r="C12416" t="s">
        <v>10892</v>
      </c>
      <c r="D12416" t="s">
        <v>10901</v>
      </c>
    </row>
    <row r="12417" spans="1:4" x14ac:dyDescent="0.4">
      <c r="A12417">
        <v>1980211</v>
      </c>
      <c r="B12417" t="s">
        <v>815</v>
      </c>
      <c r="C12417" t="s">
        <v>10892</v>
      </c>
      <c r="D12417" t="s">
        <v>10902</v>
      </c>
    </row>
    <row r="12418" spans="1:4" x14ac:dyDescent="0.4">
      <c r="A12418">
        <v>1980223</v>
      </c>
      <c r="B12418" t="s">
        <v>815</v>
      </c>
      <c r="C12418" t="s">
        <v>10892</v>
      </c>
      <c r="D12418" t="s">
        <v>1997</v>
      </c>
    </row>
    <row r="12419" spans="1:4" x14ac:dyDescent="0.4">
      <c r="A12419">
        <v>1980212</v>
      </c>
      <c r="B12419" t="s">
        <v>815</v>
      </c>
      <c r="C12419" t="s">
        <v>10892</v>
      </c>
      <c r="D12419" t="s">
        <v>10903</v>
      </c>
    </row>
    <row r="12420" spans="1:4" x14ac:dyDescent="0.4">
      <c r="A12420">
        <v>1000100</v>
      </c>
      <c r="B12420" t="s">
        <v>815</v>
      </c>
      <c r="C12420" t="s">
        <v>10904</v>
      </c>
    </row>
    <row r="12421" spans="1:4" x14ac:dyDescent="0.4">
      <c r="A12421">
        <v>1000102</v>
      </c>
      <c r="B12421" t="s">
        <v>815</v>
      </c>
      <c r="C12421" t="s">
        <v>10904</v>
      </c>
      <c r="D12421" t="s">
        <v>1942</v>
      </c>
    </row>
    <row r="12422" spans="1:4" x14ac:dyDescent="0.4">
      <c r="A12422">
        <v>1000211</v>
      </c>
      <c r="B12422" t="s">
        <v>815</v>
      </c>
      <c r="C12422" t="s">
        <v>10904</v>
      </c>
      <c r="D12422" t="s">
        <v>10905</v>
      </c>
    </row>
    <row r="12423" spans="1:4" x14ac:dyDescent="0.4">
      <c r="A12423">
        <v>1000103</v>
      </c>
      <c r="B12423" t="s">
        <v>815</v>
      </c>
      <c r="C12423" t="s">
        <v>10904</v>
      </c>
      <c r="D12423" t="s">
        <v>10906</v>
      </c>
    </row>
    <row r="12424" spans="1:4" x14ac:dyDescent="0.4">
      <c r="A12424">
        <v>1000104</v>
      </c>
      <c r="B12424" t="s">
        <v>815</v>
      </c>
      <c r="C12424" t="s">
        <v>10904</v>
      </c>
      <c r="D12424" t="s">
        <v>10907</v>
      </c>
    </row>
    <row r="12425" spans="1:4" x14ac:dyDescent="0.4">
      <c r="A12425">
        <v>1000212</v>
      </c>
      <c r="B12425" t="s">
        <v>815</v>
      </c>
      <c r="C12425" t="s">
        <v>10904</v>
      </c>
      <c r="D12425" t="s">
        <v>10908</v>
      </c>
    </row>
    <row r="12426" spans="1:4" x14ac:dyDescent="0.4">
      <c r="A12426">
        <v>1000101</v>
      </c>
      <c r="B12426" t="s">
        <v>815</v>
      </c>
      <c r="C12426" t="s">
        <v>10904</v>
      </c>
      <c r="D12426" t="s">
        <v>1841</v>
      </c>
    </row>
    <row r="12427" spans="1:4" x14ac:dyDescent="0.4">
      <c r="A12427">
        <v>1000301</v>
      </c>
      <c r="B12427" t="s">
        <v>815</v>
      </c>
      <c r="C12427" t="s">
        <v>10909</v>
      </c>
      <c r="D12427" t="s">
        <v>10910</v>
      </c>
    </row>
    <row r="12428" spans="1:4" x14ac:dyDescent="0.4">
      <c r="A12428">
        <v>1000400</v>
      </c>
      <c r="B12428" t="s">
        <v>815</v>
      </c>
      <c r="C12428" t="s">
        <v>10911</v>
      </c>
    </row>
    <row r="12429" spans="1:4" x14ac:dyDescent="0.4">
      <c r="A12429">
        <v>1000511</v>
      </c>
      <c r="B12429" t="s">
        <v>815</v>
      </c>
      <c r="C12429" t="s">
        <v>10911</v>
      </c>
      <c r="D12429" t="s">
        <v>10912</v>
      </c>
    </row>
    <row r="12430" spans="1:4" x14ac:dyDescent="0.4">
      <c r="A12430">
        <v>1000402</v>
      </c>
      <c r="B12430" t="s">
        <v>815</v>
      </c>
      <c r="C12430" t="s">
        <v>10911</v>
      </c>
      <c r="D12430" t="s">
        <v>8247</v>
      </c>
    </row>
    <row r="12431" spans="1:4" x14ac:dyDescent="0.4">
      <c r="A12431">
        <v>1000401</v>
      </c>
      <c r="B12431" t="s">
        <v>815</v>
      </c>
      <c r="C12431" t="s">
        <v>10911</v>
      </c>
      <c r="D12431" t="s">
        <v>10913</v>
      </c>
    </row>
    <row r="12432" spans="1:4" x14ac:dyDescent="0.4">
      <c r="A12432">
        <v>1000601</v>
      </c>
      <c r="B12432" t="s">
        <v>815</v>
      </c>
      <c r="C12432" t="s">
        <v>10914</v>
      </c>
      <c r="D12432" t="s">
        <v>10915</v>
      </c>
    </row>
    <row r="12433" spans="1:4" x14ac:dyDescent="0.4">
      <c r="A12433">
        <v>1001100</v>
      </c>
      <c r="B12433" t="s">
        <v>815</v>
      </c>
      <c r="C12433" t="s">
        <v>10916</v>
      </c>
    </row>
    <row r="12434" spans="1:4" x14ac:dyDescent="0.4">
      <c r="A12434">
        <v>1001212</v>
      </c>
      <c r="B12434" t="s">
        <v>815</v>
      </c>
      <c r="C12434" t="s">
        <v>10916</v>
      </c>
      <c r="D12434" t="s">
        <v>10917</v>
      </c>
    </row>
    <row r="12435" spans="1:4" x14ac:dyDescent="0.4">
      <c r="A12435">
        <v>1001103</v>
      </c>
      <c r="B12435" t="s">
        <v>815</v>
      </c>
      <c r="C12435" t="s">
        <v>10916</v>
      </c>
      <c r="D12435" t="s">
        <v>10918</v>
      </c>
    </row>
    <row r="12436" spans="1:4" x14ac:dyDescent="0.4">
      <c r="A12436">
        <v>1001102</v>
      </c>
      <c r="B12436" t="s">
        <v>815</v>
      </c>
      <c r="C12436" t="s">
        <v>10916</v>
      </c>
      <c r="D12436" t="s">
        <v>10919</v>
      </c>
    </row>
    <row r="12437" spans="1:4" x14ac:dyDescent="0.4">
      <c r="A12437">
        <v>1001213</v>
      </c>
      <c r="B12437" t="s">
        <v>815</v>
      </c>
      <c r="C12437" t="s">
        <v>10916</v>
      </c>
      <c r="D12437" t="s">
        <v>10920</v>
      </c>
    </row>
    <row r="12438" spans="1:4" x14ac:dyDescent="0.4">
      <c r="A12438">
        <v>1001101</v>
      </c>
      <c r="B12438" t="s">
        <v>815</v>
      </c>
      <c r="C12438" t="s">
        <v>10916</v>
      </c>
      <c r="D12438" t="s">
        <v>10921</v>
      </c>
    </row>
    <row r="12439" spans="1:4" x14ac:dyDescent="0.4">
      <c r="A12439">
        <v>1001211</v>
      </c>
      <c r="B12439" t="s">
        <v>815</v>
      </c>
      <c r="C12439" t="s">
        <v>10916</v>
      </c>
      <c r="D12439" t="s">
        <v>10922</v>
      </c>
    </row>
    <row r="12440" spans="1:4" x14ac:dyDescent="0.4">
      <c r="A12440">
        <v>1001301</v>
      </c>
      <c r="B12440" t="s">
        <v>815</v>
      </c>
      <c r="C12440" t="s">
        <v>10923</v>
      </c>
      <c r="D12440" t="s">
        <v>10924</v>
      </c>
    </row>
    <row r="12441" spans="1:4" x14ac:dyDescent="0.4">
      <c r="A12441">
        <v>1001400</v>
      </c>
      <c r="B12441" t="s">
        <v>815</v>
      </c>
      <c r="C12441" t="s">
        <v>10925</v>
      </c>
    </row>
    <row r="12442" spans="1:4" x14ac:dyDescent="0.4">
      <c r="A12442">
        <v>1001401</v>
      </c>
      <c r="B12442" t="s">
        <v>815</v>
      </c>
      <c r="C12442" t="s">
        <v>10925</v>
      </c>
      <c r="D12442" t="s">
        <v>10926</v>
      </c>
    </row>
    <row r="12443" spans="1:4" x14ac:dyDescent="0.4">
      <c r="A12443">
        <v>1001621</v>
      </c>
      <c r="B12443" t="s">
        <v>815</v>
      </c>
      <c r="C12443" t="s">
        <v>10925</v>
      </c>
      <c r="D12443" t="s">
        <v>10927</v>
      </c>
    </row>
    <row r="12444" spans="1:4" x14ac:dyDescent="0.4">
      <c r="A12444">
        <v>1001622</v>
      </c>
      <c r="B12444" t="s">
        <v>815</v>
      </c>
      <c r="C12444" t="s">
        <v>10925</v>
      </c>
      <c r="D12444" t="s">
        <v>4133</v>
      </c>
    </row>
    <row r="12445" spans="1:4" x14ac:dyDescent="0.4">
      <c r="A12445">
        <v>1001623</v>
      </c>
      <c r="B12445" t="s">
        <v>815</v>
      </c>
      <c r="C12445" t="s">
        <v>10925</v>
      </c>
      <c r="D12445" t="s">
        <v>7159</v>
      </c>
    </row>
    <row r="12446" spans="1:4" x14ac:dyDescent="0.4">
      <c r="A12446">
        <v>1001511</v>
      </c>
      <c r="B12446" t="s">
        <v>815</v>
      </c>
      <c r="C12446" t="s">
        <v>10925</v>
      </c>
      <c r="D12446" t="s">
        <v>10928</v>
      </c>
    </row>
    <row r="12447" spans="1:4" x14ac:dyDescent="0.4">
      <c r="A12447">
        <v>1001701</v>
      </c>
      <c r="B12447" t="s">
        <v>815</v>
      </c>
      <c r="C12447" t="s">
        <v>10929</v>
      </c>
      <c r="D12447" t="s">
        <v>10930</v>
      </c>
    </row>
    <row r="12448" spans="1:4" x14ac:dyDescent="0.4">
      <c r="A12448">
        <v>1002100</v>
      </c>
      <c r="B12448" t="s">
        <v>815</v>
      </c>
      <c r="C12448" t="s">
        <v>10931</v>
      </c>
    </row>
    <row r="12449" spans="1:4" x14ac:dyDescent="0.4">
      <c r="A12449">
        <v>1002101</v>
      </c>
      <c r="B12449" t="s">
        <v>815</v>
      </c>
      <c r="C12449" t="s">
        <v>10931</v>
      </c>
      <c r="D12449" t="s">
        <v>10932</v>
      </c>
    </row>
    <row r="12450" spans="1:4" x14ac:dyDescent="0.4">
      <c r="A12450">
        <v>1002211</v>
      </c>
      <c r="B12450" t="s">
        <v>815</v>
      </c>
      <c r="C12450" t="s">
        <v>10931</v>
      </c>
      <c r="D12450" t="s">
        <v>10933</v>
      </c>
    </row>
    <row r="12451" spans="1:4" x14ac:dyDescent="0.4">
      <c r="A12451" s="1" t="s">
        <v>10934</v>
      </c>
      <c r="B12451" t="s">
        <v>4451</v>
      </c>
      <c r="C12451" t="s">
        <v>5638</v>
      </c>
      <c r="D12451" t="s">
        <v>10935</v>
      </c>
    </row>
    <row r="12452" spans="1:4" x14ac:dyDescent="0.4">
      <c r="A12452" s="1" t="s">
        <v>10936</v>
      </c>
      <c r="B12452" t="s">
        <v>4451</v>
      </c>
      <c r="C12452" t="s">
        <v>5638</v>
      </c>
      <c r="D12452" t="s">
        <v>10937</v>
      </c>
    </row>
    <row r="12453" spans="1:4" x14ac:dyDescent="0.4">
      <c r="A12453" s="1" t="s">
        <v>10938</v>
      </c>
      <c r="B12453" t="s">
        <v>4451</v>
      </c>
      <c r="C12453" t="s">
        <v>5638</v>
      </c>
      <c r="D12453" t="s">
        <v>10939</v>
      </c>
    </row>
    <row r="12454" spans="1:4" x14ac:dyDescent="0.4">
      <c r="A12454" s="1" t="s">
        <v>10940</v>
      </c>
      <c r="B12454" t="s">
        <v>4451</v>
      </c>
      <c r="C12454" t="s">
        <v>5638</v>
      </c>
      <c r="D12454" t="s">
        <v>367</v>
      </c>
    </row>
    <row r="12455" spans="1:4" x14ac:dyDescent="0.4">
      <c r="A12455" s="1" t="s">
        <v>10941</v>
      </c>
      <c r="B12455" t="s">
        <v>4451</v>
      </c>
      <c r="C12455" t="s">
        <v>5638</v>
      </c>
      <c r="D12455" t="s">
        <v>10942</v>
      </c>
    </row>
    <row r="12456" spans="1:4" x14ac:dyDescent="0.4">
      <c r="A12456" s="1" t="s">
        <v>10943</v>
      </c>
      <c r="B12456" t="s">
        <v>4451</v>
      </c>
      <c r="C12456" t="s">
        <v>5638</v>
      </c>
      <c r="D12456" t="s">
        <v>10944</v>
      </c>
    </row>
    <row r="12457" spans="1:4" x14ac:dyDescent="0.4">
      <c r="A12457" s="1" t="s">
        <v>10945</v>
      </c>
      <c r="B12457" t="s">
        <v>4451</v>
      </c>
      <c r="C12457" t="s">
        <v>5638</v>
      </c>
      <c r="D12457" t="s">
        <v>3363</v>
      </c>
    </row>
    <row r="12458" spans="1:4" x14ac:dyDescent="0.4">
      <c r="A12458" s="1" t="s">
        <v>10946</v>
      </c>
      <c r="B12458" t="s">
        <v>4451</v>
      </c>
      <c r="C12458" t="s">
        <v>5638</v>
      </c>
      <c r="D12458" t="s">
        <v>10947</v>
      </c>
    </row>
    <row r="12459" spans="1:4" x14ac:dyDescent="0.4">
      <c r="A12459" s="1" t="s">
        <v>10948</v>
      </c>
      <c r="B12459" t="s">
        <v>4451</v>
      </c>
      <c r="C12459" t="s">
        <v>5638</v>
      </c>
      <c r="D12459" t="s">
        <v>10949</v>
      </c>
    </row>
    <row r="12460" spans="1:4" x14ac:dyDescent="0.4">
      <c r="A12460" s="1" t="s">
        <v>10950</v>
      </c>
      <c r="B12460" t="s">
        <v>4451</v>
      </c>
      <c r="C12460" t="s">
        <v>5638</v>
      </c>
      <c r="D12460" t="s">
        <v>183</v>
      </c>
    </row>
    <row r="12461" spans="1:4" x14ac:dyDescent="0.4">
      <c r="A12461" s="1" t="s">
        <v>10951</v>
      </c>
      <c r="B12461" t="s">
        <v>4451</v>
      </c>
      <c r="C12461" t="s">
        <v>5638</v>
      </c>
      <c r="D12461" t="s">
        <v>10952</v>
      </c>
    </row>
    <row r="12462" spans="1:4" x14ac:dyDescent="0.4">
      <c r="A12462" s="1" t="s">
        <v>10953</v>
      </c>
      <c r="B12462" t="s">
        <v>4451</v>
      </c>
      <c r="C12462" t="s">
        <v>5638</v>
      </c>
      <c r="D12462" t="s">
        <v>10954</v>
      </c>
    </row>
    <row r="12463" spans="1:4" x14ac:dyDescent="0.4">
      <c r="A12463" s="1" t="s">
        <v>10955</v>
      </c>
      <c r="B12463" t="s">
        <v>4451</v>
      </c>
      <c r="C12463" t="s">
        <v>5638</v>
      </c>
      <c r="D12463" t="s">
        <v>372</v>
      </c>
    </row>
    <row r="12464" spans="1:4" x14ac:dyDescent="0.4">
      <c r="A12464" s="1" t="s">
        <v>10956</v>
      </c>
      <c r="B12464" t="s">
        <v>4451</v>
      </c>
      <c r="C12464" t="s">
        <v>5638</v>
      </c>
      <c r="D12464" t="s">
        <v>5000</v>
      </c>
    </row>
    <row r="12465" spans="1:4" x14ac:dyDescent="0.4">
      <c r="A12465" s="1" t="s">
        <v>10957</v>
      </c>
      <c r="B12465" t="s">
        <v>4451</v>
      </c>
      <c r="C12465" t="s">
        <v>5638</v>
      </c>
      <c r="D12465" t="s">
        <v>10958</v>
      </c>
    </row>
    <row r="12466" spans="1:4" x14ac:dyDescent="0.4">
      <c r="A12466" s="1" t="s">
        <v>10959</v>
      </c>
      <c r="B12466" t="s">
        <v>4451</v>
      </c>
      <c r="C12466" t="s">
        <v>5638</v>
      </c>
      <c r="D12466" t="s">
        <v>1581</v>
      </c>
    </row>
    <row r="12467" spans="1:4" x14ac:dyDescent="0.4">
      <c r="A12467" s="1" t="s">
        <v>10960</v>
      </c>
      <c r="B12467" t="s">
        <v>4451</v>
      </c>
      <c r="C12467" t="s">
        <v>5638</v>
      </c>
      <c r="D12467" t="s">
        <v>10961</v>
      </c>
    </row>
    <row r="12468" spans="1:4" x14ac:dyDescent="0.4">
      <c r="A12468" s="1" t="s">
        <v>10962</v>
      </c>
      <c r="B12468" t="s">
        <v>4451</v>
      </c>
      <c r="C12468" t="s">
        <v>5638</v>
      </c>
      <c r="D12468" t="s">
        <v>3937</v>
      </c>
    </row>
    <row r="12469" spans="1:4" x14ac:dyDescent="0.4">
      <c r="A12469" s="1" t="s">
        <v>10963</v>
      </c>
      <c r="B12469" t="s">
        <v>4451</v>
      </c>
      <c r="C12469" t="s">
        <v>5638</v>
      </c>
      <c r="D12469" t="s">
        <v>10964</v>
      </c>
    </row>
    <row r="12470" spans="1:4" x14ac:dyDescent="0.4">
      <c r="A12470" s="1" t="s">
        <v>10965</v>
      </c>
      <c r="B12470" t="s">
        <v>4451</v>
      </c>
      <c r="C12470" t="s">
        <v>5638</v>
      </c>
      <c r="D12470" t="s">
        <v>10966</v>
      </c>
    </row>
    <row r="12471" spans="1:4" x14ac:dyDescent="0.4">
      <c r="A12471" s="1" t="s">
        <v>10967</v>
      </c>
      <c r="B12471" t="s">
        <v>4451</v>
      </c>
      <c r="C12471" t="s">
        <v>5638</v>
      </c>
      <c r="D12471" t="s">
        <v>7321</v>
      </c>
    </row>
    <row r="12472" spans="1:4" x14ac:dyDescent="0.4">
      <c r="A12472" s="1" t="s">
        <v>10968</v>
      </c>
      <c r="B12472" t="s">
        <v>4451</v>
      </c>
      <c r="C12472" t="s">
        <v>5638</v>
      </c>
      <c r="D12472" t="s">
        <v>10969</v>
      </c>
    </row>
    <row r="12473" spans="1:4" x14ac:dyDescent="0.4">
      <c r="A12473" s="1" t="s">
        <v>10970</v>
      </c>
      <c r="B12473" t="s">
        <v>4451</v>
      </c>
      <c r="C12473" t="s">
        <v>5638</v>
      </c>
      <c r="D12473" t="s">
        <v>10971</v>
      </c>
    </row>
    <row r="12474" spans="1:4" x14ac:dyDescent="0.4">
      <c r="A12474" s="1" t="s">
        <v>10972</v>
      </c>
      <c r="B12474" t="s">
        <v>4451</v>
      </c>
      <c r="C12474" t="s">
        <v>5638</v>
      </c>
      <c r="D12474" t="s">
        <v>3142</v>
      </c>
    </row>
    <row r="12475" spans="1:4" x14ac:dyDescent="0.4">
      <c r="A12475" s="1" t="s">
        <v>10973</v>
      </c>
      <c r="B12475" t="s">
        <v>4451</v>
      </c>
      <c r="C12475" t="s">
        <v>5638</v>
      </c>
      <c r="D12475" t="s">
        <v>10974</v>
      </c>
    </row>
    <row r="12476" spans="1:4" x14ac:dyDescent="0.4">
      <c r="A12476" s="1" t="s">
        <v>10975</v>
      </c>
      <c r="B12476" t="s">
        <v>4451</v>
      </c>
      <c r="C12476" t="s">
        <v>5638</v>
      </c>
      <c r="D12476" t="s">
        <v>1926</v>
      </c>
    </row>
    <row r="12477" spans="1:4" x14ac:dyDescent="0.4">
      <c r="A12477" s="1" t="s">
        <v>10976</v>
      </c>
      <c r="B12477" t="s">
        <v>4451</v>
      </c>
      <c r="C12477" t="s">
        <v>5638</v>
      </c>
      <c r="D12477" t="s">
        <v>10977</v>
      </c>
    </row>
    <row r="12478" spans="1:4" x14ac:dyDescent="0.4">
      <c r="A12478" s="1" t="s">
        <v>10978</v>
      </c>
      <c r="B12478" t="s">
        <v>4451</v>
      </c>
      <c r="C12478" t="s">
        <v>5638</v>
      </c>
      <c r="D12478" t="s">
        <v>1764</v>
      </c>
    </row>
    <row r="12479" spans="1:4" x14ac:dyDescent="0.4">
      <c r="A12479" s="1" t="s">
        <v>10979</v>
      </c>
      <c r="B12479" t="s">
        <v>4451</v>
      </c>
      <c r="C12479" t="s">
        <v>5638</v>
      </c>
      <c r="D12479" t="s">
        <v>10980</v>
      </c>
    </row>
    <row r="12480" spans="1:4" x14ac:dyDescent="0.4">
      <c r="A12480" s="1" t="s">
        <v>10981</v>
      </c>
      <c r="B12480" t="s">
        <v>4451</v>
      </c>
      <c r="C12480" t="s">
        <v>5638</v>
      </c>
      <c r="D12480" t="s">
        <v>10982</v>
      </c>
    </row>
    <row r="12481" spans="1:4" x14ac:dyDescent="0.4">
      <c r="A12481" s="1" t="s">
        <v>10983</v>
      </c>
      <c r="B12481" t="s">
        <v>4451</v>
      </c>
      <c r="C12481" t="s">
        <v>5638</v>
      </c>
      <c r="D12481" t="s">
        <v>10984</v>
      </c>
    </row>
    <row r="12482" spans="1:4" x14ac:dyDescent="0.4">
      <c r="A12482" s="1" t="s">
        <v>10985</v>
      </c>
      <c r="B12482" t="s">
        <v>4451</v>
      </c>
      <c r="C12482" t="s">
        <v>5638</v>
      </c>
      <c r="D12482" t="s">
        <v>10986</v>
      </c>
    </row>
    <row r="12483" spans="1:4" x14ac:dyDescent="0.4">
      <c r="A12483" s="1" t="s">
        <v>10987</v>
      </c>
      <c r="B12483" t="s">
        <v>4451</v>
      </c>
      <c r="C12483" t="s">
        <v>5638</v>
      </c>
      <c r="D12483" t="s">
        <v>10988</v>
      </c>
    </row>
    <row r="12484" spans="1:4" x14ac:dyDescent="0.4">
      <c r="A12484" s="1" t="s">
        <v>10989</v>
      </c>
      <c r="B12484" t="s">
        <v>4451</v>
      </c>
      <c r="C12484" t="s">
        <v>5638</v>
      </c>
      <c r="D12484" t="s">
        <v>1695</v>
      </c>
    </row>
    <row r="12485" spans="1:4" x14ac:dyDescent="0.4">
      <c r="A12485" s="1" t="s">
        <v>10990</v>
      </c>
      <c r="B12485" t="s">
        <v>4451</v>
      </c>
      <c r="C12485" t="s">
        <v>5638</v>
      </c>
      <c r="D12485" t="s">
        <v>10991</v>
      </c>
    </row>
    <row r="12486" spans="1:4" x14ac:dyDescent="0.4">
      <c r="A12486" s="1" t="s">
        <v>10992</v>
      </c>
      <c r="B12486" t="s">
        <v>4451</v>
      </c>
      <c r="C12486" t="s">
        <v>5638</v>
      </c>
      <c r="D12486" t="s">
        <v>10993</v>
      </c>
    </row>
    <row r="12487" spans="1:4" x14ac:dyDescent="0.4">
      <c r="A12487" s="1" t="s">
        <v>10994</v>
      </c>
      <c r="B12487" t="s">
        <v>4451</v>
      </c>
      <c r="C12487" t="s">
        <v>5638</v>
      </c>
      <c r="D12487" t="s">
        <v>403</v>
      </c>
    </row>
    <row r="12488" spans="1:4" x14ac:dyDescent="0.4">
      <c r="A12488" s="1" t="s">
        <v>10995</v>
      </c>
      <c r="B12488" t="s">
        <v>4451</v>
      </c>
      <c r="C12488" t="s">
        <v>5638</v>
      </c>
      <c r="D12488" t="s">
        <v>10996</v>
      </c>
    </row>
    <row r="12489" spans="1:4" x14ac:dyDescent="0.4">
      <c r="A12489" s="1" t="s">
        <v>10997</v>
      </c>
      <c r="B12489" t="s">
        <v>4451</v>
      </c>
      <c r="C12489" t="s">
        <v>5638</v>
      </c>
      <c r="D12489" t="s">
        <v>10998</v>
      </c>
    </row>
    <row r="12490" spans="1:4" x14ac:dyDescent="0.4">
      <c r="A12490" s="1" t="s">
        <v>10999</v>
      </c>
      <c r="B12490" t="s">
        <v>4451</v>
      </c>
      <c r="C12490" t="s">
        <v>5638</v>
      </c>
      <c r="D12490" t="s">
        <v>11000</v>
      </c>
    </row>
    <row r="12491" spans="1:4" x14ac:dyDescent="0.4">
      <c r="A12491" s="1" t="s">
        <v>11001</v>
      </c>
      <c r="B12491" t="s">
        <v>4451</v>
      </c>
      <c r="C12491" t="s">
        <v>5638</v>
      </c>
      <c r="D12491" t="s">
        <v>11002</v>
      </c>
    </row>
    <row r="12492" spans="1:4" x14ac:dyDescent="0.4">
      <c r="A12492" s="1" t="s">
        <v>11003</v>
      </c>
      <c r="B12492" t="s">
        <v>4451</v>
      </c>
      <c r="C12492" t="s">
        <v>5638</v>
      </c>
      <c r="D12492" t="s">
        <v>11004</v>
      </c>
    </row>
    <row r="12493" spans="1:4" x14ac:dyDescent="0.4">
      <c r="A12493" s="1" t="s">
        <v>11005</v>
      </c>
      <c r="B12493" t="s">
        <v>4451</v>
      </c>
      <c r="C12493" t="s">
        <v>5638</v>
      </c>
      <c r="D12493" t="s">
        <v>2125</v>
      </c>
    </row>
    <row r="12494" spans="1:4" x14ac:dyDescent="0.4">
      <c r="A12494" s="1" t="s">
        <v>11006</v>
      </c>
      <c r="B12494" t="s">
        <v>4451</v>
      </c>
      <c r="C12494" t="s">
        <v>5638</v>
      </c>
      <c r="D12494" t="s">
        <v>11007</v>
      </c>
    </row>
    <row r="12495" spans="1:4" x14ac:dyDescent="0.4">
      <c r="A12495" s="1" t="s">
        <v>11008</v>
      </c>
      <c r="B12495" t="s">
        <v>4451</v>
      </c>
      <c r="C12495" t="s">
        <v>5638</v>
      </c>
      <c r="D12495" t="s">
        <v>11009</v>
      </c>
    </row>
    <row r="12496" spans="1:4" x14ac:dyDescent="0.4">
      <c r="A12496" s="1" t="s">
        <v>11010</v>
      </c>
      <c r="B12496" t="s">
        <v>4451</v>
      </c>
      <c r="C12496" t="s">
        <v>5638</v>
      </c>
      <c r="D12496" t="s">
        <v>1841</v>
      </c>
    </row>
    <row r="12497" spans="1:4" x14ac:dyDescent="0.4">
      <c r="A12497" s="1" t="s">
        <v>11011</v>
      </c>
      <c r="B12497" t="s">
        <v>4451</v>
      </c>
      <c r="C12497" t="s">
        <v>5638</v>
      </c>
      <c r="D12497" t="s">
        <v>11012</v>
      </c>
    </row>
    <row r="12498" spans="1:4" x14ac:dyDescent="0.4">
      <c r="A12498" s="1" t="s">
        <v>11013</v>
      </c>
      <c r="B12498" t="s">
        <v>4451</v>
      </c>
      <c r="C12498" t="s">
        <v>5638</v>
      </c>
      <c r="D12498" t="s">
        <v>2529</v>
      </c>
    </row>
    <row r="12499" spans="1:4" x14ac:dyDescent="0.4">
      <c r="A12499" s="1" t="s">
        <v>11014</v>
      </c>
      <c r="B12499" t="s">
        <v>4451</v>
      </c>
      <c r="C12499" t="s">
        <v>5638</v>
      </c>
      <c r="D12499" t="s">
        <v>518</v>
      </c>
    </row>
    <row r="12500" spans="1:4" x14ac:dyDescent="0.4">
      <c r="A12500" s="1" t="s">
        <v>11015</v>
      </c>
      <c r="B12500" t="s">
        <v>4451</v>
      </c>
      <c r="C12500" t="s">
        <v>5638</v>
      </c>
      <c r="D12500" t="s">
        <v>11016</v>
      </c>
    </row>
    <row r="12501" spans="1:4" x14ac:dyDescent="0.4">
      <c r="A12501" s="1" t="s">
        <v>11017</v>
      </c>
      <c r="B12501" t="s">
        <v>4451</v>
      </c>
      <c r="C12501" t="s">
        <v>5638</v>
      </c>
      <c r="D12501" t="s">
        <v>119</v>
      </c>
    </row>
    <row r="12502" spans="1:4" x14ac:dyDescent="0.4">
      <c r="A12502" s="1" t="s">
        <v>11018</v>
      </c>
      <c r="B12502" t="s">
        <v>4451</v>
      </c>
      <c r="C12502" t="s">
        <v>5638</v>
      </c>
      <c r="D12502" t="s">
        <v>11019</v>
      </c>
    </row>
    <row r="12503" spans="1:4" x14ac:dyDescent="0.4">
      <c r="A12503" s="1" t="s">
        <v>11020</v>
      </c>
      <c r="B12503" t="s">
        <v>4451</v>
      </c>
      <c r="C12503" t="s">
        <v>11021</v>
      </c>
    </row>
    <row r="12504" spans="1:4" x14ac:dyDescent="0.4">
      <c r="A12504" s="1" t="s">
        <v>11022</v>
      </c>
      <c r="B12504" t="s">
        <v>4451</v>
      </c>
      <c r="C12504" t="s">
        <v>11021</v>
      </c>
      <c r="D12504" t="s">
        <v>4360</v>
      </c>
    </row>
    <row r="12505" spans="1:4" x14ac:dyDescent="0.4">
      <c r="A12505" s="1" t="s">
        <v>11023</v>
      </c>
      <c r="B12505" t="s">
        <v>4451</v>
      </c>
      <c r="C12505" t="s">
        <v>11021</v>
      </c>
      <c r="D12505" t="s">
        <v>11024</v>
      </c>
    </row>
    <row r="12506" spans="1:4" x14ac:dyDescent="0.4">
      <c r="A12506" s="1" t="s">
        <v>11025</v>
      </c>
      <c r="B12506" t="s">
        <v>4451</v>
      </c>
      <c r="C12506" t="s">
        <v>11021</v>
      </c>
      <c r="D12506" t="s">
        <v>11026</v>
      </c>
    </row>
    <row r="12507" spans="1:4" x14ac:dyDescent="0.4">
      <c r="A12507" s="1" t="s">
        <v>11027</v>
      </c>
      <c r="B12507" t="s">
        <v>4451</v>
      </c>
      <c r="C12507" t="s">
        <v>11021</v>
      </c>
      <c r="D12507" t="s">
        <v>11028</v>
      </c>
    </row>
    <row r="12508" spans="1:4" x14ac:dyDescent="0.4">
      <c r="A12508" s="1" t="s">
        <v>11029</v>
      </c>
      <c r="B12508" t="s">
        <v>4451</v>
      </c>
      <c r="C12508" t="s">
        <v>11021</v>
      </c>
      <c r="D12508" t="s">
        <v>11030</v>
      </c>
    </row>
    <row r="12509" spans="1:4" x14ac:dyDescent="0.4">
      <c r="A12509" s="1" t="s">
        <v>11031</v>
      </c>
      <c r="B12509" t="s">
        <v>4451</v>
      </c>
      <c r="C12509" t="s">
        <v>11021</v>
      </c>
      <c r="D12509" t="s">
        <v>11032</v>
      </c>
    </row>
    <row r="12510" spans="1:4" x14ac:dyDescent="0.4">
      <c r="A12510" s="1" t="s">
        <v>11033</v>
      </c>
      <c r="B12510" t="s">
        <v>4451</v>
      </c>
      <c r="C12510" t="s">
        <v>11021</v>
      </c>
      <c r="D12510" t="s">
        <v>11034</v>
      </c>
    </row>
    <row r="12511" spans="1:4" x14ac:dyDescent="0.4">
      <c r="A12511" s="1" t="s">
        <v>11035</v>
      </c>
      <c r="B12511" t="s">
        <v>4451</v>
      </c>
      <c r="C12511" t="s">
        <v>11021</v>
      </c>
      <c r="D12511" t="s">
        <v>11036</v>
      </c>
    </row>
    <row r="12512" spans="1:4" x14ac:dyDescent="0.4">
      <c r="A12512" s="1" t="s">
        <v>11035</v>
      </c>
      <c r="B12512" t="s">
        <v>4451</v>
      </c>
      <c r="C12512" t="s">
        <v>11021</v>
      </c>
      <c r="D12512" t="s">
        <v>11037</v>
      </c>
    </row>
    <row r="12513" spans="1:4" x14ac:dyDescent="0.4">
      <c r="A12513" s="1" t="s">
        <v>11038</v>
      </c>
      <c r="B12513" t="s">
        <v>4451</v>
      </c>
      <c r="C12513" t="s">
        <v>11021</v>
      </c>
      <c r="D12513" t="s">
        <v>11039</v>
      </c>
    </row>
    <row r="12514" spans="1:4" x14ac:dyDescent="0.4">
      <c r="A12514" s="1" t="s">
        <v>11040</v>
      </c>
      <c r="B12514" t="s">
        <v>4451</v>
      </c>
      <c r="C12514" t="s">
        <v>11021</v>
      </c>
      <c r="D12514" t="s">
        <v>11041</v>
      </c>
    </row>
    <row r="12515" spans="1:4" x14ac:dyDescent="0.4">
      <c r="A12515" s="1" t="s">
        <v>11042</v>
      </c>
      <c r="B12515" t="s">
        <v>4451</v>
      </c>
      <c r="C12515" t="s">
        <v>11021</v>
      </c>
      <c r="D12515" t="s">
        <v>4924</v>
      </c>
    </row>
    <row r="12516" spans="1:4" x14ac:dyDescent="0.4">
      <c r="A12516" s="1" t="s">
        <v>11043</v>
      </c>
      <c r="B12516" t="s">
        <v>4451</v>
      </c>
      <c r="C12516" t="s">
        <v>11021</v>
      </c>
      <c r="D12516" t="s">
        <v>4544</v>
      </c>
    </row>
    <row r="12517" spans="1:4" x14ac:dyDescent="0.4">
      <c r="A12517" s="1" t="s">
        <v>11044</v>
      </c>
      <c r="B12517" t="s">
        <v>4451</v>
      </c>
      <c r="C12517" t="s">
        <v>11021</v>
      </c>
      <c r="D12517" t="s">
        <v>442</v>
      </c>
    </row>
    <row r="12518" spans="1:4" x14ac:dyDescent="0.4">
      <c r="A12518" s="1" t="s">
        <v>11045</v>
      </c>
      <c r="B12518" t="s">
        <v>4451</v>
      </c>
      <c r="C12518" t="s">
        <v>11021</v>
      </c>
      <c r="D12518" t="s">
        <v>11046</v>
      </c>
    </row>
    <row r="12519" spans="1:4" x14ac:dyDescent="0.4">
      <c r="A12519" s="1" t="s">
        <v>11047</v>
      </c>
      <c r="B12519" t="s">
        <v>4451</v>
      </c>
      <c r="C12519" t="s">
        <v>11021</v>
      </c>
      <c r="D12519" t="s">
        <v>11048</v>
      </c>
    </row>
    <row r="12520" spans="1:4" x14ac:dyDescent="0.4">
      <c r="A12520" s="1" t="s">
        <v>11049</v>
      </c>
      <c r="B12520" t="s">
        <v>4451</v>
      </c>
      <c r="C12520" t="s">
        <v>11021</v>
      </c>
      <c r="D12520" t="s">
        <v>11050</v>
      </c>
    </row>
    <row r="12521" spans="1:4" x14ac:dyDescent="0.4">
      <c r="A12521" s="1" t="s">
        <v>11051</v>
      </c>
      <c r="B12521" t="s">
        <v>4451</v>
      </c>
      <c r="C12521" t="s">
        <v>11021</v>
      </c>
      <c r="D12521" t="s">
        <v>11052</v>
      </c>
    </row>
    <row r="12522" spans="1:4" x14ac:dyDescent="0.4">
      <c r="A12522" s="1" t="s">
        <v>11053</v>
      </c>
      <c r="B12522" t="s">
        <v>4451</v>
      </c>
      <c r="C12522" t="s">
        <v>11021</v>
      </c>
      <c r="D12522" t="s">
        <v>11054</v>
      </c>
    </row>
    <row r="12523" spans="1:4" x14ac:dyDescent="0.4">
      <c r="A12523" s="1" t="s">
        <v>11055</v>
      </c>
      <c r="B12523" t="s">
        <v>4451</v>
      </c>
      <c r="C12523" t="s">
        <v>11021</v>
      </c>
      <c r="D12523" t="s">
        <v>11056</v>
      </c>
    </row>
    <row r="12524" spans="1:4" x14ac:dyDescent="0.4">
      <c r="A12524" s="1" t="s">
        <v>11057</v>
      </c>
      <c r="B12524" t="s">
        <v>4451</v>
      </c>
      <c r="C12524" t="s">
        <v>11021</v>
      </c>
      <c r="D12524" t="s">
        <v>11058</v>
      </c>
    </row>
    <row r="12525" spans="1:4" x14ac:dyDescent="0.4">
      <c r="A12525" s="1" t="s">
        <v>11059</v>
      </c>
      <c r="B12525" t="s">
        <v>4451</v>
      </c>
      <c r="C12525" t="s">
        <v>11021</v>
      </c>
      <c r="D12525" t="s">
        <v>11060</v>
      </c>
    </row>
    <row r="12526" spans="1:4" x14ac:dyDescent="0.4">
      <c r="A12526" s="1" t="s">
        <v>11061</v>
      </c>
      <c r="B12526" t="s">
        <v>4451</v>
      </c>
      <c r="C12526" t="s">
        <v>11021</v>
      </c>
      <c r="D12526" t="s">
        <v>11062</v>
      </c>
    </row>
    <row r="12527" spans="1:4" x14ac:dyDescent="0.4">
      <c r="A12527" s="1" t="s">
        <v>11063</v>
      </c>
      <c r="B12527" t="s">
        <v>4451</v>
      </c>
      <c r="C12527" t="s">
        <v>11021</v>
      </c>
      <c r="D12527" t="s">
        <v>11064</v>
      </c>
    </row>
    <row r="12528" spans="1:4" x14ac:dyDescent="0.4">
      <c r="A12528" s="1" t="s">
        <v>11065</v>
      </c>
      <c r="B12528" t="s">
        <v>4451</v>
      </c>
      <c r="C12528" t="s">
        <v>11021</v>
      </c>
      <c r="D12528" t="s">
        <v>11066</v>
      </c>
    </row>
    <row r="12529" spans="1:4" x14ac:dyDescent="0.4">
      <c r="A12529" s="1" t="s">
        <v>11067</v>
      </c>
      <c r="B12529" t="s">
        <v>4451</v>
      </c>
      <c r="C12529" t="s">
        <v>11021</v>
      </c>
      <c r="D12529" t="s">
        <v>11068</v>
      </c>
    </row>
    <row r="12530" spans="1:4" x14ac:dyDescent="0.4">
      <c r="A12530" s="1" t="s">
        <v>11069</v>
      </c>
      <c r="B12530" t="s">
        <v>4451</v>
      </c>
      <c r="C12530" t="s">
        <v>11021</v>
      </c>
      <c r="D12530" t="s">
        <v>11070</v>
      </c>
    </row>
    <row r="12531" spans="1:4" x14ac:dyDescent="0.4">
      <c r="A12531" s="1" t="s">
        <v>11071</v>
      </c>
      <c r="B12531" t="s">
        <v>4451</v>
      </c>
      <c r="C12531" t="s">
        <v>11021</v>
      </c>
      <c r="D12531" t="s">
        <v>11072</v>
      </c>
    </row>
    <row r="12532" spans="1:4" x14ac:dyDescent="0.4">
      <c r="A12532" s="1" t="s">
        <v>11073</v>
      </c>
      <c r="B12532" t="s">
        <v>4451</v>
      </c>
      <c r="C12532" t="s">
        <v>11021</v>
      </c>
      <c r="D12532" t="s">
        <v>11074</v>
      </c>
    </row>
    <row r="12533" spans="1:4" x14ac:dyDescent="0.4">
      <c r="A12533" s="1" t="s">
        <v>11075</v>
      </c>
      <c r="B12533" t="s">
        <v>4451</v>
      </c>
      <c r="C12533" t="s">
        <v>11021</v>
      </c>
      <c r="D12533" t="s">
        <v>11076</v>
      </c>
    </row>
    <row r="12534" spans="1:4" x14ac:dyDescent="0.4">
      <c r="A12534" s="1" t="s">
        <v>11077</v>
      </c>
      <c r="B12534" t="s">
        <v>4451</v>
      </c>
      <c r="C12534" t="s">
        <v>11021</v>
      </c>
      <c r="D12534" t="s">
        <v>11078</v>
      </c>
    </row>
    <row r="12535" spans="1:4" x14ac:dyDescent="0.4">
      <c r="A12535" s="1" t="s">
        <v>11079</v>
      </c>
      <c r="B12535" t="s">
        <v>4451</v>
      </c>
      <c r="C12535" t="s">
        <v>11021</v>
      </c>
      <c r="D12535" t="s">
        <v>11080</v>
      </c>
    </row>
    <row r="12536" spans="1:4" x14ac:dyDescent="0.4">
      <c r="A12536" s="1" t="s">
        <v>11081</v>
      </c>
      <c r="B12536" t="s">
        <v>4451</v>
      </c>
      <c r="C12536" t="s">
        <v>11021</v>
      </c>
      <c r="D12536" t="s">
        <v>11082</v>
      </c>
    </row>
    <row r="12537" spans="1:4" x14ac:dyDescent="0.4">
      <c r="A12537" s="1" t="s">
        <v>11083</v>
      </c>
      <c r="B12537" t="s">
        <v>4451</v>
      </c>
      <c r="C12537" t="s">
        <v>11021</v>
      </c>
      <c r="D12537" t="s">
        <v>11084</v>
      </c>
    </row>
    <row r="12538" spans="1:4" x14ac:dyDescent="0.4">
      <c r="A12538" s="1" t="s">
        <v>11085</v>
      </c>
      <c r="B12538" t="s">
        <v>4451</v>
      </c>
      <c r="C12538" t="s">
        <v>11021</v>
      </c>
      <c r="D12538" t="s">
        <v>11086</v>
      </c>
    </row>
    <row r="12539" spans="1:4" x14ac:dyDescent="0.4">
      <c r="A12539" s="1" t="s">
        <v>11087</v>
      </c>
      <c r="B12539" t="s">
        <v>4451</v>
      </c>
      <c r="C12539" t="s">
        <v>11021</v>
      </c>
      <c r="D12539" t="s">
        <v>11088</v>
      </c>
    </row>
    <row r="12540" spans="1:4" x14ac:dyDescent="0.4">
      <c r="A12540" s="1" t="s">
        <v>11089</v>
      </c>
      <c r="B12540" t="s">
        <v>4451</v>
      </c>
      <c r="C12540" t="s">
        <v>11021</v>
      </c>
      <c r="D12540" t="s">
        <v>11090</v>
      </c>
    </row>
    <row r="12541" spans="1:4" x14ac:dyDescent="0.4">
      <c r="A12541" s="1" t="s">
        <v>11091</v>
      </c>
      <c r="B12541" t="s">
        <v>4451</v>
      </c>
      <c r="C12541" t="s">
        <v>11021</v>
      </c>
      <c r="D12541" t="s">
        <v>11092</v>
      </c>
    </row>
    <row r="12542" spans="1:4" x14ac:dyDescent="0.4">
      <c r="A12542" s="1" t="s">
        <v>11093</v>
      </c>
      <c r="B12542" t="s">
        <v>4451</v>
      </c>
      <c r="C12542" t="s">
        <v>11021</v>
      </c>
      <c r="D12542" t="s">
        <v>11094</v>
      </c>
    </row>
    <row r="12543" spans="1:4" x14ac:dyDescent="0.4">
      <c r="A12543" s="1" t="s">
        <v>11095</v>
      </c>
      <c r="B12543" t="s">
        <v>4451</v>
      </c>
      <c r="C12543" t="s">
        <v>11021</v>
      </c>
      <c r="D12543" t="s">
        <v>11096</v>
      </c>
    </row>
    <row r="12544" spans="1:4" x14ac:dyDescent="0.4">
      <c r="A12544" s="1" t="s">
        <v>11097</v>
      </c>
      <c r="B12544" t="s">
        <v>4451</v>
      </c>
      <c r="C12544" t="s">
        <v>11021</v>
      </c>
      <c r="D12544" t="s">
        <v>11098</v>
      </c>
    </row>
    <row r="12545" spans="1:4" x14ac:dyDescent="0.4">
      <c r="A12545" s="1" t="s">
        <v>11099</v>
      </c>
      <c r="B12545" t="s">
        <v>4451</v>
      </c>
      <c r="C12545" t="s">
        <v>11021</v>
      </c>
      <c r="D12545" t="s">
        <v>11100</v>
      </c>
    </row>
    <row r="12546" spans="1:4" x14ac:dyDescent="0.4">
      <c r="A12546" s="1" t="s">
        <v>11101</v>
      </c>
      <c r="B12546" t="s">
        <v>4451</v>
      </c>
      <c r="C12546" t="s">
        <v>11021</v>
      </c>
      <c r="D12546" t="s">
        <v>11102</v>
      </c>
    </row>
    <row r="12547" spans="1:4" x14ac:dyDescent="0.4">
      <c r="A12547" s="1" t="s">
        <v>11103</v>
      </c>
      <c r="B12547" t="s">
        <v>4451</v>
      </c>
      <c r="C12547" t="s">
        <v>11021</v>
      </c>
      <c r="D12547" t="s">
        <v>11104</v>
      </c>
    </row>
    <row r="12548" spans="1:4" x14ac:dyDescent="0.4">
      <c r="A12548" s="1" t="s">
        <v>11105</v>
      </c>
      <c r="B12548" t="s">
        <v>4451</v>
      </c>
      <c r="C12548" t="s">
        <v>11021</v>
      </c>
      <c r="D12548" t="s">
        <v>11106</v>
      </c>
    </row>
    <row r="12549" spans="1:4" x14ac:dyDescent="0.4">
      <c r="A12549" s="1" t="s">
        <v>11107</v>
      </c>
      <c r="B12549" t="s">
        <v>4451</v>
      </c>
      <c r="C12549" t="s">
        <v>11021</v>
      </c>
      <c r="D12549" t="s">
        <v>11108</v>
      </c>
    </row>
    <row r="12550" spans="1:4" x14ac:dyDescent="0.4">
      <c r="A12550" s="1" t="s">
        <v>11109</v>
      </c>
      <c r="B12550" t="s">
        <v>4451</v>
      </c>
      <c r="C12550" t="s">
        <v>11021</v>
      </c>
      <c r="D12550" t="s">
        <v>11110</v>
      </c>
    </row>
    <row r="12551" spans="1:4" x14ac:dyDescent="0.4">
      <c r="A12551" s="1" t="s">
        <v>11111</v>
      </c>
      <c r="B12551" t="s">
        <v>4451</v>
      </c>
      <c r="C12551" t="s">
        <v>11021</v>
      </c>
      <c r="D12551" t="s">
        <v>11112</v>
      </c>
    </row>
    <row r="12552" spans="1:4" x14ac:dyDescent="0.4">
      <c r="A12552" s="1" t="s">
        <v>11113</v>
      </c>
      <c r="B12552" t="s">
        <v>4451</v>
      </c>
      <c r="C12552" t="s">
        <v>11021</v>
      </c>
      <c r="D12552" t="s">
        <v>11114</v>
      </c>
    </row>
    <row r="12553" spans="1:4" x14ac:dyDescent="0.4">
      <c r="A12553" s="1" t="s">
        <v>11115</v>
      </c>
      <c r="B12553" t="s">
        <v>4451</v>
      </c>
      <c r="C12553" t="s">
        <v>11021</v>
      </c>
      <c r="D12553" t="s">
        <v>11116</v>
      </c>
    </row>
    <row r="12554" spans="1:4" x14ac:dyDescent="0.4">
      <c r="A12554" s="1" t="s">
        <v>11117</v>
      </c>
      <c r="B12554" t="s">
        <v>4451</v>
      </c>
      <c r="C12554" t="s">
        <v>11021</v>
      </c>
      <c r="D12554" t="s">
        <v>11118</v>
      </c>
    </row>
    <row r="12555" spans="1:4" x14ac:dyDescent="0.4">
      <c r="A12555" s="1" t="s">
        <v>11119</v>
      </c>
      <c r="B12555" t="s">
        <v>4451</v>
      </c>
      <c r="C12555" t="s">
        <v>11021</v>
      </c>
      <c r="D12555" t="s">
        <v>11120</v>
      </c>
    </row>
    <row r="12556" spans="1:4" x14ac:dyDescent="0.4">
      <c r="A12556" s="1" t="s">
        <v>11121</v>
      </c>
      <c r="B12556" t="s">
        <v>4451</v>
      </c>
      <c r="C12556" t="s">
        <v>11021</v>
      </c>
      <c r="D12556" t="s">
        <v>11122</v>
      </c>
    </row>
    <row r="12557" spans="1:4" x14ac:dyDescent="0.4">
      <c r="A12557" s="1" t="s">
        <v>11123</v>
      </c>
      <c r="B12557" t="s">
        <v>4451</v>
      </c>
      <c r="C12557" t="s">
        <v>11021</v>
      </c>
      <c r="D12557" t="s">
        <v>11124</v>
      </c>
    </row>
    <row r="12558" spans="1:4" x14ac:dyDescent="0.4">
      <c r="A12558" s="1" t="s">
        <v>11125</v>
      </c>
      <c r="B12558" t="s">
        <v>4451</v>
      </c>
      <c r="C12558" t="s">
        <v>11021</v>
      </c>
      <c r="D12558" t="s">
        <v>11126</v>
      </c>
    </row>
    <row r="12559" spans="1:4" x14ac:dyDescent="0.4">
      <c r="A12559" s="1" t="s">
        <v>11127</v>
      </c>
      <c r="B12559" t="s">
        <v>4451</v>
      </c>
      <c r="C12559" t="s">
        <v>11021</v>
      </c>
      <c r="D12559" t="s">
        <v>11016</v>
      </c>
    </row>
    <row r="12560" spans="1:4" x14ac:dyDescent="0.4">
      <c r="A12560" s="1" t="s">
        <v>11128</v>
      </c>
      <c r="B12560" t="s">
        <v>4451</v>
      </c>
      <c r="C12560" t="s">
        <v>11021</v>
      </c>
      <c r="D12560" t="s">
        <v>11129</v>
      </c>
    </row>
    <row r="12561" spans="1:4" x14ac:dyDescent="0.4">
      <c r="A12561" s="1" t="s">
        <v>11130</v>
      </c>
      <c r="B12561" t="s">
        <v>4451</v>
      </c>
      <c r="C12561" t="s">
        <v>11021</v>
      </c>
      <c r="D12561" t="s">
        <v>11131</v>
      </c>
    </row>
    <row r="12562" spans="1:4" x14ac:dyDescent="0.4">
      <c r="A12562" s="1" t="s">
        <v>11132</v>
      </c>
      <c r="B12562" t="s">
        <v>4451</v>
      </c>
      <c r="C12562" t="s">
        <v>11133</v>
      </c>
    </row>
    <row r="12563" spans="1:4" x14ac:dyDescent="0.4">
      <c r="A12563" s="1" t="s">
        <v>11134</v>
      </c>
      <c r="B12563" t="s">
        <v>4451</v>
      </c>
      <c r="C12563" t="s">
        <v>11133</v>
      </c>
      <c r="D12563" t="s">
        <v>1937</v>
      </c>
    </row>
    <row r="12564" spans="1:4" x14ac:dyDescent="0.4">
      <c r="A12564" s="1" t="s">
        <v>11135</v>
      </c>
      <c r="B12564" t="s">
        <v>4451</v>
      </c>
      <c r="C12564" t="s">
        <v>11133</v>
      </c>
      <c r="D12564" t="s">
        <v>11136</v>
      </c>
    </row>
    <row r="12565" spans="1:4" x14ac:dyDescent="0.4">
      <c r="A12565" s="1" t="s">
        <v>11137</v>
      </c>
      <c r="B12565" t="s">
        <v>4451</v>
      </c>
      <c r="C12565" t="s">
        <v>11133</v>
      </c>
      <c r="D12565" t="s">
        <v>1528</v>
      </c>
    </row>
    <row r="12566" spans="1:4" x14ac:dyDescent="0.4">
      <c r="A12566" s="1" t="s">
        <v>11138</v>
      </c>
      <c r="B12566" t="s">
        <v>4451</v>
      </c>
      <c r="C12566" t="s">
        <v>11133</v>
      </c>
      <c r="D12566" t="s">
        <v>11139</v>
      </c>
    </row>
    <row r="12567" spans="1:4" x14ac:dyDescent="0.4">
      <c r="A12567" s="1" t="s">
        <v>11140</v>
      </c>
      <c r="B12567" t="s">
        <v>4451</v>
      </c>
      <c r="C12567" t="s">
        <v>11133</v>
      </c>
      <c r="D12567" t="s">
        <v>11141</v>
      </c>
    </row>
    <row r="12568" spans="1:4" x14ac:dyDescent="0.4">
      <c r="A12568" s="1" t="s">
        <v>11142</v>
      </c>
      <c r="B12568" t="s">
        <v>4451</v>
      </c>
      <c r="C12568" t="s">
        <v>11133</v>
      </c>
      <c r="D12568" t="s">
        <v>3183</v>
      </c>
    </row>
    <row r="12569" spans="1:4" x14ac:dyDescent="0.4">
      <c r="A12569" s="1" t="s">
        <v>11143</v>
      </c>
      <c r="B12569" t="s">
        <v>4451</v>
      </c>
      <c r="C12569" t="s">
        <v>11133</v>
      </c>
      <c r="D12569" t="s">
        <v>11144</v>
      </c>
    </row>
    <row r="12570" spans="1:4" x14ac:dyDescent="0.4">
      <c r="A12570" s="1" t="s">
        <v>11145</v>
      </c>
      <c r="B12570" t="s">
        <v>4451</v>
      </c>
      <c r="C12570" t="s">
        <v>11133</v>
      </c>
      <c r="D12570" t="s">
        <v>11146</v>
      </c>
    </row>
    <row r="12571" spans="1:4" x14ac:dyDescent="0.4">
      <c r="A12571" s="1" t="s">
        <v>11147</v>
      </c>
      <c r="B12571" t="s">
        <v>4451</v>
      </c>
      <c r="C12571" t="s">
        <v>11133</v>
      </c>
      <c r="D12571" t="s">
        <v>8807</v>
      </c>
    </row>
    <row r="12572" spans="1:4" x14ac:dyDescent="0.4">
      <c r="A12572" s="1" t="s">
        <v>11148</v>
      </c>
      <c r="B12572" t="s">
        <v>4451</v>
      </c>
      <c r="C12572" t="s">
        <v>11133</v>
      </c>
      <c r="D12572" t="s">
        <v>11149</v>
      </c>
    </row>
    <row r="12573" spans="1:4" x14ac:dyDescent="0.4">
      <c r="A12573" s="1" t="s">
        <v>11150</v>
      </c>
      <c r="B12573" t="s">
        <v>4451</v>
      </c>
      <c r="C12573" t="s">
        <v>11133</v>
      </c>
      <c r="D12573" t="s">
        <v>11151</v>
      </c>
    </row>
    <row r="12574" spans="1:4" x14ac:dyDescent="0.4">
      <c r="A12574" s="1" t="s">
        <v>11152</v>
      </c>
      <c r="B12574" t="s">
        <v>4451</v>
      </c>
      <c r="C12574" t="s">
        <v>11133</v>
      </c>
      <c r="D12574" t="s">
        <v>72</v>
      </c>
    </row>
    <row r="12575" spans="1:4" x14ac:dyDescent="0.4">
      <c r="A12575" s="1" t="s">
        <v>11153</v>
      </c>
      <c r="B12575" t="s">
        <v>4451</v>
      </c>
      <c r="C12575" t="s">
        <v>11133</v>
      </c>
      <c r="D12575" t="s">
        <v>255</v>
      </c>
    </row>
    <row r="12576" spans="1:4" x14ac:dyDescent="0.4">
      <c r="A12576" s="1" t="s">
        <v>11154</v>
      </c>
      <c r="B12576" t="s">
        <v>4451</v>
      </c>
      <c r="C12576" t="s">
        <v>11133</v>
      </c>
      <c r="D12576" t="s">
        <v>165</v>
      </c>
    </row>
    <row r="12577" spans="1:4" x14ac:dyDescent="0.4">
      <c r="A12577" s="1" t="s">
        <v>11155</v>
      </c>
      <c r="B12577" t="s">
        <v>4451</v>
      </c>
      <c r="C12577" t="s">
        <v>11133</v>
      </c>
      <c r="D12577" t="s">
        <v>11156</v>
      </c>
    </row>
    <row r="12578" spans="1:4" x14ac:dyDescent="0.4">
      <c r="A12578" s="1" t="s">
        <v>11157</v>
      </c>
      <c r="B12578" t="s">
        <v>4451</v>
      </c>
      <c r="C12578" t="s">
        <v>11133</v>
      </c>
      <c r="D12578" t="s">
        <v>11158</v>
      </c>
    </row>
    <row r="12579" spans="1:4" x14ac:dyDescent="0.4">
      <c r="A12579" s="1" t="s">
        <v>11159</v>
      </c>
      <c r="B12579" t="s">
        <v>4451</v>
      </c>
      <c r="C12579" t="s">
        <v>11133</v>
      </c>
      <c r="D12579" t="s">
        <v>11160</v>
      </c>
    </row>
    <row r="12580" spans="1:4" x14ac:dyDescent="0.4">
      <c r="A12580" s="1" t="s">
        <v>11161</v>
      </c>
      <c r="B12580" t="s">
        <v>4451</v>
      </c>
      <c r="C12580" t="s">
        <v>11133</v>
      </c>
      <c r="D12580" t="s">
        <v>11162</v>
      </c>
    </row>
    <row r="12581" spans="1:4" x14ac:dyDescent="0.4">
      <c r="A12581" s="1" t="s">
        <v>11163</v>
      </c>
      <c r="B12581" t="s">
        <v>4451</v>
      </c>
      <c r="C12581" t="s">
        <v>11133</v>
      </c>
      <c r="D12581" t="s">
        <v>367</v>
      </c>
    </row>
    <row r="12582" spans="1:4" x14ac:dyDescent="0.4">
      <c r="A12582" s="1" t="s">
        <v>11164</v>
      </c>
      <c r="B12582" t="s">
        <v>4451</v>
      </c>
      <c r="C12582" t="s">
        <v>11133</v>
      </c>
      <c r="D12582" t="s">
        <v>11165</v>
      </c>
    </row>
    <row r="12583" spans="1:4" x14ac:dyDescent="0.4">
      <c r="A12583" s="1" t="s">
        <v>11166</v>
      </c>
      <c r="B12583" t="s">
        <v>4451</v>
      </c>
      <c r="C12583" t="s">
        <v>11133</v>
      </c>
      <c r="D12583" t="s">
        <v>11167</v>
      </c>
    </row>
    <row r="12584" spans="1:4" x14ac:dyDescent="0.4">
      <c r="A12584" s="1" t="s">
        <v>11168</v>
      </c>
      <c r="B12584" t="s">
        <v>4451</v>
      </c>
      <c r="C12584" t="s">
        <v>11133</v>
      </c>
      <c r="D12584" t="s">
        <v>11169</v>
      </c>
    </row>
    <row r="12585" spans="1:4" x14ac:dyDescent="0.4">
      <c r="A12585" s="1" t="s">
        <v>11170</v>
      </c>
      <c r="B12585" t="s">
        <v>4451</v>
      </c>
      <c r="C12585" t="s">
        <v>11133</v>
      </c>
      <c r="D12585" t="s">
        <v>2780</v>
      </c>
    </row>
    <row r="12586" spans="1:4" x14ac:dyDescent="0.4">
      <c r="A12586" s="1" t="s">
        <v>11171</v>
      </c>
      <c r="B12586" t="s">
        <v>4451</v>
      </c>
      <c r="C12586" t="s">
        <v>11133</v>
      </c>
      <c r="D12586" t="s">
        <v>3697</v>
      </c>
    </row>
    <row r="12587" spans="1:4" x14ac:dyDescent="0.4">
      <c r="A12587" s="1" t="s">
        <v>11172</v>
      </c>
      <c r="B12587" t="s">
        <v>4451</v>
      </c>
      <c r="C12587" t="s">
        <v>11133</v>
      </c>
      <c r="D12587" t="s">
        <v>11173</v>
      </c>
    </row>
    <row r="12588" spans="1:4" x14ac:dyDescent="0.4">
      <c r="A12588" s="1" t="s">
        <v>11174</v>
      </c>
      <c r="B12588" t="s">
        <v>4451</v>
      </c>
      <c r="C12588" t="s">
        <v>11133</v>
      </c>
      <c r="D12588" t="s">
        <v>11175</v>
      </c>
    </row>
    <row r="12589" spans="1:4" x14ac:dyDescent="0.4">
      <c r="A12589" s="1" t="s">
        <v>11176</v>
      </c>
      <c r="B12589" t="s">
        <v>4451</v>
      </c>
      <c r="C12589" t="s">
        <v>11133</v>
      </c>
      <c r="D12589" t="s">
        <v>5588</v>
      </c>
    </row>
    <row r="12590" spans="1:4" x14ac:dyDescent="0.4">
      <c r="A12590" s="1" t="s">
        <v>11177</v>
      </c>
      <c r="B12590" t="s">
        <v>4451</v>
      </c>
      <c r="C12590" t="s">
        <v>11133</v>
      </c>
      <c r="D12590" t="s">
        <v>11178</v>
      </c>
    </row>
    <row r="12591" spans="1:4" x14ac:dyDescent="0.4">
      <c r="A12591" s="1" t="s">
        <v>11179</v>
      </c>
      <c r="B12591" t="s">
        <v>4451</v>
      </c>
      <c r="C12591" t="s">
        <v>11133</v>
      </c>
      <c r="D12591" t="s">
        <v>1526</v>
      </c>
    </row>
    <row r="12592" spans="1:4" x14ac:dyDescent="0.4">
      <c r="A12592" s="1" t="s">
        <v>11180</v>
      </c>
      <c r="B12592" t="s">
        <v>4451</v>
      </c>
      <c r="C12592" t="s">
        <v>11133</v>
      </c>
      <c r="D12592" t="s">
        <v>748</v>
      </c>
    </row>
    <row r="12593" spans="1:4" x14ac:dyDescent="0.4">
      <c r="A12593" s="1" t="s">
        <v>11181</v>
      </c>
      <c r="B12593" t="s">
        <v>4451</v>
      </c>
      <c r="C12593" t="s">
        <v>11133</v>
      </c>
      <c r="D12593" t="s">
        <v>11182</v>
      </c>
    </row>
    <row r="12594" spans="1:4" x14ac:dyDescent="0.4">
      <c r="A12594" s="1" t="s">
        <v>11183</v>
      </c>
      <c r="B12594" t="s">
        <v>4451</v>
      </c>
      <c r="C12594" t="s">
        <v>11133</v>
      </c>
      <c r="D12594" t="s">
        <v>6881</v>
      </c>
    </row>
    <row r="12595" spans="1:4" x14ac:dyDescent="0.4">
      <c r="A12595" s="1" t="s">
        <v>11184</v>
      </c>
      <c r="B12595" t="s">
        <v>4451</v>
      </c>
      <c r="C12595" t="s">
        <v>11133</v>
      </c>
      <c r="D12595" t="s">
        <v>653</v>
      </c>
    </row>
    <row r="12596" spans="1:4" x14ac:dyDescent="0.4">
      <c r="A12596" s="1" t="s">
        <v>11185</v>
      </c>
      <c r="B12596" t="s">
        <v>4451</v>
      </c>
      <c r="C12596" t="s">
        <v>11133</v>
      </c>
      <c r="D12596" t="s">
        <v>11186</v>
      </c>
    </row>
    <row r="12597" spans="1:4" x14ac:dyDescent="0.4">
      <c r="A12597" s="1" t="s">
        <v>11187</v>
      </c>
      <c r="B12597" t="s">
        <v>4451</v>
      </c>
      <c r="C12597" t="s">
        <v>11133</v>
      </c>
      <c r="D12597" t="s">
        <v>11188</v>
      </c>
    </row>
    <row r="12598" spans="1:4" x14ac:dyDescent="0.4">
      <c r="A12598" s="1" t="s">
        <v>11189</v>
      </c>
      <c r="B12598" t="s">
        <v>4451</v>
      </c>
      <c r="C12598" t="s">
        <v>11133</v>
      </c>
      <c r="D12598" t="s">
        <v>2521</v>
      </c>
    </row>
    <row r="12599" spans="1:4" x14ac:dyDescent="0.4">
      <c r="A12599" s="1" t="s">
        <v>11190</v>
      </c>
      <c r="B12599" t="s">
        <v>4451</v>
      </c>
      <c r="C12599" t="s">
        <v>11133</v>
      </c>
      <c r="D12599" t="s">
        <v>403</v>
      </c>
    </row>
    <row r="12600" spans="1:4" x14ac:dyDescent="0.4">
      <c r="A12600" s="1" t="s">
        <v>11191</v>
      </c>
      <c r="B12600" t="s">
        <v>4451</v>
      </c>
      <c r="C12600" t="s">
        <v>11133</v>
      </c>
      <c r="D12600" t="s">
        <v>11192</v>
      </c>
    </row>
    <row r="12601" spans="1:4" x14ac:dyDescent="0.4">
      <c r="A12601" s="1" t="s">
        <v>11193</v>
      </c>
      <c r="B12601" t="s">
        <v>4451</v>
      </c>
      <c r="C12601" t="s">
        <v>11133</v>
      </c>
      <c r="D12601" t="s">
        <v>11194</v>
      </c>
    </row>
    <row r="12602" spans="1:4" x14ac:dyDescent="0.4">
      <c r="A12602" s="1" t="s">
        <v>11195</v>
      </c>
      <c r="B12602" t="s">
        <v>4451</v>
      </c>
      <c r="C12602" t="s">
        <v>11133</v>
      </c>
      <c r="D12602" t="s">
        <v>3422</v>
      </c>
    </row>
    <row r="12603" spans="1:4" x14ac:dyDescent="0.4">
      <c r="A12603" s="1" t="s">
        <v>11196</v>
      </c>
      <c r="B12603" t="s">
        <v>4451</v>
      </c>
      <c r="C12603" t="s">
        <v>11133</v>
      </c>
      <c r="D12603" t="s">
        <v>11197</v>
      </c>
    </row>
    <row r="12604" spans="1:4" x14ac:dyDescent="0.4">
      <c r="A12604" s="1" t="s">
        <v>11198</v>
      </c>
      <c r="B12604" t="s">
        <v>4451</v>
      </c>
      <c r="C12604" t="s">
        <v>11133</v>
      </c>
      <c r="D12604" t="s">
        <v>3534</v>
      </c>
    </row>
    <row r="12605" spans="1:4" x14ac:dyDescent="0.4">
      <c r="A12605" s="1" t="s">
        <v>11199</v>
      </c>
      <c r="B12605" t="s">
        <v>4451</v>
      </c>
      <c r="C12605" t="s">
        <v>11133</v>
      </c>
      <c r="D12605" t="s">
        <v>1611</v>
      </c>
    </row>
    <row r="12606" spans="1:4" x14ac:dyDescent="0.4">
      <c r="A12606" s="1" t="s">
        <v>11200</v>
      </c>
      <c r="B12606" t="s">
        <v>4451</v>
      </c>
      <c r="C12606" t="s">
        <v>11133</v>
      </c>
      <c r="D12606" t="s">
        <v>4708</v>
      </c>
    </row>
    <row r="12607" spans="1:4" x14ac:dyDescent="0.4">
      <c r="A12607" s="1" t="s">
        <v>11201</v>
      </c>
      <c r="B12607" t="s">
        <v>4451</v>
      </c>
      <c r="C12607" t="s">
        <v>11133</v>
      </c>
      <c r="D12607" t="s">
        <v>1615</v>
      </c>
    </row>
    <row r="12608" spans="1:4" x14ac:dyDescent="0.4">
      <c r="A12608" s="1" t="s">
        <v>11202</v>
      </c>
      <c r="B12608" t="s">
        <v>4451</v>
      </c>
      <c r="C12608" t="s">
        <v>11133</v>
      </c>
      <c r="D12608" t="s">
        <v>2034</v>
      </c>
    </row>
    <row r="12609" spans="1:4" x14ac:dyDescent="0.4">
      <c r="A12609" s="1" t="s">
        <v>11203</v>
      </c>
      <c r="B12609" t="s">
        <v>4451</v>
      </c>
      <c r="C12609" t="s">
        <v>11133</v>
      </c>
      <c r="D12609" t="s">
        <v>11204</v>
      </c>
    </row>
    <row r="12610" spans="1:4" x14ac:dyDescent="0.4">
      <c r="A12610" s="1" t="s">
        <v>11205</v>
      </c>
      <c r="B12610" t="s">
        <v>4451</v>
      </c>
      <c r="C12610" t="s">
        <v>11133</v>
      </c>
      <c r="D12610" t="s">
        <v>11206</v>
      </c>
    </row>
    <row r="12611" spans="1:4" x14ac:dyDescent="0.4">
      <c r="A12611" s="1" t="s">
        <v>11207</v>
      </c>
      <c r="B12611" t="s">
        <v>4451</v>
      </c>
      <c r="C12611" t="s">
        <v>11133</v>
      </c>
      <c r="D12611" t="s">
        <v>11208</v>
      </c>
    </row>
    <row r="12612" spans="1:4" x14ac:dyDescent="0.4">
      <c r="A12612" s="1" t="s">
        <v>11209</v>
      </c>
      <c r="B12612" t="s">
        <v>4451</v>
      </c>
      <c r="C12612" t="s">
        <v>11133</v>
      </c>
      <c r="D12612" t="s">
        <v>11210</v>
      </c>
    </row>
    <row r="12613" spans="1:4" x14ac:dyDescent="0.4">
      <c r="A12613" s="1" t="s">
        <v>11211</v>
      </c>
      <c r="B12613" t="s">
        <v>4451</v>
      </c>
      <c r="C12613" t="s">
        <v>11133</v>
      </c>
      <c r="D12613" t="s">
        <v>2067</v>
      </c>
    </row>
    <row r="12614" spans="1:4" x14ac:dyDescent="0.4">
      <c r="A12614" s="1" t="s">
        <v>11212</v>
      </c>
      <c r="B12614" t="s">
        <v>4451</v>
      </c>
      <c r="C12614" t="s">
        <v>11133</v>
      </c>
      <c r="D12614" t="s">
        <v>11213</v>
      </c>
    </row>
    <row r="12615" spans="1:4" x14ac:dyDescent="0.4">
      <c r="A12615" s="1" t="s">
        <v>11214</v>
      </c>
      <c r="B12615" t="s">
        <v>4451</v>
      </c>
      <c r="C12615" t="s">
        <v>11215</v>
      </c>
    </row>
    <row r="12616" spans="1:4" x14ac:dyDescent="0.4">
      <c r="A12616" s="1" t="s">
        <v>11216</v>
      </c>
      <c r="B12616" t="s">
        <v>4451</v>
      </c>
      <c r="C12616" t="s">
        <v>11215</v>
      </c>
      <c r="D12616" t="s">
        <v>11217</v>
      </c>
    </row>
    <row r="12617" spans="1:4" x14ac:dyDescent="0.4">
      <c r="A12617" s="1" t="s">
        <v>11218</v>
      </c>
      <c r="B12617" t="s">
        <v>4451</v>
      </c>
      <c r="C12617" t="s">
        <v>11215</v>
      </c>
      <c r="D12617" t="s">
        <v>222</v>
      </c>
    </row>
    <row r="12618" spans="1:4" x14ac:dyDescent="0.4">
      <c r="A12618" s="1" t="s">
        <v>11219</v>
      </c>
      <c r="B12618" t="s">
        <v>4451</v>
      </c>
      <c r="C12618" t="s">
        <v>11215</v>
      </c>
      <c r="D12618" t="s">
        <v>11220</v>
      </c>
    </row>
    <row r="12619" spans="1:4" x14ac:dyDescent="0.4">
      <c r="A12619" s="1" t="s">
        <v>11221</v>
      </c>
      <c r="B12619" t="s">
        <v>4451</v>
      </c>
      <c r="C12619" t="s">
        <v>11215</v>
      </c>
      <c r="D12619" t="s">
        <v>11222</v>
      </c>
    </row>
    <row r="12620" spans="1:4" x14ac:dyDescent="0.4">
      <c r="A12620" s="1" t="s">
        <v>11223</v>
      </c>
      <c r="B12620" t="s">
        <v>4451</v>
      </c>
      <c r="C12620" t="s">
        <v>11215</v>
      </c>
      <c r="D12620" t="s">
        <v>11224</v>
      </c>
    </row>
    <row r="12621" spans="1:4" x14ac:dyDescent="0.4">
      <c r="A12621" s="1" t="s">
        <v>11225</v>
      </c>
      <c r="B12621" t="s">
        <v>4451</v>
      </c>
      <c r="C12621" t="s">
        <v>11215</v>
      </c>
      <c r="D12621" t="s">
        <v>11226</v>
      </c>
    </row>
    <row r="12622" spans="1:4" x14ac:dyDescent="0.4">
      <c r="A12622" s="1" t="s">
        <v>11227</v>
      </c>
      <c r="B12622" t="s">
        <v>4451</v>
      </c>
      <c r="C12622" t="s">
        <v>11215</v>
      </c>
      <c r="D12622" t="s">
        <v>7764</v>
      </c>
    </row>
    <row r="12623" spans="1:4" x14ac:dyDescent="0.4">
      <c r="A12623" s="1" t="s">
        <v>11228</v>
      </c>
      <c r="B12623" t="s">
        <v>4451</v>
      </c>
      <c r="C12623" t="s">
        <v>11215</v>
      </c>
      <c r="D12623" t="s">
        <v>4242</v>
      </c>
    </row>
    <row r="12624" spans="1:4" x14ac:dyDescent="0.4">
      <c r="A12624" s="1" t="s">
        <v>11229</v>
      </c>
      <c r="B12624" t="s">
        <v>4451</v>
      </c>
      <c r="C12624" t="s">
        <v>11215</v>
      </c>
      <c r="D12624" t="s">
        <v>11230</v>
      </c>
    </row>
    <row r="12625" spans="1:4" x14ac:dyDescent="0.4">
      <c r="A12625" s="1" t="s">
        <v>11231</v>
      </c>
      <c r="B12625" t="s">
        <v>4451</v>
      </c>
      <c r="C12625" t="s">
        <v>11215</v>
      </c>
      <c r="D12625" t="s">
        <v>8593</v>
      </c>
    </row>
    <row r="12626" spans="1:4" x14ac:dyDescent="0.4">
      <c r="A12626" s="1" t="s">
        <v>11232</v>
      </c>
      <c r="B12626" t="s">
        <v>4451</v>
      </c>
      <c r="C12626" t="s">
        <v>11215</v>
      </c>
      <c r="D12626" t="s">
        <v>11233</v>
      </c>
    </row>
    <row r="12627" spans="1:4" x14ac:dyDescent="0.4">
      <c r="A12627" s="1" t="s">
        <v>11234</v>
      </c>
      <c r="B12627" t="s">
        <v>4451</v>
      </c>
      <c r="C12627" t="s">
        <v>11215</v>
      </c>
      <c r="D12627" t="s">
        <v>11235</v>
      </c>
    </row>
    <row r="12628" spans="1:4" x14ac:dyDescent="0.4">
      <c r="A12628" s="1" t="s">
        <v>11236</v>
      </c>
      <c r="B12628" t="s">
        <v>4451</v>
      </c>
      <c r="C12628" t="s">
        <v>11215</v>
      </c>
      <c r="D12628" t="s">
        <v>11237</v>
      </c>
    </row>
    <row r="12629" spans="1:4" x14ac:dyDescent="0.4">
      <c r="A12629" s="1" t="s">
        <v>11238</v>
      </c>
      <c r="B12629" t="s">
        <v>4451</v>
      </c>
      <c r="C12629" t="s">
        <v>11215</v>
      </c>
      <c r="D12629" t="s">
        <v>11239</v>
      </c>
    </row>
    <row r="12630" spans="1:4" x14ac:dyDescent="0.4">
      <c r="A12630" s="1" t="s">
        <v>11240</v>
      </c>
      <c r="B12630" t="s">
        <v>4451</v>
      </c>
      <c r="C12630" t="s">
        <v>11215</v>
      </c>
      <c r="D12630" t="s">
        <v>11241</v>
      </c>
    </row>
    <row r="12631" spans="1:4" x14ac:dyDescent="0.4">
      <c r="A12631" s="1" t="s">
        <v>11242</v>
      </c>
      <c r="B12631" t="s">
        <v>4451</v>
      </c>
      <c r="C12631" t="s">
        <v>11215</v>
      </c>
      <c r="D12631" t="s">
        <v>4494</v>
      </c>
    </row>
    <row r="12632" spans="1:4" x14ac:dyDescent="0.4">
      <c r="A12632" s="1" t="s">
        <v>11243</v>
      </c>
      <c r="B12632" t="s">
        <v>4451</v>
      </c>
      <c r="C12632" t="s">
        <v>11215</v>
      </c>
      <c r="D12632" t="s">
        <v>11244</v>
      </c>
    </row>
    <row r="12633" spans="1:4" x14ac:dyDescent="0.4">
      <c r="A12633" s="1" t="s">
        <v>11245</v>
      </c>
      <c r="B12633" t="s">
        <v>4451</v>
      </c>
      <c r="C12633" t="s">
        <v>11215</v>
      </c>
      <c r="D12633" t="s">
        <v>2086</v>
      </c>
    </row>
    <row r="12634" spans="1:4" x14ac:dyDescent="0.4">
      <c r="A12634" s="1" t="s">
        <v>11246</v>
      </c>
      <c r="B12634" t="s">
        <v>4451</v>
      </c>
      <c r="C12634" t="s">
        <v>11215</v>
      </c>
      <c r="D12634" t="s">
        <v>1550</v>
      </c>
    </row>
    <row r="12635" spans="1:4" x14ac:dyDescent="0.4">
      <c r="A12635" s="1" t="s">
        <v>11247</v>
      </c>
      <c r="B12635" t="s">
        <v>4451</v>
      </c>
      <c r="C12635" t="s">
        <v>11215</v>
      </c>
      <c r="D12635" t="s">
        <v>11248</v>
      </c>
    </row>
    <row r="12636" spans="1:4" x14ac:dyDescent="0.4">
      <c r="A12636" s="1" t="s">
        <v>11249</v>
      </c>
      <c r="B12636" t="s">
        <v>4451</v>
      </c>
      <c r="C12636" t="s">
        <v>11215</v>
      </c>
      <c r="D12636" t="s">
        <v>11250</v>
      </c>
    </row>
    <row r="12637" spans="1:4" x14ac:dyDescent="0.4">
      <c r="A12637" s="1" t="s">
        <v>11251</v>
      </c>
      <c r="B12637" t="s">
        <v>4451</v>
      </c>
      <c r="C12637" t="s">
        <v>11215</v>
      </c>
      <c r="D12637" t="s">
        <v>11252</v>
      </c>
    </row>
    <row r="12638" spans="1:4" x14ac:dyDescent="0.4">
      <c r="A12638" s="1" t="s">
        <v>11253</v>
      </c>
      <c r="B12638" t="s">
        <v>4451</v>
      </c>
      <c r="C12638" t="s">
        <v>11215</v>
      </c>
      <c r="D12638" t="s">
        <v>11254</v>
      </c>
    </row>
    <row r="12639" spans="1:4" x14ac:dyDescent="0.4">
      <c r="A12639" s="1" t="s">
        <v>11255</v>
      </c>
      <c r="B12639" t="s">
        <v>4451</v>
      </c>
      <c r="C12639" t="s">
        <v>11215</v>
      </c>
      <c r="D12639" t="s">
        <v>11256</v>
      </c>
    </row>
    <row r="12640" spans="1:4" x14ac:dyDescent="0.4">
      <c r="A12640" s="1" t="s">
        <v>11257</v>
      </c>
      <c r="B12640" t="s">
        <v>4451</v>
      </c>
      <c r="C12640" t="s">
        <v>11215</v>
      </c>
      <c r="D12640" t="s">
        <v>11258</v>
      </c>
    </row>
    <row r="12641" spans="1:4" x14ac:dyDescent="0.4">
      <c r="A12641" s="1" t="s">
        <v>11259</v>
      </c>
      <c r="B12641" t="s">
        <v>4451</v>
      </c>
      <c r="C12641" t="s">
        <v>11215</v>
      </c>
      <c r="D12641" t="s">
        <v>11260</v>
      </c>
    </row>
    <row r="12642" spans="1:4" x14ac:dyDescent="0.4">
      <c r="A12642" s="1" t="s">
        <v>11261</v>
      </c>
      <c r="B12642" t="s">
        <v>4451</v>
      </c>
      <c r="C12642" t="s">
        <v>11215</v>
      </c>
      <c r="D12642" t="s">
        <v>11262</v>
      </c>
    </row>
    <row r="12643" spans="1:4" x14ac:dyDescent="0.4">
      <c r="A12643" s="1" t="s">
        <v>11263</v>
      </c>
      <c r="B12643" t="s">
        <v>4451</v>
      </c>
      <c r="C12643" t="s">
        <v>11215</v>
      </c>
      <c r="D12643" t="s">
        <v>2292</v>
      </c>
    </row>
    <row r="12644" spans="1:4" x14ac:dyDescent="0.4">
      <c r="A12644" s="1" t="s">
        <v>11264</v>
      </c>
      <c r="B12644" t="s">
        <v>4451</v>
      </c>
      <c r="C12644" t="s">
        <v>11215</v>
      </c>
      <c r="D12644" t="s">
        <v>4252</v>
      </c>
    </row>
    <row r="12645" spans="1:4" x14ac:dyDescent="0.4">
      <c r="A12645" s="1" t="s">
        <v>11265</v>
      </c>
      <c r="B12645" t="s">
        <v>4451</v>
      </c>
      <c r="C12645" t="s">
        <v>11215</v>
      </c>
      <c r="D12645" t="s">
        <v>11266</v>
      </c>
    </row>
    <row r="12646" spans="1:4" x14ac:dyDescent="0.4">
      <c r="A12646" s="1" t="s">
        <v>11267</v>
      </c>
      <c r="B12646" t="s">
        <v>4451</v>
      </c>
      <c r="C12646" t="s">
        <v>11215</v>
      </c>
      <c r="D12646" t="s">
        <v>11268</v>
      </c>
    </row>
    <row r="12647" spans="1:4" x14ac:dyDescent="0.4">
      <c r="A12647" s="1" t="s">
        <v>11269</v>
      </c>
      <c r="B12647" t="s">
        <v>4451</v>
      </c>
      <c r="C12647" t="s">
        <v>11215</v>
      </c>
      <c r="D12647" t="s">
        <v>11270</v>
      </c>
    </row>
    <row r="12648" spans="1:4" x14ac:dyDescent="0.4">
      <c r="A12648" s="1" t="s">
        <v>11271</v>
      </c>
      <c r="B12648" t="s">
        <v>4451</v>
      </c>
      <c r="C12648" t="s">
        <v>11215</v>
      </c>
      <c r="D12648" t="s">
        <v>2500</v>
      </c>
    </row>
    <row r="12649" spans="1:4" x14ac:dyDescent="0.4">
      <c r="A12649" s="1" t="s">
        <v>11272</v>
      </c>
      <c r="B12649" t="s">
        <v>4451</v>
      </c>
      <c r="C12649" t="s">
        <v>11215</v>
      </c>
      <c r="D12649" t="s">
        <v>367</v>
      </c>
    </row>
    <row r="12650" spans="1:4" x14ac:dyDescent="0.4">
      <c r="A12650" s="1" t="s">
        <v>11273</v>
      </c>
      <c r="B12650" t="s">
        <v>4451</v>
      </c>
      <c r="C12650" t="s">
        <v>11215</v>
      </c>
      <c r="D12650" t="s">
        <v>4208</v>
      </c>
    </row>
    <row r="12651" spans="1:4" x14ac:dyDescent="0.4">
      <c r="A12651" s="1" t="s">
        <v>11274</v>
      </c>
      <c r="B12651" t="s">
        <v>4451</v>
      </c>
      <c r="C12651" t="s">
        <v>11215</v>
      </c>
      <c r="D12651" t="s">
        <v>11275</v>
      </c>
    </row>
    <row r="12652" spans="1:4" x14ac:dyDescent="0.4">
      <c r="A12652" s="1" t="s">
        <v>11276</v>
      </c>
      <c r="B12652" t="s">
        <v>4451</v>
      </c>
      <c r="C12652" t="s">
        <v>11215</v>
      </c>
      <c r="D12652" t="s">
        <v>11277</v>
      </c>
    </row>
    <row r="12653" spans="1:4" x14ac:dyDescent="0.4">
      <c r="A12653" s="1" t="s">
        <v>11278</v>
      </c>
      <c r="B12653" t="s">
        <v>4451</v>
      </c>
      <c r="C12653" t="s">
        <v>11215</v>
      </c>
      <c r="D12653" t="s">
        <v>184</v>
      </c>
    </row>
    <row r="12654" spans="1:4" x14ac:dyDescent="0.4">
      <c r="A12654" s="1" t="s">
        <v>11279</v>
      </c>
      <c r="B12654" t="s">
        <v>4451</v>
      </c>
      <c r="C12654" t="s">
        <v>11215</v>
      </c>
      <c r="D12654" t="s">
        <v>11280</v>
      </c>
    </row>
    <row r="12655" spans="1:4" x14ac:dyDescent="0.4">
      <c r="A12655" s="1" t="s">
        <v>11281</v>
      </c>
      <c r="B12655" t="s">
        <v>4451</v>
      </c>
      <c r="C12655" t="s">
        <v>11215</v>
      </c>
      <c r="D12655" t="s">
        <v>11282</v>
      </c>
    </row>
    <row r="12656" spans="1:4" x14ac:dyDescent="0.4">
      <c r="A12656" s="1" t="s">
        <v>11283</v>
      </c>
      <c r="B12656" t="s">
        <v>4451</v>
      </c>
      <c r="C12656" t="s">
        <v>11215</v>
      </c>
      <c r="D12656" t="s">
        <v>802</v>
      </c>
    </row>
    <row r="12657" spans="1:4" x14ac:dyDescent="0.4">
      <c r="A12657" s="1" t="s">
        <v>11284</v>
      </c>
      <c r="B12657" t="s">
        <v>4451</v>
      </c>
      <c r="C12657" t="s">
        <v>11215</v>
      </c>
      <c r="D12657" t="s">
        <v>11285</v>
      </c>
    </row>
    <row r="12658" spans="1:4" x14ac:dyDescent="0.4">
      <c r="A12658" s="1" t="s">
        <v>11286</v>
      </c>
      <c r="B12658" t="s">
        <v>4451</v>
      </c>
      <c r="C12658" t="s">
        <v>11215</v>
      </c>
      <c r="D12658" t="s">
        <v>5147</v>
      </c>
    </row>
    <row r="12659" spans="1:4" x14ac:dyDescent="0.4">
      <c r="A12659" s="1" t="s">
        <v>11287</v>
      </c>
      <c r="B12659" t="s">
        <v>4451</v>
      </c>
      <c r="C12659" t="s">
        <v>11215</v>
      </c>
      <c r="D12659" t="s">
        <v>403</v>
      </c>
    </row>
    <row r="12660" spans="1:4" x14ac:dyDescent="0.4">
      <c r="A12660" s="1" t="s">
        <v>11288</v>
      </c>
      <c r="B12660" t="s">
        <v>4451</v>
      </c>
      <c r="C12660" t="s">
        <v>11215</v>
      </c>
      <c r="D12660" t="s">
        <v>7813</v>
      </c>
    </row>
    <row r="12661" spans="1:4" x14ac:dyDescent="0.4">
      <c r="A12661" s="1" t="s">
        <v>11289</v>
      </c>
      <c r="B12661" t="s">
        <v>4451</v>
      </c>
      <c r="C12661" t="s">
        <v>11215</v>
      </c>
      <c r="D12661" t="s">
        <v>3422</v>
      </c>
    </row>
    <row r="12662" spans="1:4" x14ac:dyDescent="0.4">
      <c r="A12662" s="1" t="s">
        <v>11290</v>
      </c>
      <c r="B12662" t="s">
        <v>4451</v>
      </c>
      <c r="C12662" t="s">
        <v>11215</v>
      </c>
      <c r="D12662" t="s">
        <v>5167</v>
      </c>
    </row>
    <row r="12663" spans="1:4" x14ac:dyDescent="0.4">
      <c r="A12663" s="1" t="s">
        <v>11291</v>
      </c>
      <c r="B12663" t="s">
        <v>4451</v>
      </c>
      <c r="C12663" t="s">
        <v>11215</v>
      </c>
      <c r="D12663" t="s">
        <v>6153</v>
      </c>
    </row>
    <row r="12664" spans="1:4" x14ac:dyDescent="0.4">
      <c r="A12664" s="1" t="s">
        <v>11292</v>
      </c>
      <c r="B12664" t="s">
        <v>4451</v>
      </c>
      <c r="C12664" t="s">
        <v>11215</v>
      </c>
      <c r="D12664" t="s">
        <v>11293</v>
      </c>
    </row>
    <row r="12665" spans="1:4" x14ac:dyDescent="0.4">
      <c r="A12665" s="1" t="s">
        <v>11294</v>
      </c>
      <c r="B12665" t="s">
        <v>4451</v>
      </c>
      <c r="C12665" t="s">
        <v>11215</v>
      </c>
      <c r="D12665" t="s">
        <v>11295</v>
      </c>
    </row>
    <row r="12666" spans="1:4" x14ac:dyDescent="0.4">
      <c r="A12666" s="1" t="s">
        <v>11296</v>
      </c>
      <c r="B12666" t="s">
        <v>4451</v>
      </c>
      <c r="C12666" t="s">
        <v>11215</v>
      </c>
      <c r="D12666" t="s">
        <v>1611</v>
      </c>
    </row>
    <row r="12667" spans="1:4" x14ac:dyDescent="0.4">
      <c r="A12667" s="1" t="s">
        <v>11297</v>
      </c>
      <c r="B12667" t="s">
        <v>4451</v>
      </c>
      <c r="C12667" t="s">
        <v>11215</v>
      </c>
      <c r="D12667" t="s">
        <v>4708</v>
      </c>
    </row>
    <row r="12668" spans="1:4" x14ac:dyDescent="0.4">
      <c r="A12668" s="1" t="s">
        <v>11298</v>
      </c>
      <c r="B12668" t="s">
        <v>4451</v>
      </c>
      <c r="C12668" t="s">
        <v>11215</v>
      </c>
      <c r="D12668" t="s">
        <v>11299</v>
      </c>
    </row>
    <row r="12669" spans="1:4" x14ac:dyDescent="0.4">
      <c r="A12669" s="1" t="s">
        <v>11300</v>
      </c>
      <c r="B12669" t="s">
        <v>4451</v>
      </c>
      <c r="C12669" t="s">
        <v>11215</v>
      </c>
      <c r="D12669" t="s">
        <v>1615</v>
      </c>
    </row>
    <row r="12670" spans="1:4" x14ac:dyDescent="0.4">
      <c r="A12670" s="1" t="s">
        <v>11301</v>
      </c>
      <c r="B12670" t="s">
        <v>4451</v>
      </c>
      <c r="C12670" t="s">
        <v>11215</v>
      </c>
      <c r="D12670" t="s">
        <v>2529</v>
      </c>
    </row>
    <row r="12671" spans="1:4" x14ac:dyDescent="0.4">
      <c r="A12671" s="1" t="s">
        <v>11302</v>
      </c>
      <c r="B12671" t="s">
        <v>4451</v>
      </c>
      <c r="C12671" t="s">
        <v>11215</v>
      </c>
      <c r="D12671" t="s">
        <v>1626</v>
      </c>
    </row>
    <row r="12672" spans="1:4" x14ac:dyDescent="0.4">
      <c r="A12672" s="1" t="s">
        <v>11303</v>
      </c>
      <c r="B12672" t="s">
        <v>4451</v>
      </c>
      <c r="C12672" t="s">
        <v>11215</v>
      </c>
      <c r="D12672" t="s">
        <v>11304</v>
      </c>
    </row>
    <row r="12673" spans="1:4" x14ac:dyDescent="0.4">
      <c r="A12673" s="1" t="s">
        <v>11305</v>
      </c>
      <c r="B12673" t="s">
        <v>4451</v>
      </c>
      <c r="C12673" t="s">
        <v>11215</v>
      </c>
      <c r="D12673" t="s">
        <v>32</v>
      </c>
    </row>
    <row r="12674" spans="1:4" x14ac:dyDescent="0.4">
      <c r="A12674" s="1" t="s">
        <v>11306</v>
      </c>
      <c r="B12674" t="s">
        <v>4451</v>
      </c>
      <c r="C12674" t="s">
        <v>11215</v>
      </c>
      <c r="D12674" t="s">
        <v>11307</v>
      </c>
    </row>
    <row r="12675" spans="1:4" x14ac:dyDescent="0.4">
      <c r="A12675" s="1" t="s">
        <v>11308</v>
      </c>
      <c r="B12675" t="s">
        <v>4451</v>
      </c>
      <c r="C12675" t="s">
        <v>11215</v>
      </c>
      <c r="D12675" t="s">
        <v>11309</v>
      </c>
    </row>
    <row r="12676" spans="1:4" x14ac:dyDescent="0.4">
      <c r="A12676" s="1" t="s">
        <v>11310</v>
      </c>
      <c r="B12676" t="s">
        <v>4451</v>
      </c>
      <c r="C12676" t="s">
        <v>11215</v>
      </c>
      <c r="D12676" t="s">
        <v>11311</v>
      </c>
    </row>
    <row r="12677" spans="1:4" x14ac:dyDescent="0.4">
      <c r="A12677" s="1" t="s">
        <v>11312</v>
      </c>
      <c r="B12677" t="s">
        <v>4451</v>
      </c>
      <c r="C12677" t="s">
        <v>11215</v>
      </c>
      <c r="D12677" t="s">
        <v>11313</v>
      </c>
    </row>
    <row r="12678" spans="1:4" x14ac:dyDescent="0.4">
      <c r="A12678" s="1" t="s">
        <v>11314</v>
      </c>
      <c r="B12678" t="s">
        <v>4451</v>
      </c>
      <c r="C12678" t="s">
        <v>11215</v>
      </c>
      <c r="D12678" t="s">
        <v>11315</v>
      </c>
    </row>
    <row r="12679" spans="1:4" x14ac:dyDescent="0.4">
      <c r="A12679" s="1" t="s">
        <v>11316</v>
      </c>
      <c r="B12679" t="s">
        <v>4451</v>
      </c>
      <c r="C12679" t="s">
        <v>11215</v>
      </c>
      <c r="D12679" t="s">
        <v>11317</v>
      </c>
    </row>
    <row r="12680" spans="1:4" x14ac:dyDescent="0.4">
      <c r="A12680" s="1" t="s">
        <v>11318</v>
      </c>
      <c r="B12680" t="s">
        <v>4451</v>
      </c>
      <c r="C12680" t="s">
        <v>11215</v>
      </c>
      <c r="D12680" t="s">
        <v>11319</v>
      </c>
    </row>
    <row r="12681" spans="1:4" x14ac:dyDescent="0.4">
      <c r="A12681" s="1" t="s">
        <v>11320</v>
      </c>
      <c r="B12681" t="s">
        <v>4451</v>
      </c>
      <c r="C12681" t="s">
        <v>11215</v>
      </c>
      <c r="D12681" t="s">
        <v>11321</v>
      </c>
    </row>
    <row r="12682" spans="1:4" x14ac:dyDescent="0.4">
      <c r="A12682" s="1" t="s">
        <v>11322</v>
      </c>
      <c r="B12682" t="s">
        <v>4451</v>
      </c>
      <c r="C12682" t="s">
        <v>11215</v>
      </c>
      <c r="D12682" t="s">
        <v>11323</v>
      </c>
    </row>
    <row r="12683" spans="1:4" x14ac:dyDescent="0.4">
      <c r="A12683" s="1" t="s">
        <v>11324</v>
      </c>
      <c r="B12683" t="s">
        <v>4451</v>
      </c>
      <c r="C12683" t="s">
        <v>11215</v>
      </c>
      <c r="D12683" t="s">
        <v>11325</v>
      </c>
    </row>
    <row r="12684" spans="1:4" x14ac:dyDescent="0.4">
      <c r="A12684" s="1" t="s">
        <v>11326</v>
      </c>
      <c r="B12684" t="s">
        <v>4451</v>
      </c>
      <c r="C12684" t="s">
        <v>11215</v>
      </c>
      <c r="D12684" t="s">
        <v>11327</v>
      </c>
    </row>
    <row r="12685" spans="1:4" x14ac:dyDescent="0.4">
      <c r="A12685" s="1" t="s">
        <v>11328</v>
      </c>
      <c r="B12685" t="s">
        <v>4451</v>
      </c>
      <c r="C12685" t="s">
        <v>11215</v>
      </c>
      <c r="D12685" t="s">
        <v>11329</v>
      </c>
    </row>
    <row r="12686" spans="1:4" x14ac:dyDescent="0.4">
      <c r="A12686" s="1" t="s">
        <v>11330</v>
      </c>
      <c r="B12686" t="s">
        <v>4451</v>
      </c>
      <c r="C12686" t="s">
        <v>11215</v>
      </c>
      <c r="D12686" t="s">
        <v>11331</v>
      </c>
    </row>
    <row r="12687" spans="1:4" x14ac:dyDescent="0.4">
      <c r="A12687" s="1" t="s">
        <v>11332</v>
      </c>
      <c r="B12687" t="s">
        <v>4451</v>
      </c>
      <c r="C12687" t="s">
        <v>11215</v>
      </c>
      <c r="D12687" t="s">
        <v>11333</v>
      </c>
    </row>
    <row r="12688" spans="1:4" x14ac:dyDescent="0.4">
      <c r="A12688" s="1" t="s">
        <v>11334</v>
      </c>
      <c r="B12688" t="s">
        <v>4451</v>
      </c>
      <c r="C12688" t="s">
        <v>11215</v>
      </c>
      <c r="D12688" t="s">
        <v>11335</v>
      </c>
    </row>
    <row r="12689" spans="1:4" x14ac:dyDescent="0.4">
      <c r="A12689" s="1" t="s">
        <v>11336</v>
      </c>
      <c r="B12689" t="s">
        <v>4451</v>
      </c>
      <c r="C12689" t="s">
        <v>11215</v>
      </c>
      <c r="D12689" t="s">
        <v>11337</v>
      </c>
    </row>
    <row r="12690" spans="1:4" x14ac:dyDescent="0.4">
      <c r="A12690" s="1" t="s">
        <v>11338</v>
      </c>
      <c r="B12690" t="s">
        <v>4451</v>
      </c>
      <c r="C12690" t="s">
        <v>11215</v>
      </c>
      <c r="D12690" t="s">
        <v>11339</v>
      </c>
    </row>
    <row r="12691" spans="1:4" x14ac:dyDescent="0.4">
      <c r="A12691" s="1" t="s">
        <v>11340</v>
      </c>
      <c r="B12691" t="s">
        <v>4451</v>
      </c>
      <c r="C12691" t="s">
        <v>11215</v>
      </c>
      <c r="D12691" t="s">
        <v>11341</v>
      </c>
    </row>
    <row r="12692" spans="1:4" x14ac:dyDescent="0.4">
      <c r="A12692" s="1" t="s">
        <v>11342</v>
      </c>
      <c r="B12692" t="s">
        <v>4451</v>
      </c>
      <c r="C12692" t="s">
        <v>11215</v>
      </c>
      <c r="D12692" t="s">
        <v>11343</v>
      </c>
    </row>
    <row r="12693" spans="1:4" x14ac:dyDescent="0.4">
      <c r="A12693" s="1" t="s">
        <v>11344</v>
      </c>
      <c r="B12693" t="s">
        <v>4451</v>
      </c>
      <c r="C12693" t="s">
        <v>11215</v>
      </c>
      <c r="D12693" t="s">
        <v>11345</v>
      </c>
    </row>
    <row r="12694" spans="1:4" x14ac:dyDescent="0.4">
      <c r="A12694" s="1" t="s">
        <v>11346</v>
      </c>
      <c r="B12694" t="s">
        <v>4451</v>
      </c>
      <c r="C12694" t="s">
        <v>11347</v>
      </c>
    </row>
    <row r="12695" spans="1:4" x14ac:dyDescent="0.4">
      <c r="A12695" s="1" t="s">
        <v>11348</v>
      </c>
      <c r="B12695" t="s">
        <v>4451</v>
      </c>
      <c r="C12695" t="s">
        <v>11347</v>
      </c>
      <c r="D12695" t="s">
        <v>11349</v>
      </c>
    </row>
    <row r="12696" spans="1:4" x14ac:dyDescent="0.4">
      <c r="A12696" s="1" t="s">
        <v>11350</v>
      </c>
      <c r="B12696" t="s">
        <v>4451</v>
      </c>
      <c r="C12696" t="s">
        <v>11347</v>
      </c>
      <c r="D12696" t="s">
        <v>11351</v>
      </c>
    </row>
    <row r="12697" spans="1:4" x14ac:dyDescent="0.4">
      <c r="A12697" s="1" t="s">
        <v>11352</v>
      </c>
      <c r="B12697" t="s">
        <v>4451</v>
      </c>
      <c r="C12697" t="s">
        <v>11347</v>
      </c>
      <c r="D12697" t="s">
        <v>11353</v>
      </c>
    </row>
    <row r="12698" spans="1:4" x14ac:dyDescent="0.4">
      <c r="A12698" s="1" t="s">
        <v>11354</v>
      </c>
      <c r="B12698" t="s">
        <v>4451</v>
      </c>
      <c r="C12698" t="s">
        <v>11347</v>
      </c>
      <c r="D12698" t="s">
        <v>11355</v>
      </c>
    </row>
    <row r="12699" spans="1:4" x14ac:dyDescent="0.4">
      <c r="A12699" s="1" t="s">
        <v>11356</v>
      </c>
      <c r="B12699" t="s">
        <v>4451</v>
      </c>
      <c r="C12699" t="s">
        <v>11347</v>
      </c>
      <c r="D12699" t="s">
        <v>11357</v>
      </c>
    </row>
    <row r="12700" spans="1:4" x14ac:dyDescent="0.4">
      <c r="A12700" s="1" t="s">
        <v>11358</v>
      </c>
      <c r="B12700" t="s">
        <v>4451</v>
      </c>
      <c r="C12700" t="s">
        <v>11347</v>
      </c>
      <c r="D12700" t="s">
        <v>11359</v>
      </c>
    </row>
    <row r="12701" spans="1:4" x14ac:dyDescent="0.4">
      <c r="A12701" s="1" t="s">
        <v>11360</v>
      </c>
      <c r="B12701" t="s">
        <v>4451</v>
      </c>
      <c r="C12701" t="s">
        <v>11347</v>
      </c>
      <c r="D12701" t="s">
        <v>11361</v>
      </c>
    </row>
    <row r="12702" spans="1:4" x14ac:dyDescent="0.4">
      <c r="A12702" s="1" t="s">
        <v>11362</v>
      </c>
      <c r="B12702" t="s">
        <v>4451</v>
      </c>
      <c r="C12702" t="s">
        <v>11347</v>
      </c>
      <c r="D12702" t="s">
        <v>11363</v>
      </c>
    </row>
    <row r="12703" spans="1:4" x14ac:dyDescent="0.4">
      <c r="A12703" s="1" t="s">
        <v>11364</v>
      </c>
      <c r="B12703" t="s">
        <v>4451</v>
      </c>
      <c r="C12703" t="s">
        <v>11347</v>
      </c>
      <c r="D12703" t="s">
        <v>11365</v>
      </c>
    </row>
    <row r="12704" spans="1:4" x14ac:dyDescent="0.4">
      <c r="A12704" s="1" t="s">
        <v>11366</v>
      </c>
      <c r="B12704" t="s">
        <v>4451</v>
      </c>
      <c r="C12704" t="s">
        <v>11347</v>
      </c>
      <c r="D12704" t="s">
        <v>11367</v>
      </c>
    </row>
    <row r="12705" spans="1:4" x14ac:dyDescent="0.4">
      <c r="A12705" s="1" t="s">
        <v>11368</v>
      </c>
      <c r="B12705" t="s">
        <v>4451</v>
      </c>
      <c r="C12705" t="s">
        <v>11347</v>
      </c>
      <c r="D12705" t="s">
        <v>11369</v>
      </c>
    </row>
    <row r="12706" spans="1:4" x14ac:dyDescent="0.4">
      <c r="A12706" s="1" t="s">
        <v>11370</v>
      </c>
      <c r="B12706" t="s">
        <v>4451</v>
      </c>
      <c r="C12706" t="s">
        <v>11347</v>
      </c>
      <c r="D12706" t="s">
        <v>11371</v>
      </c>
    </row>
    <row r="12707" spans="1:4" x14ac:dyDescent="0.4">
      <c r="A12707" s="1" t="s">
        <v>11372</v>
      </c>
      <c r="B12707" t="s">
        <v>4451</v>
      </c>
      <c r="C12707" t="s">
        <v>11347</v>
      </c>
      <c r="D12707" t="s">
        <v>11373</v>
      </c>
    </row>
    <row r="12708" spans="1:4" x14ac:dyDescent="0.4">
      <c r="A12708" s="1" t="s">
        <v>11374</v>
      </c>
      <c r="B12708" t="s">
        <v>4451</v>
      </c>
      <c r="C12708" t="s">
        <v>11347</v>
      </c>
      <c r="D12708" t="s">
        <v>11375</v>
      </c>
    </row>
    <row r="12709" spans="1:4" x14ac:dyDescent="0.4">
      <c r="A12709" s="1" t="s">
        <v>11376</v>
      </c>
      <c r="B12709" t="s">
        <v>4451</v>
      </c>
      <c r="C12709" t="s">
        <v>11347</v>
      </c>
      <c r="D12709" t="s">
        <v>11377</v>
      </c>
    </row>
    <row r="12710" spans="1:4" x14ac:dyDescent="0.4">
      <c r="A12710" s="1" t="s">
        <v>11378</v>
      </c>
      <c r="B12710" t="s">
        <v>4451</v>
      </c>
      <c r="C12710" t="s">
        <v>11347</v>
      </c>
      <c r="D12710" t="s">
        <v>11379</v>
      </c>
    </row>
    <row r="12711" spans="1:4" x14ac:dyDescent="0.4">
      <c r="A12711" s="1" t="s">
        <v>11380</v>
      </c>
      <c r="B12711" t="s">
        <v>4451</v>
      </c>
      <c r="C12711" t="s">
        <v>11347</v>
      </c>
      <c r="D12711" t="s">
        <v>11381</v>
      </c>
    </row>
    <row r="12712" spans="1:4" x14ac:dyDescent="0.4">
      <c r="A12712" s="1" t="s">
        <v>11382</v>
      </c>
      <c r="B12712" t="s">
        <v>4451</v>
      </c>
      <c r="C12712" t="s">
        <v>11347</v>
      </c>
      <c r="D12712" t="s">
        <v>11383</v>
      </c>
    </row>
    <row r="12713" spans="1:4" x14ac:dyDescent="0.4">
      <c r="A12713" s="1" t="s">
        <v>11384</v>
      </c>
      <c r="B12713" t="s">
        <v>4451</v>
      </c>
      <c r="C12713" t="s">
        <v>11347</v>
      </c>
      <c r="D12713" t="s">
        <v>11385</v>
      </c>
    </row>
    <row r="12714" spans="1:4" x14ac:dyDescent="0.4">
      <c r="A12714" s="1" t="s">
        <v>11386</v>
      </c>
      <c r="B12714" t="s">
        <v>4451</v>
      </c>
      <c r="C12714" t="s">
        <v>11347</v>
      </c>
      <c r="D12714" t="s">
        <v>11387</v>
      </c>
    </row>
    <row r="12715" spans="1:4" x14ac:dyDescent="0.4">
      <c r="A12715" s="1" t="s">
        <v>11388</v>
      </c>
      <c r="B12715" t="s">
        <v>4451</v>
      </c>
      <c r="C12715" t="s">
        <v>11347</v>
      </c>
      <c r="D12715" t="s">
        <v>11389</v>
      </c>
    </row>
    <row r="12716" spans="1:4" x14ac:dyDescent="0.4">
      <c r="A12716" s="1" t="s">
        <v>11390</v>
      </c>
      <c r="B12716" t="s">
        <v>4451</v>
      </c>
      <c r="C12716" t="s">
        <v>11347</v>
      </c>
      <c r="D12716" t="s">
        <v>11391</v>
      </c>
    </row>
    <row r="12717" spans="1:4" x14ac:dyDescent="0.4">
      <c r="A12717" s="1" t="s">
        <v>11392</v>
      </c>
      <c r="B12717" t="s">
        <v>4451</v>
      </c>
      <c r="C12717" t="s">
        <v>11347</v>
      </c>
      <c r="D12717" t="s">
        <v>11393</v>
      </c>
    </row>
    <row r="12718" spans="1:4" x14ac:dyDescent="0.4">
      <c r="A12718" s="1" t="s">
        <v>11394</v>
      </c>
      <c r="B12718" t="s">
        <v>4451</v>
      </c>
      <c r="C12718" t="s">
        <v>11347</v>
      </c>
      <c r="D12718" t="s">
        <v>11395</v>
      </c>
    </row>
    <row r="12719" spans="1:4" x14ac:dyDescent="0.4">
      <c r="A12719" s="1" t="s">
        <v>11396</v>
      </c>
      <c r="B12719" t="s">
        <v>4451</v>
      </c>
      <c r="C12719" t="s">
        <v>11347</v>
      </c>
      <c r="D12719" t="s">
        <v>11397</v>
      </c>
    </row>
    <row r="12720" spans="1:4" x14ac:dyDescent="0.4">
      <c r="A12720" s="1" t="s">
        <v>11398</v>
      </c>
      <c r="B12720" t="s">
        <v>4451</v>
      </c>
      <c r="C12720" t="s">
        <v>11347</v>
      </c>
      <c r="D12720" t="s">
        <v>11399</v>
      </c>
    </row>
    <row r="12721" spans="1:4" x14ac:dyDescent="0.4">
      <c r="A12721" s="1" t="s">
        <v>11400</v>
      </c>
      <c r="B12721" t="s">
        <v>4451</v>
      </c>
      <c r="C12721" t="s">
        <v>11347</v>
      </c>
      <c r="D12721" t="s">
        <v>11401</v>
      </c>
    </row>
    <row r="12722" spans="1:4" x14ac:dyDescent="0.4">
      <c r="A12722" s="1" t="s">
        <v>11402</v>
      </c>
      <c r="B12722" t="s">
        <v>4451</v>
      </c>
      <c r="C12722" t="s">
        <v>11347</v>
      </c>
      <c r="D12722" t="s">
        <v>11403</v>
      </c>
    </row>
    <row r="12723" spans="1:4" x14ac:dyDescent="0.4">
      <c r="A12723" s="1" t="s">
        <v>11404</v>
      </c>
      <c r="B12723" t="s">
        <v>4451</v>
      </c>
      <c r="C12723" t="s">
        <v>11347</v>
      </c>
      <c r="D12723" t="s">
        <v>11405</v>
      </c>
    </row>
    <row r="12724" spans="1:4" x14ac:dyDescent="0.4">
      <c r="A12724" s="1" t="s">
        <v>11406</v>
      </c>
      <c r="B12724" t="s">
        <v>4451</v>
      </c>
      <c r="C12724" t="s">
        <v>11347</v>
      </c>
      <c r="D12724" t="s">
        <v>11407</v>
      </c>
    </row>
    <row r="12725" spans="1:4" x14ac:dyDescent="0.4">
      <c r="A12725" s="1" t="s">
        <v>11408</v>
      </c>
      <c r="B12725" t="s">
        <v>4451</v>
      </c>
      <c r="C12725" t="s">
        <v>11347</v>
      </c>
      <c r="D12725" t="s">
        <v>11409</v>
      </c>
    </row>
    <row r="12726" spans="1:4" x14ac:dyDescent="0.4">
      <c r="A12726" s="1" t="s">
        <v>11410</v>
      </c>
      <c r="B12726" t="s">
        <v>4451</v>
      </c>
      <c r="C12726" t="s">
        <v>11347</v>
      </c>
      <c r="D12726" t="s">
        <v>11411</v>
      </c>
    </row>
    <row r="12727" spans="1:4" x14ac:dyDescent="0.4">
      <c r="A12727" s="1" t="s">
        <v>11412</v>
      </c>
      <c r="B12727" t="s">
        <v>4451</v>
      </c>
      <c r="C12727" t="s">
        <v>11347</v>
      </c>
      <c r="D12727" t="s">
        <v>11413</v>
      </c>
    </row>
    <row r="12728" spans="1:4" x14ac:dyDescent="0.4">
      <c r="A12728" s="1" t="s">
        <v>11414</v>
      </c>
      <c r="B12728" t="s">
        <v>4451</v>
      </c>
      <c r="C12728" t="s">
        <v>11347</v>
      </c>
      <c r="D12728" t="s">
        <v>11415</v>
      </c>
    </row>
    <row r="12729" spans="1:4" x14ac:dyDescent="0.4">
      <c r="A12729" s="1" t="s">
        <v>11416</v>
      </c>
      <c r="B12729" t="s">
        <v>4451</v>
      </c>
      <c r="C12729" t="s">
        <v>11347</v>
      </c>
      <c r="D12729" t="s">
        <v>11417</v>
      </c>
    </row>
    <row r="12730" spans="1:4" x14ac:dyDescent="0.4">
      <c r="A12730" s="1" t="s">
        <v>11418</v>
      </c>
      <c r="B12730" t="s">
        <v>4451</v>
      </c>
      <c r="C12730" t="s">
        <v>11347</v>
      </c>
      <c r="D12730" t="s">
        <v>11419</v>
      </c>
    </row>
    <row r="12731" spans="1:4" x14ac:dyDescent="0.4">
      <c r="A12731" s="1" t="s">
        <v>11420</v>
      </c>
      <c r="B12731" t="s">
        <v>4451</v>
      </c>
      <c r="C12731" t="s">
        <v>11347</v>
      </c>
      <c r="D12731" t="s">
        <v>11421</v>
      </c>
    </row>
    <row r="12732" spans="1:4" x14ac:dyDescent="0.4">
      <c r="A12732" s="1" t="s">
        <v>11422</v>
      </c>
      <c r="B12732" t="s">
        <v>4451</v>
      </c>
      <c r="C12732" t="s">
        <v>11347</v>
      </c>
      <c r="D12732" t="s">
        <v>11423</v>
      </c>
    </row>
    <row r="12733" spans="1:4" x14ac:dyDescent="0.4">
      <c r="A12733" s="1" t="s">
        <v>11424</v>
      </c>
      <c r="B12733" t="s">
        <v>4451</v>
      </c>
      <c r="C12733" t="s">
        <v>11347</v>
      </c>
      <c r="D12733" t="s">
        <v>11425</v>
      </c>
    </row>
    <row r="12734" spans="1:4" x14ac:dyDescent="0.4">
      <c r="A12734" s="1" t="s">
        <v>11426</v>
      </c>
      <c r="B12734" t="s">
        <v>4451</v>
      </c>
      <c r="C12734" t="s">
        <v>11347</v>
      </c>
      <c r="D12734" t="s">
        <v>11427</v>
      </c>
    </row>
    <row r="12735" spans="1:4" x14ac:dyDescent="0.4">
      <c r="A12735" s="1" t="s">
        <v>11428</v>
      </c>
      <c r="B12735" t="s">
        <v>4451</v>
      </c>
      <c r="C12735" t="s">
        <v>11347</v>
      </c>
      <c r="D12735" t="s">
        <v>11429</v>
      </c>
    </row>
    <row r="12736" spans="1:4" x14ac:dyDescent="0.4">
      <c r="A12736" s="1" t="s">
        <v>11430</v>
      </c>
      <c r="B12736" t="s">
        <v>4451</v>
      </c>
      <c r="C12736" t="s">
        <v>11347</v>
      </c>
      <c r="D12736" t="s">
        <v>11431</v>
      </c>
    </row>
    <row r="12737" spans="1:4" x14ac:dyDescent="0.4">
      <c r="A12737" s="1" t="s">
        <v>11432</v>
      </c>
      <c r="B12737" t="s">
        <v>4451</v>
      </c>
      <c r="C12737" t="s">
        <v>11347</v>
      </c>
      <c r="D12737" t="s">
        <v>11433</v>
      </c>
    </row>
    <row r="12738" spans="1:4" x14ac:dyDescent="0.4">
      <c r="A12738" s="1" t="s">
        <v>11434</v>
      </c>
      <c r="B12738" t="s">
        <v>4451</v>
      </c>
      <c r="C12738" t="s">
        <v>11347</v>
      </c>
      <c r="D12738" t="s">
        <v>11435</v>
      </c>
    </row>
    <row r="12739" spans="1:4" x14ac:dyDescent="0.4">
      <c r="A12739" s="1" t="s">
        <v>11436</v>
      </c>
      <c r="B12739" t="s">
        <v>4451</v>
      </c>
      <c r="C12739" t="s">
        <v>11347</v>
      </c>
      <c r="D12739" t="s">
        <v>11437</v>
      </c>
    </row>
    <row r="12740" spans="1:4" x14ac:dyDescent="0.4">
      <c r="A12740" s="1" t="s">
        <v>11438</v>
      </c>
      <c r="B12740" t="s">
        <v>4451</v>
      </c>
      <c r="C12740" t="s">
        <v>11347</v>
      </c>
      <c r="D12740" t="s">
        <v>11439</v>
      </c>
    </row>
    <row r="12741" spans="1:4" x14ac:dyDescent="0.4">
      <c r="A12741" s="1" t="s">
        <v>11440</v>
      </c>
      <c r="B12741" t="s">
        <v>4451</v>
      </c>
      <c r="C12741" t="s">
        <v>11347</v>
      </c>
      <c r="D12741" t="s">
        <v>11441</v>
      </c>
    </row>
    <row r="12742" spans="1:4" x14ac:dyDescent="0.4">
      <c r="A12742" s="1" t="s">
        <v>11442</v>
      </c>
      <c r="B12742" t="s">
        <v>4451</v>
      </c>
      <c r="C12742" t="s">
        <v>11347</v>
      </c>
      <c r="D12742" t="s">
        <v>11443</v>
      </c>
    </row>
    <row r="12743" spans="1:4" x14ac:dyDescent="0.4">
      <c r="A12743" s="1" t="s">
        <v>11444</v>
      </c>
      <c r="B12743" t="s">
        <v>4451</v>
      </c>
      <c r="C12743" t="s">
        <v>11347</v>
      </c>
      <c r="D12743" t="s">
        <v>11445</v>
      </c>
    </row>
    <row r="12744" spans="1:4" x14ac:dyDescent="0.4">
      <c r="A12744" s="1" t="s">
        <v>11446</v>
      </c>
      <c r="B12744" t="s">
        <v>4451</v>
      </c>
      <c r="C12744" t="s">
        <v>11347</v>
      </c>
      <c r="D12744" t="s">
        <v>11447</v>
      </c>
    </row>
    <row r="12745" spans="1:4" x14ac:dyDescent="0.4">
      <c r="A12745" s="1" t="s">
        <v>11448</v>
      </c>
      <c r="B12745" t="s">
        <v>4451</v>
      </c>
      <c r="C12745" t="s">
        <v>11347</v>
      </c>
      <c r="D12745" t="s">
        <v>11449</v>
      </c>
    </row>
    <row r="12746" spans="1:4" x14ac:dyDescent="0.4">
      <c r="A12746" s="1" t="s">
        <v>11450</v>
      </c>
      <c r="B12746" t="s">
        <v>4451</v>
      </c>
      <c r="C12746" t="s">
        <v>11347</v>
      </c>
      <c r="D12746" t="s">
        <v>11451</v>
      </c>
    </row>
    <row r="12747" spans="1:4" x14ac:dyDescent="0.4">
      <c r="A12747" s="1" t="s">
        <v>11452</v>
      </c>
      <c r="B12747" t="s">
        <v>4451</v>
      </c>
      <c r="C12747" t="s">
        <v>11347</v>
      </c>
      <c r="D12747" t="s">
        <v>11453</v>
      </c>
    </row>
    <row r="12748" spans="1:4" x14ac:dyDescent="0.4">
      <c r="A12748" s="1" t="s">
        <v>11454</v>
      </c>
      <c r="B12748" t="s">
        <v>4451</v>
      </c>
      <c r="C12748" t="s">
        <v>11347</v>
      </c>
      <c r="D12748" t="s">
        <v>11455</v>
      </c>
    </row>
    <row r="12749" spans="1:4" x14ac:dyDescent="0.4">
      <c r="A12749" s="1" t="s">
        <v>11456</v>
      </c>
      <c r="B12749" t="s">
        <v>4451</v>
      </c>
      <c r="C12749" t="s">
        <v>11347</v>
      </c>
      <c r="D12749" t="s">
        <v>11457</v>
      </c>
    </row>
    <row r="12750" spans="1:4" x14ac:dyDescent="0.4">
      <c r="A12750" s="1" t="s">
        <v>11458</v>
      </c>
      <c r="B12750" t="s">
        <v>4451</v>
      </c>
      <c r="C12750" t="s">
        <v>11347</v>
      </c>
      <c r="D12750" t="s">
        <v>11459</v>
      </c>
    </row>
    <row r="12751" spans="1:4" x14ac:dyDescent="0.4">
      <c r="A12751" s="1" t="s">
        <v>11460</v>
      </c>
      <c r="B12751" t="s">
        <v>4451</v>
      </c>
      <c r="C12751" t="s">
        <v>11347</v>
      </c>
      <c r="D12751" t="s">
        <v>11461</v>
      </c>
    </row>
    <row r="12752" spans="1:4" x14ac:dyDescent="0.4">
      <c r="A12752" s="1" t="s">
        <v>11462</v>
      </c>
      <c r="B12752" t="s">
        <v>4451</v>
      </c>
      <c r="C12752" t="s">
        <v>11347</v>
      </c>
      <c r="D12752" t="s">
        <v>11463</v>
      </c>
    </row>
    <row r="12753" spans="1:4" x14ac:dyDescent="0.4">
      <c r="A12753" s="1" t="s">
        <v>11464</v>
      </c>
      <c r="B12753" t="s">
        <v>4451</v>
      </c>
      <c r="C12753" t="s">
        <v>11347</v>
      </c>
      <c r="D12753" t="s">
        <v>11465</v>
      </c>
    </row>
    <row r="12754" spans="1:4" x14ac:dyDescent="0.4">
      <c r="A12754" s="1" t="s">
        <v>11466</v>
      </c>
      <c r="B12754" t="s">
        <v>4451</v>
      </c>
      <c r="C12754" t="s">
        <v>11347</v>
      </c>
      <c r="D12754" t="s">
        <v>11467</v>
      </c>
    </row>
    <row r="12755" spans="1:4" x14ac:dyDescent="0.4">
      <c r="A12755" s="1" t="s">
        <v>11468</v>
      </c>
      <c r="B12755" t="s">
        <v>4451</v>
      </c>
      <c r="C12755" t="s">
        <v>11347</v>
      </c>
      <c r="D12755" t="s">
        <v>11469</v>
      </c>
    </row>
    <row r="12756" spans="1:4" x14ac:dyDescent="0.4">
      <c r="A12756" s="1" t="s">
        <v>11470</v>
      </c>
      <c r="B12756" t="s">
        <v>4451</v>
      </c>
      <c r="C12756" t="s">
        <v>11347</v>
      </c>
      <c r="D12756" t="s">
        <v>11471</v>
      </c>
    </row>
    <row r="12757" spans="1:4" x14ac:dyDescent="0.4">
      <c r="A12757" s="1" t="s">
        <v>11472</v>
      </c>
      <c r="B12757" t="s">
        <v>4451</v>
      </c>
      <c r="C12757" t="s">
        <v>11347</v>
      </c>
      <c r="D12757" t="s">
        <v>11473</v>
      </c>
    </row>
    <row r="12758" spans="1:4" x14ac:dyDescent="0.4">
      <c r="A12758" s="1" t="s">
        <v>11474</v>
      </c>
      <c r="B12758" t="s">
        <v>4451</v>
      </c>
      <c r="C12758" t="s">
        <v>11347</v>
      </c>
      <c r="D12758" t="s">
        <v>11475</v>
      </c>
    </row>
    <row r="12759" spans="1:4" x14ac:dyDescent="0.4">
      <c r="A12759" s="1" t="s">
        <v>11476</v>
      </c>
      <c r="B12759" t="s">
        <v>4451</v>
      </c>
      <c r="C12759" t="s">
        <v>11347</v>
      </c>
      <c r="D12759" t="s">
        <v>11477</v>
      </c>
    </row>
    <row r="12760" spans="1:4" x14ac:dyDescent="0.4">
      <c r="A12760" s="1" t="s">
        <v>11478</v>
      </c>
      <c r="B12760" t="s">
        <v>4451</v>
      </c>
      <c r="C12760" t="s">
        <v>11347</v>
      </c>
      <c r="D12760" t="s">
        <v>11479</v>
      </c>
    </row>
    <row r="12761" spans="1:4" x14ac:dyDescent="0.4">
      <c r="A12761" s="1" t="s">
        <v>11480</v>
      </c>
      <c r="B12761" t="s">
        <v>4451</v>
      </c>
      <c r="C12761" t="s">
        <v>11347</v>
      </c>
      <c r="D12761" t="s">
        <v>11481</v>
      </c>
    </row>
    <row r="12762" spans="1:4" x14ac:dyDescent="0.4">
      <c r="A12762" s="1" t="s">
        <v>11482</v>
      </c>
      <c r="B12762" t="s">
        <v>4451</v>
      </c>
      <c r="C12762" t="s">
        <v>11347</v>
      </c>
      <c r="D12762" t="s">
        <v>11483</v>
      </c>
    </row>
    <row r="12763" spans="1:4" x14ac:dyDescent="0.4">
      <c r="A12763" s="1" t="s">
        <v>11484</v>
      </c>
      <c r="B12763" t="s">
        <v>4451</v>
      </c>
      <c r="C12763" t="s">
        <v>11347</v>
      </c>
      <c r="D12763" t="s">
        <v>11485</v>
      </c>
    </row>
    <row r="12764" spans="1:4" x14ac:dyDescent="0.4">
      <c r="A12764" s="1" t="s">
        <v>11486</v>
      </c>
      <c r="B12764" t="s">
        <v>4451</v>
      </c>
      <c r="C12764" t="s">
        <v>11347</v>
      </c>
      <c r="D12764" t="s">
        <v>11487</v>
      </c>
    </row>
    <row r="12765" spans="1:4" x14ac:dyDescent="0.4">
      <c r="A12765" s="1" t="s">
        <v>11488</v>
      </c>
      <c r="B12765" t="s">
        <v>4451</v>
      </c>
      <c r="C12765" t="s">
        <v>11347</v>
      </c>
      <c r="D12765" t="s">
        <v>11489</v>
      </c>
    </row>
    <row r="12766" spans="1:4" x14ac:dyDescent="0.4">
      <c r="A12766" s="1" t="s">
        <v>11490</v>
      </c>
      <c r="B12766" t="s">
        <v>4451</v>
      </c>
      <c r="C12766" t="s">
        <v>11347</v>
      </c>
      <c r="D12766" t="s">
        <v>11491</v>
      </c>
    </row>
    <row r="12767" spans="1:4" x14ac:dyDescent="0.4">
      <c r="A12767" s="1" t="s">
        <v>11492</v>
      </c>
      <c r="B12767" t="s">
        <v>4451</v>
      </c>
      <c r="C12767" t="s">
        <v>11347</v>
      </c>
      <c r="D12767" t="s">
        <v>11493</v>
      </c>
    </row>
    <row r="12768" spans="1:4" x14ac:dyDescent="0.4">
      <c r="A12768" s="1" t="s">
        <v>11494</v>
      </c>
      <c r="B12768" t="s">
        <v>4451</v>
      </c>
      <c r="C12768" t="s">
        <v>11347</v>
      </c>
      <c r="D12768" t="s">
        <v>11495</v>
      </c>
    </row>
    <row r="12769" spans="1:4" x14ac:dyDescent="0.4">
      <c r="A12769" s="1" t="s">
        <v>11496</v>
      </c>
      <c r="B12769" t="s">
        <v>4451</v>
      </c>
      <c r="C12769" t="s">
        <v>11347</v>
      </c>
      <c r="D12769" t="s">
        <v>11497</v>
      </c>
    </row>
    <row r="12770" spans="1:4" x14ac:dyDescent="0.4">
      <c r="A12770" s="1" t="s">
        <v>11498</v>
      </c>
      <c r="B12770" t="s">
        <v>4451</v>
      </c>
      <c r="C12770" t="s">
        <v>11347</v>
      </c>
      <c r="D12770" t="s">
        <v>11499</v>
      </c>
    </row>
    <row r="12771" spans="1:4" x14ac:dyDescent="0.4">
      <c r="A12771" s="1" t="s">
        <v>11500</v>
      </c>
      <c r="B12771" t="s">
        <v>4451</v>
      </c>
      <c r="C12771" t="s">
        <v>11347</v>
      </c>
      <c r="D12771" t="s">
        <v>11501</v>
      </c>
    </row>
    <row r="12772" spans="1:4" x14ac:dyDescent="0.4">
      <c r="A12772" s="1" t="s">
        <v>11502</v>
      </c>
      <c r="B12772" t="s">
        <v>4451</v>
      </c>
      <c r="C12772" t="s">
        <v>11347</v>
      </c>
      <c r="D12772" t="s">
        <v>11503</v>
      </c>
    </row>
    <row r="12773" spans="1:4" x14ac:dyDescent="0.4">
      <c r="A12773" s="1" t="s">
        <v>11504</v>
      </c>
      <c r="B12773" t="s">
        <v>4451</v>
      </c>
      <c r="C12773" t="s">
        <v>11347</v>
      </c>
      <c r="D12773" t="s">
        <v>11505</v>
      </c>
    </row>
    <row r="12774" spans="1:4" x14ac:dyDescent="0.4">
      <c r="A12774" s="1" t="s">
        <v>11506</v>
      </c>
      <c r="B12774" t="s">
        <v>4451</v>
      </c>
      <c r="C12774" t="s">
        <v>11347</v>
      </c>
      <c r="D12774" t="s">
        <v>11507</v>
      </c>
    </row>
    <row r="12775" spans="1:4" x14ac:dyDescent="0.4">
      <c r="A12775" s="1" t="s">
        <v>11508</v>
      </c>
      <c r="B12775" t="s">
        <v>4451</v>
      </c>
      <c r="C12775" t="s">
        <v>11347</v>
      </c>
      <c r="D12775" t="s">
        <v>11509</v>
      </c>
    </row>
    <row r="12776" spans="1:4" x14ac:dyDescent="0.4">
      <c r="A12776" s="1" t="s">
        <v>11510</v>
      </c>
      <c r="B12776" t="s">
        <v>4451</v>
      </c>
      <c r="C12776" t="s">
        <v>11347</v>
      </c>
      <c r="D12776" t="s">
        <v>11511</v>
      </c>
    </row>
    <row r="12777" spans="1:4" x14ac:dyDescent="0.4">
      <c r="A12777" s="1" t="s">
        <v>11512</v>
      </c>
      <c r="B12777" t="s">
        <v>4451</v>
      </c>
      <c r="C12777" t="s">
        <v>11347</v>
      </c>
      <c r="D12777" t="s">
        <v>11513</v>
      </c>
    </row>
    <row r="12778" spans="1:4" x14ac:dyDescent="0.4">
      <c r="A12778" s="1" t="s">
        <v>11514</v>
      </c>
      <c r="B12778" t="s">
        <v>4451</v>
      </c>
      <c r="C12778" t="s">
        <v>11347</v>
      </c>
      <c r="D12778" t="s">
        <v>11515</v>
      </c>
    </row>
    <row r="12779" spans="1:4" x14ac:dyDescent="0.4">
      <c r="A12779" s="1" t="s">
        <v>11516</v>
      </c>
      <c r="B12779" t="s">
        <v>4451</v>
      </c>
      <c r="C12779" t="s">
        <v>11347</v>
      </c>
      <c r="D12779" t="s">
        <v>11517</v>
      </c>
    </row>
    <row r="12780" spans="1:4" x14ac:dyDescent="0.4">
      <c r="A12780" s="1" t="s">
        <v>11518</v>
      </c>
      <c r="B12780" t="s">
        <v>4451</v>
      </c>
      <c r="C12780" t="s">
        <v>11347</v>
      </c>
      <c r="D12780" t="s">
        <v>11519</v>
      </c>
    </row>
    <row r="12781" spans="1:4" x14ac:dyDescent="0.4">
      <c r="A12781" s="1" t="s">
        <v>11520</v>
      </c>
      <c r="B12781" t="s">
        <v>4451</v>
      </c>
      <c r="C12781" t="s">
        <v>11347</v>
      </c>
      <c r="D12781" t="s">
        <v>11521</v>
      </c>
    </row>
    <row r="12782" spans="1:4" x14ac:dyDescent="0.4">
      <c r="A12782" s="1" t="s">
        <v>11522</v>
      </c>
      <c r="B12782" t="s">
        <v>4451</v>
      </c>
      <c r="C12782" t="s">
        <v>11347</v>
      </c>
      <c r="D12782" t="s">
        <v>11523</v>
      </c>
    </row>
    <row r="12783" spans="1:4" x14ac:dyDescent="0.4">
      <c r="A12783" s="1" t="s">
        <v>11524</v>
      </c>
      <c r="B12783" t="s">
        <v>4451</v>
      </c>
      <c r="C12783" t="s">
        <v>11347</v>
      </c>
      <c r="D12783" t="s">
        <v>9393</v>
      </c>
    </row>
    <row r="12784" spans="1:4" x14ac:dyDescent="0.4">
      <c r="A12784" s="1" t="s">
        <v>11525</v>
      </c>
      <c r="B12784" t="s">
        <v>4451</v>
      </c>
      <c r="C12784" t="s">
        <v>11347</v>
      </c>
      <c r="D12784" t="s">
        <v>11526</v>
      </c>
    </row>
    <row r="12785" spans="1:4" x14ac:dyDescent="0.4">
      <c r="A12785" s="1" t="s">
        <v>11527</v>
      </c>
      <c r="B12785" t="s">
        <v>4451</v>
      </c>
      <c r="C12785" t="s">
        <v>11347</v>
      </c>
      <c r="D12785" t="s">
        <v>11528</v>
      </c>
    </row>
    <row r="12786" spans="1:4" x14ac:dyDescent="0.4">
      <c r="A12786" s="1" t="s">
        <v>11529</v>
      </c>
      <c r="B12786" t="s">
        <v>4451</v>
      </c>
      <c r="C12786" t="s">
        <v>11347</v>
      </c>
      <c r="D12786" t="s">
        <v>11530</v>
      </c>
    </row>
    <row r="12787" spans="1:4" x14ac:dyDescent="0.4">
      <c r="A12787" s="1" t="s">
        <v>11531</v>
      </c>
      <c r="B12787" t="s">
        <v>4451</v>
      </c>
      <c r="C12787" t="s">
        <v>11347</v>
      </c>
      <c r="D12787" t="s">
        <v>11532</v>
      </c>
    </row>
    <row r="12788" spans="1:4" x14ac:dyDescent="0.4">
      <c r="A12788" s="1" t="s">
        <v>11533</v>
      </c>
      <c r="B12788" t="s">
        <v>4451</v>
      </c>
      <c r="C12788" t="s">
        <v>11347</v>
      </c>
      <c r="D12788" t="s">
        <v>11534</v>
      </c>
    </row>
    <row r="12789" spans="1:4" x14ac:dyDescent="0.4">
      <c r="A12789" s="1" t="s">
        <v>11535</v>
      </c>
      <c r="B12789" t="s">
        <v>4451</v>
      </c>
      <c r="C12789" t="s">
        <v>11347</v>
      </c>
      <c r="D12789" t="s">
        <v>11536</v>
      </c>
    </row>
    <row r="12790" spans="1:4" x14ac:dyDescent="0.4">
      <c r="A12790" s="1" t="s">
        <v>11537</v>
      </c>
      <c r="B12790" t="s">
        <v>4451</v>
      </c>
      <c r="C12790" t="s">
        <v>11347</v>
      </c>
      <c r="D12790" t="s">
        <v>11538</v>
      </c>
    </row>
    <row r="12791" spans="1:4" x14ac:dyDescent="0.4">
      <c r="A12791" s="1" t="s">
        <v>11539</v>
      </c>
      <c r="B12791" t="s">
        <v>4451</v>
      </c>
      <c r="C12791" t="s">
        <v>11347</v>
      </c>
      <c r="D12791" t="s">
        <v>11540</v>
      </c>
    </row>
    <row r="12792" spans="1:4" x14ac:dyDescent="0.4">
      <c r="A12792" s="1" t="s">
        <v>11541</v>
      </c>
      <c r="B12792" t="s">
        <v>4451</v>
      </c>
      <c r="C12792" t="s">
        <v>11542</v>
      </c>
    </row>
    <row r="12793" spans="1:4" x14ac:dyDescent="0.4">
      <c r="A12793" s="1" t="s">
        <v>11543</v>
      </c>
      <c r="B12793" t="s">
        <v>4451</v>
      </c>
      <c r="C12793" t="s">
        <v>11542</v>
      </c>
      <c r="D12793" t="s">
        <v>11544</v>
      </c>
    </row>
    <row r="12794" spans="1:4" x14ac:dyDescent="0.4">
      <c r="A12794" s="1" t="s">
        <v>11543</v>
      </c>
      <c r="B12794" t="s">
        <v>4451</v>
      </c>
      <c r="C12794" t="s">
        <v>11542</v>
      </c>
      <c r="D12794" t="s">
        <v>11545</v>
      </c>
    </row>
    <row r="12795" spans="1:4" x14ac:dyDescent="0.4">
      <c r="A12795" s="1" t="s">
        <v>11543</v>
      </c>
      <c r="B12795" t="s">
        <v>4451</v>
      </c>
      <c r="C12795" t="s">
        <v>11542</v>
      </c>
      <c r="D12795" t="s">
        <v>11546</v>
      </c>
    </row>
    <row r="12796" spans="1:4" x14ac:dyDescent="0.4">
      <c r="A12796" s="1" t="s">
        <v>11543</v>
      </c>
      <c r="B12796" t="s">
        <v>4451</v>
      </c>
      <c r="C12796" t="s">
        <v>11542</v>
      </c>
      <c r="D12796" t="s">
        <v>11547</v>
      </c>
    </row>
    <row r="12797" spans="1:4" x14ac:dyDescent="0.4">
      <c r="A12797" s="1" t="s">
        <v>11543</v>
      </c>
      <c r="B12797" t="s">
        <v>4451</v>
      </c>
      <c r="C12797" t="s">
        <v>11542</v>
      </c>
      <c r="D12797" t="s">
        <v>11548</v>
      </c>
    </row>
    <row r="12798" spans="1:4" x14ac:dyDescent="0.4">
      <c r="A12798" s="1" t="s">
        <v>11543</v>
      </c>
      <c r="B12798" t="s">
        <v>4451</v>
      </c>
      <c r="C12798" t="s">
        <v>11542</v>
      </c>
      <c r="D12798" t="s">
        <v>11549</v>
      </c>
    </row>
    <row r="12799" spans="1:4" x14ac:dyDescent="0.4">
      <c r="A12799" s="1" t="s">
        <v>11550</v>
      </c>
      <c r="B12799" t="s">
        <v>4451</v>
      </c>
      <c r="C12799" t="s">
        <v>11542</v>
      </c>
      <c r="D12799" t="s">
        <v>11551</v>
      </c>
    </row>
    <row r="12800" spans="1:4" x14ac:dyDescent="0.4">
      <c r="A12800" s="1" t="s">
        <v>11550</v>
      </c>
      <c r="B12800" t="s">
        <v>4451</v>
      </c>
      <c r="C12800" t="s">
        <v>11542</v>
      </c>
      <c r="D12800" t="s">
        <v>11552</v>
      </c>
    </row>
    <row r="12801" spans="1:4" x14ac:dyDescent="0.4">
      <c r="A12801" s="1" t="s">
        <v>11550</v>
      </c>
      <c r="B12801" t="s">
        <v>4451</v>
      </c>
      <c r="C12801" t="s">
        <v>11542</v>
      </c>
      <c r="D12801" t="s">
        <v>11553</v>
      </c>
    </row>
    <row r="12802" spans="1:4" x14ac:dyDescent="0.4">
      <c r="A12802" s="1" t="s">
        <v>11550</v>
      </c>
      <c r="B12802" t="s">
        <v>4451</v>
      </c>
      <c r="C12802" t="s">
        <v>11542</v>
      </c>
      <c r="D12802" t="s">
        <v>11554</v>
      </c>
    </row>
    <row r="12803" spans="1:4" x14ac:dyDescent="0.4">
      <c r="A12803" s="1" t="s">
        <v>11550</v>
      </c>
      <c r="B12803" t="s">
        <v>4451</v>
      </c>
      <c r="C12803" t="s">
        <v>11542</v>
      </c>
      <c r="D12803" t="s">
        <v>11555</v>
      </c>
    </row>
    <row r="12804" spans="1:4" x14ac:dyDescent="0.4">
      <c r="A12804" s="1" t="s">
        <v>11550</v>
      </c>
      <c r="B12804" t="s">
        <v>4451</v>
      </c>
      <c r="C12804" t="s">
        <v>11542</v>
      </c>
      <c r="D12804" t="s">
        <v>11556</v>
      </c>
    </row>
    <row r="12805" spans="1:4" x14ac:dyDescent="0.4">
      <c r="A12805" s="1" t="s">
        <v>11550</v>
      </c>
      <c r="B12805" t="s">
        <v>4451</v>
      </c>
      <c r="C12805" t="s">
        <v>11542</v>
      </c>
      <c r="D12805" t="s">
        <v>11557</v>
      </c>
    </row>
    <row r="12806" spans="1:4" x14ac:dyDescent="0.4">
      <c r="A12806" s="1" t="s">
        <v>11550</v>
      </c>
      <c r="B12806" t="s">
        <v>4451</v>
      </c>
      <c r="C12806" t="s">
        <v>11542</v>
      </c>
      <c r="D12806" t="s">
        <v>11558</v>
      </c>
    </row>
    <row r="12807" spans="1:4" x14ac:dyDescent="0.4">
      <c r="A12807" s="1" t="s">
        <v>11550</v>
      </c>
      <c r="B12807" t="s">
        <v>4451</v>
      </c>
      <c r="C12807" t="s">
        <v>11542</v>
      </c>
      <c r="D12807" t="s">
        <v>11559</v>
      </c>
    </row>
    <row r="12808" spans="1:4" x14ac:dyDescent="0.4">
      <c r="A12808" s="1" t="s">
        <v>11560</v>
      </c>
      <c r="B12808" t="s">
        <v>4451</v>
      </c>
      <c r="C12808" t="s">
        <v>11542</v>
      </c>
      <c r="D12808" t="s">
        <v>11561</v>
      </c>
    </row>
    <row r="12809" spans="1:4" x14ac:dyDescent="0.4">
      <c r="A12809" s="1" t="s">
        <v>11560</v>
      </c>
      <c r="B12809" t="s">
        <v>4451</v>
      </c>
      <c r="C12809" t="s">
        <v>11542</v>
      </c>
      <c r="D12809" t="s">
        <v>11562</v>
      </c>
    </row>
    <row r="12810" spans="1:4" x14ac:dyDescent="0.4">
      <c r="A12810" s="1" t="s">
        <v>11560</v>
      </c>
      <c r="B12810" t="s">
        <v>4451</v>
      </c>
      <c r="C12810" t="s">
        <v>11542</v>
      </c>
      <c r="D12810" t="s">
        <v>11563</v>
      </c>
    </row>
    <row r="12811" spans="1:4" x14ac:dyDescent="0.4">
      <c r="A12811" s="1" t="s">
        <v>11560</v>
      </c>
      <c r="B12811" t="s">
        <v>4451</v>
      </c>
      <c r="C12811" t="s">
        <v>11542</v>
      </c>
      <c r="D12811" t="s">
        <v>11564</v>
      </c>
    </row>
    <row r="12812" spans="1:4" x14ac:dyDescent="0.4">
      <c r="A12812" s="1" t="s">
        <v>11560</v>
      </c>
      <c r="B12812" t="s">
        <v>4451</v>
      </c>
      <c r="C12812" t="s">
        <v>11542</v>
      </c>
      <c r="D12812" t="s">
        <v>11565</v>
      </c>
    </row>
    <row r="12813" spans="1:4" x14ac:dyDescent="0.4">
      <c r="A12813" s="1" t="s">
        <v>11560</v>
      </c>
      <c r="B12813" t="s">
        <v>4451</v>
      </c>
      <c r="C12813" t="s">
        <v>11542</v>
      </c>
      <c r="D12813" t="s">
        <v>11566</v>
      </c>
    </row>
    <row r="12814" spans="1:4" x14ac:dyDescent="0.4">
      <c r="A12814" s="1" t="s">
        <v>11560</v>
      </c>
      <c r="B12814" t="s">
        <v>4451</v>
      </c>
      <c r="C12814" t="s">
        <v>11542</v>
      </c>
      <c r="D12814" t="s">
        <v>11567</v>
      </c>
    </row>
    <row r="12815" spans="1:4" x14ac:dyDescent="0.4">
      <c r="A12815" s="1" t="s">
        <v>11560</v>
      </c>
      <c r="B12815" t="s">
        <v>4451</v>
      </c>
      <c r="C12815" t="s">
        <v>11542</v>
      </c>
      <c r="D12815" t="s">
        <v>11568</v>
      </c>
    </row>
    <row r="12816" spans="1:4" x14ac:dyDescent="0.4">
      <c r="A12816" s="1" t="s">
        <v>11560</v>
      </c>
      <c r="B12816" t="s">
        <v>4451</v>
      </c>
      <c r="C12816" t="s">
        <v>11542</v>
      </c>
      <c r="D12816" t="s">
        <v>11569</v>
      </c>
    </row>
    <row r="12817" spans="1:4" x14ac:dyDescent="0.4">
      <c r="A12817" s="1" t="s">
        <v>11560</v>
      </c>
      <c r="B12817" t="s">
        <v>4451</v>
      </c>
      <c r="C12817" t="s">
        <v>11542</v>
      </c>
      <c r="D12817" t="s">
        <v>11570</v>
      </c>
    </row>
    <row r="12818" spans="1:4" x14ac:dyDescent="0.4">
      <c r="A12818" s="1" t="s">
        <v>11571</v>
      </c>
      <c r="B12818" t="s">
        <v>4451</v>
      </c>
      <c r="C12818" t="s">
        <v>11542</v>
      </c>
      <c r="D12818" t="s">
        <v>11572</v>
      </c>
    </row>
    <row r="12819" spans="1:4" x14ac:dyDescent="0.4">
      <c r="A12819" s="1" t="s">
        <v>11571</v>
      </c>
      <c r="B12819" t="s">
        <v>4451</v>
      </c>
      <c r="C12819" t="s">
        <v>11542</v>
      </c>
      <c r="D12819" t="s">
        <v>11573</v>
      </c>
    </row>
    <row r="12820" spans="1:4" x14ac:dyDescent="0.4">
      <c r="A12820" s="1" t="s">
        <v>11571</v>
      </c>
      <c r="B12820" t="s">
        <v>4451</v>
      </c>
      <c r="C12820" t="s">
        <v>11542</v>
      </c>
      <c r="D12820" t="s">
        <v>11574</v>
      </c>
    </row>
    <row r="12821" spans="1:4" x14ac:dyDescent="0.4">
      <c r="A12821" s="1" t="s">
        <v>11571</v>
      </c>
      <c r="B12821" t="s">
        <v>4451</v>
      </c>
      <c r="C12821" t="s">
        <v>11542</v>
      </c>
      <c r="D12821" t="s">
        <v>11575</v>
      </c>
    </row>
    <row r="12822" spans="1:4" x14ac:dyDescent="0.4">
      <c r="A12822" s="1" t="s">
        <v>11571</v>
      </c>
      <c r="B12822" t="s">
        <v>4451</v>
      </c>
      <c r="C12822" t="s">
        <v>11542</v>
      </c>
      <c r="D12822" t="s">
        <v>11576</v>
      </c>
    </row>
    <row r="12823" spans="1:4" x14ac:dyDescent="0.4">
      <c r="A12823" s="1" t="s">
        <v>11571</v>
      </c>
      <c r="B12823" t="s">
        <v>4451</v>
      </c>
      <c r="C12823" t="s">
        <v>11542</v>
      </c>
      <c r="D12823" t="s">
        <v>11577</v>
      </c>
    </row>
    <row r="12824" spans="1:4" x14ac:dyDescent="0.4">
      <c r="A12824" s="1" t="s">
        <v>11571</v>
      </c>
      <c r="B12824" t="s">
        <v>4451</v>
      </c>
      <c r="C12824" t="s">
        <v>11542</v>
      </c>
      <c r="D12824" t="s">
        <v>11578</v>
      </c>
    </row>
    <row r="12825" spans="1:4" x14ac:dyDescent="0.4">
      <c r="A12825" s="1" t="s">
        <v>11571</v>
      </c>
      <c r="B12825" t="s">
        <v>4451</v>
      </c>
      <c r="C12825" t="s">
        <v>11542</v>
      </c>
      <c r="D12825" t="s">
        <v>11579</v>
      </c>
    </row>
    <row r="12826" spans="1:4" x14ac:dyDescent="0.4">
      <c r="A12826" s="1" t="s">
        <v>11571</v>
      </c>
      <c r="B12826" t="s">
        <v>4451</v>
      </c>
      <c r="C12826" t="s">
        <v>11542</v>
      </c>
      <c r="D12826" t="s">
        <v>11580</v>
      </c>
    </row>
    <row r="12827" spans="1:4" x14ac:dyDescent="0.4">
      <c r="A12827" s="1" t="s">
        <v>11571</v>
      </c>
      <c r="B12827" t="s">
        <v>4451</v>
      </c>
      <c r="C12827" t="s">
        <v>11542</v>
      </c>
      <c r="D12827" t="s">
        <v>11581</v>
      </c>
    </row>
    <row r="12828" spans="1:4" x14ac:dyDescent="0.4">
      <c r="A12828" s="1" t="s">
        <v>11571</v>
      </c>
      <c r="B12828" t="s">
        <v>4451</v>
      </c>
      <c r="C12828" t="s">
        <v>11542</v>
      </c>
      <c r="D12828" t="s">
        <v>11582</v>
      </c>
    </row>
    <row r="12829" spans="1:4" x14ac:dyDescent="0.4">
      <c r="A12829" s="1" t="s">
        <v>11571</v>
      </c>
      <c r="B12829" t="s">
        <v>4451</v>
      </c>
      <c r="C12829" t="s">
        <v>11542</v>
      </c>
      <c r="D12829" t="s">
        <v>11583</v>
      </c>
    </row>
    <row r="12830" spans="1:4" x14ac:dyDescent="0.4">
      <c r="A12830" s="1" t="s">
        <v>11571</v>
      </c>
      <c r="B12830" t="s">
        <v>4451</v>
      </c>
      <c r="C12830" t="s">
        <v>11542</v>
      </c>
      <c r="D12830" t="s">
        <v>11584</v>
      </c>
    </row>
    <row r="12831" spans="1:4" x14ac:dyDescent="0.4">
      <c r="A12831" s="1" t="s">
        <v>11571</v>
      </c>
      <c r="B12831" t="s">
        <v>4451</v>
      </c>
      <c r="C12831" t="s">
        <v>11542</v>
      </c>
      <c r="D12831" t="s">
        <v>11585</v>
      </c>
    </row>
    <row r="12832" spans="1:4" x14ac:dyDescent="0.4">
      <c r="A12832" s="1" t="s">
        <v>11571</v>
      </c>
      <c r="B12832" t="s">
        <v>4451</v>
      </c>
      <c r="C12832" t="s">
        <v>11542</v>
      </c>
      <c r="D12832" t="s">
        <v>11586</v>
      </c>
    </row>
    <row r="12833" spans="1:4" x14ac:dyDescent="0.4">
      <c r="A12833" s="1" t="s">
        <v>11571</v>
      </c>
      <c r="B12833" t="s">
        <v>4451</v>
      </c>
      <c r="C12833" t="s">
        <v>11542</v>
      </c>
      <c r="D12833" t="s">
        <v>11587</v>
      </c>
    </row>
    <row r="12834" spans="1:4" x14ac:dyDescent="0.4">
      <c r="A12834" s="1" t="s">
        <v>11571</v>
      </c>
      <c r="B12834" t="s">
        <v>4451</v>
      </c>
      <c r="C12834" t="s">
        <v>11542</v>
      </c>
      <c r="D12834" t="s">
        <v>11588</v>
      </c>
    </row>
    <row r="12835" spans="1:4" x14ac:dyDescent="0.4">
      <c r="A12835" s="1" t="s">
        <v>11571</v>
      </c>
      <c r="B12835" t="s">
        <v>4451</v>
      </c>
      <c r="C12835" t="s">
        <v>11542</v>
      </c>
      <c r="D12835" t="s">
        <v>11589</v>
      </c>
    </row>
    <row r="12836" spans="1:4" x14ac:dyDescent="0.4">
      <c r="A12836" s="1" t="s">
        <v>11571</v>
      </c>
      <c r="B12836" t="s">
        <v>4451</v>
      </c>
      <c r="C12836" t="s">
        <v>11542</v>
      </c>
      <c r="D12836" t="s">
        <v>11590</v>
      </c>
    </row>
    <row r="12837" spans="1:4" x14ac:dyDescent="0.4">
      <c r="A12837" s="1" t="s">
        <v>11571</v>
      </c>
      <c r="B12837" t="s">
        <v>4451</v>
      </c>
      <c r="C12837" t="s">
        <v>11542</v>
      </c>
      <c r="D12837" t="s">
        <v>11591</v>
      </c>
    </row>
    <row r="12838" spans="1:4" x14ac:dyDescent="0.4">
      <c r="A12838" s="1" t="s">
        <v>11571</v>
      </c>
      <c r="B12838" t="s">
        <v>4451</v>
      </c>
      <c r="C12838" t="s">
        <v>11542</v>
      </c>
      <c r="D12838" t="s">
        <v>11592</v>
      </c>
    </row>
    <row r="12839" spans="1:4" x14ac:dyDescent="0.4">
      <c r="A12839" s="1" t="s">
        <v>11571</v>
      </c>
      <c r="B12839" t="s">
        <v>4451</v>
      </c>
      <c r="C12839" t="s">
        <v>11542</v>
      </c>
      <c r="D12839" t="s">
        <v>11593</v>
      </c>
    </row>
    <row r="12840" spans="1:4" x14ac:dyDescent="0.4">
      <c r="A12840" s="1" t="s">
        <v>11571</v>
      </c>
      <c r="B12840" t="s">
        <v>4451</v>
      </c>
      <c r="C12840" t="s">
        <v>11542</v>
      </c>
      <c r="D12840" t="s">
        <v>11594</v>
      </c>
    </row>
    <row r="12841" spans="1:4" x14ac:dyDescent="0.4">
      <c r="A12841">
        <v>3410007</v>
      </c>
      <c r="B12841" t="s">
        <v>1636</v>
      </c>
      <c r="C12841" t="s">
        <v>10119</v>
      </c>
      <c r="D12841" t="s">
        <v>11595</v>
      </c>
    </row>
    <row r="12842" spans="1:4" x14ac:dyDescent="0.4">
      <c r="A12842">
        <v>3410009</v>
      </c>
      <c r="B12842" t="s">
        <v>1636</v>
      </c>
      <c r="C12842" t="s">
        <v>10119</v>
      </c>
      <c r="D12842" t="s">
        <v>11596</v>
      </c>
    </row>
    <row r="12843" spans="1:4" x14ac:dyDescent="0.4">
      <c r="A12843">
        <v>3410034</v>
      </c>
      <c r="B12843" t="s">
        <v>1636</v>
      </c>
      <c r="C12843" t="s">
        <v>10119</v>
      </c>
      <c r="D12843" t="s">
        <v>11597</v>
      </c>
    </row>
    <row r="12844" spans="1:4" x14ac:dyDescent="0.4">
      <c r="A12844">
        <v>3410015</v>
      </c>
      <c r="B12844" t="s">
        <v>1636</v>
      </c>
      <c r="C12844" t="s">
        <v>10119</v>
      </c>
      <c r="D12844" t="s">
        <v>11598</v>
      </c>
    </row>
    <row r="12845" spans="1:4" x14ac:dyDescent="0.4">
      <c r="A12845">
        <v>3410037</v>
      </c>
      <c r="B12845" t="s">
        <v>1636</v>
      </c>
      <c r="C12845" t="s">
        <v>10119</v>
      </c>
      <c r="D12845" t="s">
        <v>5349</v>
      </c>
    </row>
    <row r="12846" spans="1:4" x14ac:dyDescent="0.4">
      <c r="A12846">
        <v>3410035</v>
      </c>
      <c r="B12846" t="s">
        <v>1636</v>
      </c>
      <c r="C12846" t="s">
        <v>10119</v>
      </c>
      <c r="D12846" t="s">
        <v>11599</v>
      </c>
    </row>
    <row r="12847" spans="1:4" x14ac:dyDescent="0.4">
      <c r="A12847">
        <v>3410016</v>
      </c>
      <c r="B12847" t="s">
        <v>1636</v>
      </c>
      <c r="C12847" t="s">
        <v>10119</v>
      </c>
      <c r="D12847" t="s">
        <v>269</v>
      </c>
    </row>
    <row r="12848" spans="1:4" x14ac:dyDescent="0.4">
      <c r="A12848">
        <v>3410017</v>
      </c>
      <c r="B12848" t="s">
        <v>1636</v>
      </c>
      <c r="C12848" t="s">
        <v>10119</v>
      </c>
      <c r="D12848" t="s">
        <v>11600</v>
      </c>
    </row>
    <row r="12849" spans="1:4" x14ac:dyDescent="0.4">
      <c r="A12849">
        <v>3410051</v>
      </c>
      <c r="B12849" t="s">
        <v>1636</v>
      </c>
      <c r="C12849" t="s">
        <v>10119</v>
      </c>
      <c r="D12849" t="s">
        <v>1683</v>
      </c>
    </row>
    <row r="12850" spans="1:4" x14ac:dyDescent="0.4">
      <c r="A12850">
        <v>3410044</v>
      </c>
      <c r="B12850" t="s">
        <v>1636</v>
      </c>
      <c r="C12850" t="s">
        <v>10119</v>
      </c>
      <c r="D12850" t="s">
        <v>11601</v>
      </c>
    </row>
    <row r="12851" spans="1:4" x14ac:dyDescent="0.4">
      <c r="A12851">
        <v>3410023</v>
      </c>
      <c r="B12851" t="s">
        <v>1636</v>
      </c>
      <c r="C12851" t="s">
        <v>10119</v>
      </c>
      <c r="D12851" t="s">
        <v>11602</v>
      </c>
    </row>
    <row r="12852" spans="1:4" x14ac:dyDescent="0.4">
      <c r="A12852">
        <v>3410041</v>
      </c>
      <c r="B12852" t="s">
        <v>1636</v>
      </c>
      <c r="C12852" t="s">
        <v>10119</v>
      </c>
      <c r="D12852" t="s">
        <v>11603</v>
      </c>
    </row>
    <row r="12853" spans="1:4" x14ac:dyDescent="0.4">
      <c r="A12853">
        <v>3410056</v>
      </c>
      <c r="B12853" t="s">
        <v>1636</v>
      </c>
      <c r="C12853" t="s">
        <v>10119</v>
      </c>
      <c r="D12853" t="s">
        <v>11604</v>
      </c>
    </row>
    <row r="12854" spans="1:4" x14ac:dyDescent="0.4">
      <c r="A12854">
        <v>3410012</v>
      </c>
      <c r="B12854" t="s">
        <v>1636</v>
      </c>
      <c r="C12854" t="s">
        <v>10119</v>
      </c>
      <c r="D12854" t="s">
        <v>11605</v>
      </c>
    </row>
    <row r="12855" spans="1:4" x14ac:dyDescent="0.4">
      <c r="A12855">
        <v>3410001</v>
      </c>
      <c r="B12855" t="s">
        <v>1636</v>
      </c>
      <c r="C12855" t="s">
        <v>10119</v>
      </c>
      <c r="D12855" t="s">
        <v>11606</v>
      </c>
    </row>
    <row r="12856" spans="1:4" x14ac:dyDescent="0.4">
      <c r="A12856">
        <v>3410058</v>
      </c>
      <c r="B12856" t="s">
        <v>1636</v>
      </c>
      <c r="C12856" t="s">
        <v>10119</v>
      </c>
      <c r="D12856" t="s">
        <v>11607</v>
      </c>
    </row>
    <row r="12857" spans="1:4" x14ac:dyDescent="0.4">
      <c r="A12857">
        <v>3410002</v>
      </c>
      <c r="B12857" t="s">
        <v>1636</v>
      </c>
      <c r="C12857" t="s">
        <v>10119</v>
      </c>
      <c r="D12857" t="s">
        <v>11608</v>
      </c>
    </row>
    <row r="12858" spans="1:4" x14ac:dyDescent="0.4">
      <c r="A12858">
        <v>3410005</v>
      </c>
      <c r="B12858" t="s">
        <v>1636</v>
      </c>
      <c r="C12858" t="s">
        <v>10119</v>
      </c>
      <c r="D12858" t="s">
        <v>11609</v>
      </c>
    </row>
    <row r="12859" spans="1:4" x14ac:dyDescent="0.4">
      <c r="A12859">
        <v>3410053</v>
      </c>
      <c r="B12859" t="s">
        <v>1636</v>
      </c>
      <c r="C12859" t="s">
        <v>10119</v>
      </c>
      <c r="D12859" t="s">
        <v>11610</v>
      </c>
    </row>
    <row r="12860" spans="1:4" x14ac:dyDescent="0.4">
      <c r="A12860">
        <v>3410057</v>
      </c>
      <c r="B12860" t="s">
        <v>1636</v>
      </c>
      <c r="C12860" t="s">
        <v>10119</v>
      </c>
      <c r="D12860" t="s">
        <v>11611</v>
      </c>
    </row>
    <row r="12861" spans="1:4" x14ac:dyDescent="0.4">
      <c r="A12861">
        <v>3410003</v>
      </c>
      <c r="B12861" t="s">
        <v>1636</v>
      </c>
      <c r="C12861" t="s">
        <v>10119</v>
      </c>
      <c r="D12861" t="s">
        <v>11612</v>
      </c>
    </row>
    <row r="12862" spans="1:4" x14ac:dyDescent="0.4">
      <c r="A12862">
        <v>3410052</v>
      </c>
      <c r="B12862" t="s">
        <v>1636</v>
      </c>
      <c r="C12862" t="s">
        <v>10119</v>
      </c>
      <c r="D12862" t="s">
        <v>11613</v>
      </c>
    </row>
    <row r="12863" spans="1:4" x14ac:dyDescent="0.4">
      <c r="A12863">
        <v>3410024</v>
      </c>
      <c r="B12863" t="s">
        <v>1636</v>
      </c>
      <c r="C12863" t="s">
        <v>10119</v>
      </c>
      <c r="D12863" t="s">
        <v>11614</v>
      </c>
    </row>
    <row r="12864" spans="1:4" x14ac:dyDescent="0.4">
      <c r="A12864">
        <v>3410028</v>
      </c>
      <c r="B12864" t="s">
        <v>1636</v>
      </c>
      <c r="C12864" t="s">
        <v>10119</v>
      </c>
      <c r="D12864" t="s">
        <v>11615</v>
      </c>
    </row>
    <row r="12865" spans="1:4" x14ac:dyDescent="0.4">
      <c r="A12865">
        <v>3410025</v>
      </c>
      <c r="B12865" t="s">
        <v>1636</v>
      </c>
      <c r="C12865" t="s">
        <v>10119</v>
      </c>
      <c r="D12865" t="s">
        <v>11616</v>
      </c>
    </row>
    <row r="12866" spans="1:4" x14ac:dyDescent="0.4">
      <c r="A12866">
        <v>3410042</v>
      </c>
      <c r="B12866" t="s">
        <v>1636</v>
      </c>
      <c r="C12866" t="s">
        <v>10119</v>
      </c>
      <c r="D12866" t="s">
        <v>4356</v>
      </c>
    </row>
    <row r="12867" spans="1:4" x14ac:dyDescent="0.4">
      <c r="A12867">
        <v>3410032</v>
      </c>
      <c r="B12867" t="s">
        <v>1636</v>
      </c>
      <c r="C12867" t="s">
        <v>10119</v>
      </c>
      <c r="D12867" t="s">
        <v>853</v>
      </c>
    </row>
    <row r="12868" spans="1:4" x14ac:dyDescent="0.4">
      <c r="A12868">
        <v>3410045</v>
      </c>
      <c r="B12868" t="s">
        <v>1636</v>
      </c>
      <c r="C12868" t="s">
        <v>10119</v>
      </c>
      <c r="D12868" t="s">
        <v>11617</v>
      </c>
    </row>
    <row r="12869" spans="1:4" x14ac:dyDescent="0.4">
      <c r="A12869">
        <v>3410018</v>
      </c>
      <c r="B12869" t="s">
        <v>1636</v>
      </c>
      <c r="C12869" t="s">
        <v>10119</v>
      </c>
      <c r="D12869" t="s">
        <v>5251</v>
      </c>
    </row>
    <row r="12870" spans="1:4" x14ac:dyDescent="0.4">
      <c r="A12870">
        <v>3490100</v>
      </c>
      <c r="B12870" t="s">
        <v>1636</v>
      </c>
      <c r="C12870" t="s">
        <v>11618</v>
      </c>
    </row>
    <row r="12871" spans="1:4" x14ac:dyDescent="0.4">
      <c r="A12871">
        <v>3490126</v>
      </c>
      <c r="B12871" t="s">
        <v>1636</v>
      </c>
      <c r="C12871" t="s">
        <v>11618</v>
      </c>
      <c r="D12871" t="s">
        <v>1362</v>
      </c>
    </row>
    <row r="12872" spans="1:4" x14ac:dyDescent="0.4">
      <c r="A12872">
        <v>3490135</v>
      </c>
      <c r="B12872" t="s">
        <v>1636</v>
      </c>
      <c r="C12872" t="s">
        <v>11618</v>
      </c>
      <c r="D12872" t="s">
        <v>11619</v>
      </c>
    </row>
    <row r="12873" spans="1:4" x14ac:dyDescent="0.4">
      <c r="A12873">
        <v>3490133</v>
      </c>
      <c r="B12873" t="s">
        <v>1636</v>
      </c>
      <c r="C12873" t="s">
        <v>11618</v>
      </c>
      <c r="D12873" t="s">
        <v>11620</v>
      </c>
    </row>
    <row r="12874" spans="1:4" x14ac:dyDescent="0.4">
      <c r="A12874">
        <v>3490102</v>
      </c>
      <c r="B12874" t="s">
        <v>1636</v>
      </c>
      <c r="C12874" t="s">
        <v>11618</v>
      </c>
      <c r="D12874" t="s">
        <v>11621</v>
      </c>
    </row>
    <row r="12875" spans="1:4" x14ac:dyDescent="0.4">
      <c r="A12875">
        <v>3490125</v>
      </c>
      <c r="B12875" t="s">
        <v>1636</v>
      </c>
      <c r="C12875" t="s">
        <v>11618</v>
      </c>
      <c r="D12875" t="s">
        <v>11622</v>
      </c>
    </row>
    <row r="12876" spans="1:4" x14ac:dyDescent="0.4">
      <c r="A12876">
        <v>3490132</v>
      </c>
      <c r="B12876" t="s">
        <v>1636</v>
      </c>
      <c r="C12876" t="s">
        <v>11618</v>
      </c>
      <c r="D12876" t="s">
        <v>2703</v>
      </c>
    </row>
    <row r="12877" spans="1:4" x14ac:dyDescent="0.4">
      <c r="A12877">
        <v>3490122</v>
      </c>
      <c r="B12877" t="s">
        <v>1636</v>
      </c>
      <c r="C12877" t="s">
        <v>11618</v>
      </c>
      <c r="D12877" t="s">
        <v>785</v>
      </c>
    </row>
    <row r="12878" spans="1:4" x14ac:dyDescent="0.4">
      <c r="A12878">
        <v>3490136</v>
      </c>
      <c r="B12878" t="s">
        <v>1636</v>
      </c>
      <c r="C12878" t="s">
        <v>11618</v>
      </c>
      <c r="D12878" t="s">
        <v>11623</v>
      </c>
    </row>
    <row r="12879" spans="1:4" x14ac:dyDescent="0.4">
      <c r="A12879">
        <v>3490112</v>
      </c>
      <c r="B12879" t="s">
        <v>1636</v>
      </c>
      <c r="C12879" t="s">
        <v>11618</v>
      </c>
      <c r="D12879" t="s">
        <v>6476</v>
      </c>
    </row>
    <row r="12880" spans="1:4" x14ac:dyDescent="0.4">
      <c r="A12880">
        <v>3490101</v>
      </c>
      <c r="B12880" t="s">
        <v>1636</v>
      </c>
      <c r="C12880" t="s">
        <v>11618</v>
      </c>
      <c r="D12880" t="s">
        <v>11624</v>
      </c>
    </row>
    <row r="12881" spans="1:4" x14ac:dyDescent="0.4">
      <c r="A12881">
        <v>3490134</v>
      </c>
      <c r="B12881" t="s">
        <v>1636</v>
      </c>
      <c r="C12881" t="s">
        <v>11618</v>
      </c>
      <c r="D12881" t="s">
        <v>11625</v>
      </c>
    </row>
    <row r="12882" spans="1:4" x14ac:dyDescent="0.4">
      <c r="A12882">
        <v>3490113</v>
      </c>
      <c r="B12882" t="s">
        <v>1636</v>
      </c>
      <c r="C12882" t="s">
        <v>11618</v>
      </c>
      <c r="D12882" t="s">
        <v>2016</v>
      </c>
    </row>
    <row r="12883" spans="1:4" x14ac:dyDescent="0.4">
      <c r="A12883">
        <v>3490103</v>
      </c>
      <c r="B12883" t="s">
        <v>1636</v>
      </c>
      <c r="C12883" t="s">
        <v>11618</v>
      </c>
      <c r="D12883" t="s">
        <v>11626</v>
      </c>
    </row>
    <row r="12884" spans="1:4" x14ac:dyDescent="0.4">
      <c r="A12884">
        <v>3490143</v>
      </c>
      <c r="B12884" t="s">
        <v>1636</v>
      </c>
      <c r="C12884" t="s">
        <v>11618</v>
      </c>
      <c r="D12884" t="s">
        <v>362</v>
      </c>
    </row>
    <row r="12885" spans="1:4" x14ac:dyDescent="0.4">
      <c r="A12885">
        <v>3490124</v>
      </c>
      <c r="B12885" t="s">
        <v>1636</v>
      </c>
      <c r="C12885" t="s">
        <v>11618</v>
      </c>
      <c r="D12885" t="s">
        <v>4970</v>
      </c>
    </row>
    <row r="12886" spans="1:4" x14ac:dyDescent="0.4">
      <c r="A12886">
        <v>3490121</v>
      </c>
      <c r="B12886" t="s">
        <v>1636</v>
      </c>
      <c r="C12886" t="s">
        <v>11618</v>
      </c>
      <c r="D12886" t="s">
        <v>11627</v>
      </c>
    </row>
    <row r="12887" spans="1:4" x14ac:dyDescent="0.4">
      <c r="A12887">
        <v>3490137</v>
      </c>
      <c r="B12887" t="s">
        <v>1636</v>
      </c>
      <c r="C12887" t="s">
        <v>11618</v>
      </c>
      <c r="D12887" t="s">
        <v>11628</v>
      </c>
    </row>
    <row r="12888" spans="1:4" x14ac:dyDescent="0.4">
      <c r="A12888">
        <v>3490144</v>
      </c>
      <c r="B12888" t="s">
        <v>1636</v>
      </c>
      <c r="C12888" t="s">
        <v>11618</v>
      </c>
      <c r="D12888" t="s">
        <v>11629</v>
      </c>
    </row>
    <row r="12889" spans="1:4" x14ac:dyDescent="0.4">
      <c r="A12889">
        <v>3490141</v>
      </c>
      <c r="B12889" t="s">
        <v>1636</v>
      </c>
      <c r="C12889" t="s">
        <v>11618</v>
      </c>
      <c r="D12889" t="s">
        <v>11630</v>
      </c>
    </row>
    <row r="12890" spans="1:4" x14ac:dyDescent="0.4">
      <c r="A12890">
        <v>3490145</v>
      </c>
      <c r="B12890" t="s">
        <v>1636</v>
      </c>
      <c r="C12890" t="s">
        <v>11618</v>
      </c>
      <c r="D12890" t="s">
        <v>10728</v>
      </c>
    </row>
    <row r="12891" spans="1:4" x14ac:dyDescent="0.4">
      <c r="A12891">
        <v>3490131</v>
      </c>
      <c r="B12891" t="s">
        <v>1636</v>
      </c>
      <c r="C12891" t="s">
        <v>11618</v>
      </c>
      <c r="D12891" t="s">
        <v>11631</v>
      </c>
    </row>
    <row r="12892" spans="1:4" x14ac:dyDescent="0.4">
      <c r="A12892">
        <v>3490115</v>
      </c>
      <c r="B12892" t="s">
        <v>1636</v>
      </c>
      <c r="C12892" t="s">
        <v>11618</v>
      </c>
      <c r="D12892" t="s">
        <v>11632</v>
      </c>
    </row>
    <row r="12893" spans="1:4" x14ac:dyDescent="0.4">
      <c r="A12893">
        <v>3490111</v>
      </c>
      <c r="B12893" t="s">
        <v>1636</v>
      </c>
      <c r="C12893" t="s">
        <v>11618</v>
      </c>
      <c r="D12893" t="s">
        <v>1693</v>
      </c>
    </row>
    <row r="12894" spans="1:4" x14ac:dyDescent="0.4">
      <c r="A12894">
        <v>3490123</v>
      </c>
      <c r="B12894" t="s">
        <v>1636</v>
      </c>
      <c r="C12894" t="s">
        <v>11618</v>
      </c>
      <c r="D12894" t="s">
        <v>403</v>
      </c>
    </row>
    <row r="12895" spans="1:4" x14ac:dyDescent="0.4">
      <c r="A12895">
        <v>3490114</v>
      </c>
      <c r="B12895" t="s">
        <v>1636</v>
      </c>
      <c r="C12895" t="s">
        <v>11618</v>
      </c>
      <c r="D12895" t="s">
        <v>9270</v>
      </c>
    </row>
    <row r="12896" spans="1:4" x14ac:dyDescent="0.4">
      <c r="A12896">
        <v>3490104</v>
      </c>
      <c r="B12896" t="s">
        <v>1636</v>
      </c>
      <c r="C12896" t="s">
        <v>11618</v>
      </c>
      <c r="D12896" t="s">
        <v>1611</v>
      </c>
    </row>
    <row r="12897" spans="1:4" x14ac:dyDescent="0.4">
      <c r="A12897">
        <v>3490142</v>
      </c>
      <c r="B12897" t="s">
        <v>1636</v>
      </c>
      <c r="C12897" t="s">
        <v>11618</v>
      </c>
      <c r="D12897" t="s">
        <v>11633</v>
      </c>
    </row>
    <row r="12898" spans="1:4" x14ac:dyDescent="0.4">
      <c r="A12898">
        <v>3490127</v>
      </c>
      <c r="B12898" t="s">
        <v>1636</v>
      </c>
      <c r="C12898" t="s">
        <v>11618</v>
      </c>
      <c r="D12898" t="s">
        <v>11634</v>
      </c>
    </row>
    <row r="12899" spans="1:4" x14ac:dyDescent="0.4">
      <c r="A12899">
        <v>3490128</v>
      </c>
      <c r="B12899" t="s">
        <v>1636</v>
      </c>
      <c r="C12899" t="s">
        <v>11618</v>
      </c>
      <c r="D12899" t="s">
        <v>8106</v>
      </c>
    </row>
    <row r="12900" spans="1:4" x14ac:dyDescent="0.4">
      <c r="A12900">
        <v>3500200</v>
      </c>
      <c r="B12900" t="s">
        <v>1636</v>
      </c>
      <c r="C12900" t="s">
        <v>11635</v>
      </c>
    </row>
    <row r="12901" spans="1:4" x14ac:dyDescent="0.4">
      <c r="A12901">
        <v>3500239</v>
      </c>
      <c r="B12901" t="s">
        <v>1636</v>
      </c>
      <c r="C12901" t="s">
        <v>11635</v>
      </c>
      <c r="D12901" t="s">
        <v>11636</v>
      </c>
    </row>
    <row r="12902" spans="1:4" x14ac:dyDescent="0.4">
      <c r="A12902">
        <v>3500207</v>
      </c>
      <c r="B12902" t="s">
        <v>1636</v>
      </c>
      <c r="C12902" t="s">
        <v>11635</v>
      </c>
      <c r="D12902" t="s">
        <v>2072</v>
      </c>
    </row>
    <row r="12903" spans="1:4" x14ac:dyDescent="0.4">
      <c r="A12903">
        <v>3500201</v>
      </c>
      <c r="B12903" t="s">
        <v>1636</v>
      </c>
      <c r="C12903" t="s">
        <v>11635</v>
      </c>
      <c r="D12903" t="s">
        <v>11637</v>
      </c>
    </row>
    <row r="12904" spans="1:4" x14ac:dyDescent="0.4">
      <c r="A12904">
        <v>3500238</v>
      </c>
      <c r="B12904" t="s">
        <v>1636</v>
      </c>
      <c r="C12904" t="s">
        <v>11635</v>
      </c>
      <c r="D12904" t="s">
        <v>11638</v>
      </c>
    </row>
    <row r="12905" spans="1:4" x14ac:dyDescent="0.4">
      <c r="A12905">
        <v>3500237</v>
      </c>
      <c r="B12905" t="s">
        <v>1636</v>
      </c>
      <c r="C12905" t="s">
        <v>11635</v>
      </c>
      <c r="D12905" t="s">
        <v>11639</v>
      </c>
    </row>
    <row r="12906" spans="1:4" x14ac:dyDescent="0.4">
      <c r="A12906">
        <v>3500273</v>
      </c>
      <c r="B12906" t="s">
        <v>1636</v>
      </c>
      <c r="C12906" t="s">
        <v>11635</v>
      </c>
      <c r="D12906" t="s">
        <v>11640</v>
      </c>
    </row>
    <row r="12907" spans="1:4" x14ac:dyDescent="0.4">
      <c r="A12907">
        <v>3500242</v>
      </c>
      <c r="B12907" t="s">
        <v>1636</v>
      </c>
      <c r="C12907" t="s">
        <v>11635</v>
      </c>
      <c r="D12907" t="s">
        <v>11641</v>
      </c>
    </row>
    <row r="12908" spans="1:4" x14ac:dyDescent="0.4">
      <c r="A12908">
        <v>3500212</v>
      </c>
      <c r="B12908" t="s">
        <v>1636</v>
      </c>
      <c r="C12908" t="s">
        <v>11635</v>
      </c>
      <c r="D12908" t="s">
        <v>11642</v>
      </c>
    </row>
    <row r="12909" spans="1:4" x14ac:dyDescent="0.4">
      <c r="A12909">
        <v>3500275</v>
      </c>
      <c r="B12909" t="s">
        <v>1636</v>
      </c>
      <c r="C12909" t="s">
        <v>11635</v>
      </c>
      <c r="D12909" t="s">
        <v>11643</v>
      </c>
    </row>
    <row r="12910" spans="1:4" x14ac:dyDescent="0.4">
      <c r="A12910">
        <v>3500231</v>
      </c>
      <c r="B12910" t="s">
        <v>1636</v>
      </c>
      <c r="C12910" t="s">
        <v>11635</v>
      </c>
      <c r="D12910" t="s">
        <v>1528</v>
      </c>
    </row>
    <row r="12911" spans="1:4" x14ac:dyDescent="0.4">
      <c r="A12911">
        <v>3500267</v>
      </c>
      <c r="B12911" t="s">
        <v>1636</v>
      </c>
      <c r="C12911" t="s">
        <v>11635</v>
      </c>
      <c r="D12911" t="s">
        <v>11644</v>
      </c>
    </row>
    <row r="12912" spans="1:4" x14ac:dyDescent="0.4">
      <c r="A12912">
        <v>3500254</v>
      </c>
      <c r="B12912" t="s">
        <v>1636</v>
      </c>
      <c r="C12912" t="s">
        <v>11635</v>
      </c>
      <c r="D12912" t="s">
        <v>11645</v>
      </c>
    </row>
    <row r="12913" spans="1:4" x14ac:dyDescent="0.4">
      <c r="A12913">
        <v>3500219</v>
      </c>
      <c r="B12913" t="s">
        <v>1636</v>
      </c>
      <c r="C12913" t="s">
        <v>11635</v>
      </c>
      <c r="D12913" t="s">
        <v>10172</v>
      </c>
    </row>
    <row r="12914" spans="1:4" x14ac:dyDescent="0.4">
      <c r="A12914">
        <v>3500218</v>
      </c>
      <c r="B12914" t="s">
        <v>1636</v>
      </c>
      <c r="C12914" t="s">
        <v>11635</v>
      </c>
      <c r="D12914" t="s">
        <v>11646</v>
      </c>
    </row>
    <row r="12915" spans="1:4" x14ac:dyDescent="0.4">
      <c r="A12915">
        <v>3500268</v>
      </c>
      <c r="B12915" t="s">
        <v>1636</v>
      </c>
      <c r="C12915" t="s">
        <v>11635</v>
      </c>
      <c r="D12915" t="s">
        <v>7157</v>
      </c>
    </row>
    <row r="12916" spans="1:4" x14ac:dyDescent="0.4">
      <c r="A12916">
        <v>3500221</v>
      </c>
      <c r="B12916" t="s">
        <v>1636</v>
      </c>
      <c r="C12916" t="s">
        <v>11635</v>
      </c>
      <c r="D12916" t="s">
        <v>10679</v>
      </c>
    </row>
    <row r="12917" spans="1:4" x14ac:dyDescent="0.4">
      <c r="A12917">
        <v>3500271</v>
      </c>
      <c r="B12917" t="s">
        <v>1636</v>
      </c>
      <c r="C12917" t="s">
        <v>11635</v>
      </c>
      <c r="D12917" t="s">
        <v>4248</v>
      </c>
    </row>
    <row r="12918" spans="1:4" x14ac:dyDescent="0.4">
      <c r="A12918">
        <v>3500243</v>
      </c>
      <c r="B12918" t="s">
        <v>1636</v>
      </c>
      <c r="C12918" t="s">
        <v>11635</v>
      </c>
      <c r="D12918" t="s">
        <v>11647</v>
      </c>
    </row>
    <row r="12919" spans="1:4" x14ac:dyDescent="0.4">
      <c r="A12919">
        <v>3500266</v>
      </c>
      <c r="B12919" t="s">
        <v>1636</v>
      </c>
      <c r="C12919" t="s">
        <v>11635</v>
      </c>
      <c r="D12919" t="s">
        <v>11648</v>
      </c>
    </row>
    <row r="12920" spans="1:4" x14ac:dyDescent="0.4">
      <c r="A12920">
        <v>3500253</v>
      </c>
      <c r="B12920" t="s">
        <v>1636</v>
      </c>
      <c r="C12920" t="s">
        <v>11635</v>
      </c>
      <c r="D12920" t="s">
        <v>6429</v>
      </c>
    </row>
    <row r="12921" spans="1:4" x14ac:dyDescent="0.4">
      <c r="A12921">
        <v>3500258</v>
      </c>
      <c r="B12921" t="s">
        <v>1636</v>
      </c>
      <c r="C12921" t="s">
        <v>11635</v>
      </c>
      <c r="D12921" t="s">
        <v>11649</v>
      </c>
    </row>
    <row r="12922" spans="1:4" x14ac:dyDescent="0.4">
      <c r="A12922">
        <v>3500248</v>
      </c>
      <c r="B12922" t="s">
        <v>1636</v>
      </c>
      <c r="C12922" t="s">
        <v>11635</v>
      </c>
      <c r="D12922" t="s">
        <v>2015</v>
      </c>
    </row>
    <row r="12923" spans="1:4" x14ac:dyDescent="0.4">
      <c r="A12923">
        <v>3500204</v>
      </c>
      <c r="B12923" t="s">
        <v>1636</v>
      </c>
      <c r="C12923" t="s">
        <v>11635</v>
      </c>
      <c r="D12923" t="s">
        <v>7372</v>
      </c>
    </row>
    <row r="12924" spans="1:4" x14ac:dyDescent="0.4">
      <c r="A12924">
        <v>3500202</v>
      </c>
      <c r="B12924" t="s">
        <v>1636</v>
      </c>
      <c r="C12924" t="s">
        <v>11635</v>
      </c>
      <c r="D12924" t="s">
        <v>9445</v>
      </c>
    </row>
    <row r="12925" spans="1:4" x14ac:dyDescent="0.4">
      <c r="A12925">
        <v>3500257</v>
      </c>
      <c r="B12925" t="s">
        <v>1636</v>
      </c>
      <c r="C12925" t="s">
        <v>11635</v>
      </c>
      <c r="D12925" t="s">
        <v>253</v>
      </c>
    </row>
    <row r="12926" spans="1:4" x14ac:dyDescent="0.4">
      <c r="A12926">
        <v>3500213</v>
      </c>
      <c r="B12926" t="s">
        <v>1636</v>
      </c>
      <c r="C12926" t="s">
        <v>11635</v>
      </c>
      <c r="D12926" t="s">
        <v>730</v>
      </c>
    </row>
    <row r="12927" spans="1:4" x14ac:dyDescent="0.4">
      <c r="A12927">
        <v>3500217</v>
      </c>
      <c r="B12927" t="s">
        <v>1636</v>
      </c>
      <c r="C12927" t="s">
        <v>11635</v>
      </c>
      <c r="D12927" t="s">
        <v>353</v>
      </c>
    </row>
    <row r="12928" spans="1:4" x14ac:dyDescent="0.4">
      <c r="A12928">
        <v>3500261</v>
      </c>
      <c r="B12928" t="s">
        <v>1636</v>
      </c>
      <c r="C12928" t="s">
        <v>11635</v>
      </c>
      <c r="D12928" t="s">
        <v>11650</v>
      </c>
    </row>
    <row r="12929" spans="1:4" x14ac:dyDescent="0.4">
      <c r="A12929">
        <v>3500235</v>
      </c>
      <c r="B12929" t="s">
        <v>1636</v>
      </c>
      <c r="C12929" t="s">
        <v>11635</v>
      </c>
      <c r="D12929" t="s">
        <v>9327</v>
      </c>
    </row>
    <row r="12930" spans="1:4" x14ac:dyDescent="0.4">
      <c r="A12930">
        <v>3500211</v>
      </c>
      <c r="B12930" t="s">
        <v>1636</v>
      </c>
      <c r="C12930" t="s">
        <v>11635</v>
      </c>
      <c r="D12930" t="s">
        <v>680</v>
      </c>
    </row>
    <row r="12931" spans="1:4" x14ac:dyDescent="0.4">
      <c r="A12931">
        <v>3500222</v>
      </c>
      <c r="B12931" t="s">
        <v>1636</v>
      </c>
      <c r="C12931" t="s">
        <v>11635</v>
      </c>
      <c r="D12931" t="s">
        <v>4199</v>
      </c>
    </row>
    <row r="12932" spans="1:4" x14ac:dyDescent="0.4">
      <c r="A12932">
        <v>3500255</v>
      </c>
      <c r="B12932" t="s">
        <v>1636</v>
      </c>
      <c r="C12932" t="s">
        <v>11635</v>
      </c>
      <c r="D12932" t="s">
        <v>11651</v>
      </c>
    </row>
    <row r="12933" spans="1:4" x14ac:dyDescent="0.4">
      <c r="A12933">
        <v>3500278</v>
      </c>
      <c r="B12933" t="s">
        <v>1636</v>
      </c>
      <c r="C12933" t="s">
        <v>11635</v>
      </c>
      <c r="D12933" t="s">
        <v>11652</v>
      </c>
    </row>
    <row r="12934" spans="1:4" x14ac:dyDescent="0.4">
      <c r="A12934">
        <v>3500272</v>
      </c>
      <c r="B12934" t="s">
        <v>1636</v>
      </c>
      <c r="C12934" t="s">
        <v>11635</v>
      </c>
      <c r="D12934" t="s">
        <v>3363</v>
      </c>
    </row>
    <row r="12935" spans="1:4" x14ac:dyDescent="0.4">
      <c r="A12935">
        <v>3500215</v>
      </c>
      <c r="B12935" t="s">
        <v>1636</v>
      </c>
      <c r="C12935" t="s">
        <v>11635</v>
      </c>
      <c r="D12935" t="s">
        <v>11653</v>
      </c>
    </row>
    <row r="12936" spans="1:4" x14ac:dyDescent="0.4">
      <c r="A12936">
        <v>3500256</v>
      </c>
      <c r="B12936" t="s">
        <v>1636</v>
      </c>
      <c r="C12936" t="s">
        <v>11635</v>
      </c>
      <c r="D12936" t="s">
        <v>11654</v>
      </c>
    </row>
    <row r="12937" spans="1:4" x14ac:dyDescent="0.4">
      <c r="A12937">
        <v>3500264</v>
      </c>
      <c r="B12937" t="s">
        <v>1636</v>
      </c>
      <c r="C12937" t="s">
        <v>11635</v>
      </c>
      <c r="D12937" t="s">
        <v>6740</v>
      </c>
    </row>
    <row r="12938" spans="1:4" x14ac:dyDescent="0.4">
      <c r="A12938">
        <v>3500246</v>
      </c>
      <c r="B12938" t="s">
        <v>1636</v>
      </c>
      <c r="C12938" t="s">
        <v>11635</v>
      </c>
      <c r="D12938" t="s">
        <v>11655</v>
      </c>
    </row>
    <row r="12939" spans="1:4" x14ac:dyDescent="0.4">
      <c r="A12939">
        <v>3500214</v>
      </c>
      <c r="B12939" t="s">
        <v>1636</v>
      </c>
      <c r="C12939" t="s">
        <v>11635</v>
      </c>
      <c r="D12939" t="s">
        <v>2161</v>
      </c>
    </row>
    <row r="12940" spans="1:4" x14ac:dyDescent="0.4">
      <c r="A12940">
        <v>3500209</v>
      </c>
      <c r="B12940" t="s">
        <v>1636</v>
      </c>
      <c r="C12940" t="s">
        <v>11635</v>
      </c>
      <c r="D12940" t="s">
        <v>6036</v>
      </c>
    </row>
    <row r="12941" spans="1:4" x14ac:dyDescent="0.4">
      <c r="A12941">
        <v>3500251</v>
      </c>
      <c r="B12941" t="s">
        <v>1636</v>
      </c>
      <c r="C12941" t="s">
        <v>11635</v>
      </c>
      <c r="D12941" t="s">
        <v>3859</v>
      </c>
    </row>
    <row r="12942" spans="1:4" x14ac:dyDescent="0.4">
      <c r="A12942">
        <v>3500241</v>
      </c>
      <c r="B12942" t="s">
        <v>1636</v>
      </c>
      <c r="C12942" t="s">
        <v>11635</v>
      </c>
      <c r="D12942" t="s">
        <v>3931</v>
      </c>
    </row>
    <row r="12943" spans="1:4" x14ac:dyDescent="0.4">
      <c r="A12943">
        <v>3500276</v>
      </c>
      <c r="B12943" t="s">
        <v>1636</v>
      </c>
      <c r="C12943" t="s">
        <v>11635</v>
      </c>
      <c r="D12943" t="s">
        <v>11656</v>
      </c>
    </row>
    <row r="12944" spans="1:4" x14ac:dyDescent="0.4">
      <c r="A12944">
        <v>3500208</v>
      </c>
      <c r="B12944" t="s">
        <v>1636</v>
      </c>
      <c r="C12944" t="s">
        <v>11635</v>
      </c>
      <c r="D12944" t="s">
        <v>11657</v>
      </c>
    </row>
    <row r="12945" spans="1:4" x14ac:dyDescent="0.4">
      <c r="A12945">
        <v>3500206</v>
      </c>
      <c r="B12945" t="s">
        <v>1636</v>
      </c>
      <c r="C12945" t="s">
        <v>11635</v>
      </c>
      <c r="D12945" t="s">
        <v>11658</v>
      </c>
    </row>
    <row r="12946" spans="1:4" x14ac:dyDescent="0.4">
      <c r="A12946">
        <v>3500252</v>
      </c>
      <c r="B12946" t="s">
        <v>1636</v>
      </c>
      <c r="C12946" t="s">
        <v>11635</v>
      </c>
      <c r="D12946" t="s">
        <v>191</v>
      </c>
    </row>
    <row r="12947" spans="1:4" x14ac:dyDescent="0.4">
      <c r="A12947">
        <v>3500227</v>
      </c>
      <c r="B12947" t="s">
        <v>1636</v>
      </c>
      <c r="C12947" t="s">
        <v>11635</v>
      </c>
      <c r="D12947" t="s">
        <v>802</v>
      </c>
    </row>
    <row r="12948" spans="1:4" x14ac:dyDescent="0.4">
      <c r="A12948">
        <v>3500232</v>
      </c>
      <c r="B12948" t="s">
        <v>1636</v>
      </c>
      <c r="C12948" t="s">
        <v>11635</v>
      </c>
      <c r="D12948" t="s">
        <v>11659</v>
      </c>
    </row>
    <row r="12949" spans="1:4" x14ac:dyDescent="0.4">
      <c r="A12949">
        <v>3500265</v>
      </c>
      <c r="B12949" t="s">
        <v>1636</v>
      </c>
      <c r="C12949" t="s">
        <v>11635</v>
      </c>
      <c r="D12949" t="s">
        <v>2164</v>
      </c>
    </row>
    <row r="12950" spans="1:4" x14ac:dyDescent="0.4">
      <c r="A12950">
        <v>3500262</v>
      </c>
      <c r="B12950" t="s">
        <v>1636</v>
      </c>
      <c r="C12950" t="s">
        <v>11635</v>
      </c>
      <c r="D12950" t="s">
        <v>1493</v>
      </c>
    </row>
    <row r="12951" spans="1:4" x14ac:dyDescent="0.4">
      <c r="A12951">
        <v>3500247</v>
      </c>
      <c r="B12951" t="s">
        <v>1636</v>
      </c>
      <c r="C12951" t="s">
        <v>11635</v>
      </c>
      <c r="D12951" t="s">
        <v>11660</v>
      </c>
    </row>
    <row r="12952" spans="1:4" x14ac:dyDescent="0.4">
      <c r="A12952">
        <v>3500269</v>
      </c>
      <c r="B12952" t="s">
        <v>1636</v>
      </c>
      <c r="C12952" t="s">
        <v>11635</v>
      </c>
      <c r="D12952" t="s">
        <v>11661</v>
      </c>
    </row>
    <row r="12953" spans="1:4" x14ac:dyDescent="0.4">
      <c r="A12953">
        <v>3500236</v>
      </c>
      <c r="B12953" t="s">
        <v>1636</v>
      </c>
      <c r="C12953" t="s">
        <v>11635</v>
      </c>
      <c r="D12953" t="s">
        <v>11662</v>
      </c>
    </row>
    <row r="12954" spans="1:4" x14ac:dyDescent="0.4">
      <c r="A12954">
        <v>3500205</v>
      </c>
      <c r="B12954" t="s">
        <v>1636</v>
      </c>
      <c r="C12954" t="s">
        <v>11635</v>
      </c>
      <c r="D12954" t="s">
        <v>11663</v>
      </c>
    </row>
    <row r="12955" spans="1:4" x14ac:dyDescent="0.4">
      <c r="A12955">
        <v>3500277</v>
      </c>
      <c r="B12955" t="s">
        <v>1636</v>
      </c>
      <c r="C12955" t="s">
        <v>11635</v>
      </c>
      <c r="D12955" t="s">
        <v>7031</v>
      </c>
    </row>
    <row r="12956" spans="1:4" x14ac:dyDescent="0.4">
      <c r="A12956">
        <v>3500225</v>
      </c>
      <c r="B12956" t="s">
        <v>1636</v>
      </c>
      <c r="C12956" t="s">
        <v>11635</v>
      </c>
      <c r="D12956" t="s">
        <v>206</v>
      </c>
    </row>
    <row r="12957" spans="1:4" x14ac:dyDescent="0.4">
      <c r="A12957">
        <v>3500263</v>
      </c>
      <c r="B12957" t="s">
        <v>1636</v>
      </c>
      <c r="C12957" t="s">
        <v>11635</v>
      </c>
      <c r="D12957" t="s">
        <v>2033</v>
      </c>
    </row>
    <row r="12958" spans="1:4" x14ac:dyDescent="0.4">
      <c r="A12958">
        <v>3500226</v>
      </c>
      <c r="B12958" t="s">
        <v>1636</v>
      </c>
      <c r="C12958" t="s">
        <v>11635</v>
      </c>
      <c r="D12958" t="s">
        <v>403</v>
      </c>
    </row>
    <row r="12959" spans="1:4" x14ac:dyDescent="0.4">
      <c r="A12959">
        <v>3500274</v>
      </c>
      <c r="B12959" t="s">
        <v>1636</v>
      </c>
      <c r="C12959" t="s">
        <v>11635</v>
      </c>
      <c r="D12959" t="s">
        <v>11664</v>
      </c>
    </row>
    <row r="12960" spans="1:4" x14ac:dyDescent="0.4">
      <c r="A12960">
        <v>3500234</v>
      </c>
      <c r="B12960" t="s">
        <v>1636</v>
      </c>
      <c r="C12960" t="s">
        <v>11635</v>
      </c>
      <c r="D12960" t="s">
        <v>1611</v>
      </c>
    </row>
    <row r="12961" spans="1:4" x14ac:dyDescent="0.4">
      <c r="A12961">
        <v>3500233</v>
      </c>
      <c r="B12961" t="s">
        <v>1636</v>
      </c>
      <c r="C12961" t="s">
        <v>11635</v>
      </c>
      <c r="D12961" t="s">
        <v>1615</v>
      </c>
    </row>
    <row r="12962" spans="1:4" x14ac:dyDescent="0.4">
      <c r="A12962">
        <v>3500228</v>
      </c>
      <c r="B12962" t="s">
        <v>1636</v>
      </c>
      <c r="C12962" t="s">
        <v>11635</v>
      </c>
      <c r="D12962" t="s">
        <v>1841</v>
      </c>
    </row>
    <row r="12963" spans="1:4" x14ac:dyDescent="0.4">
      <c r="A12963">
        <v>3500244</v>
      </c>
      <c r="B12963" t="s">
        <v>1636</v>
      </c>
      <c r="C12963" t="s">
        <v>11635</v>
      </c>
      <c r="D12963" t="s">
        <v>6772</v>
      </c>
    </row>
    <row r="12964" spans="1:4" x14ac:dyDescent="0.4">
      <c r="A12964">
        <v>3500229</v>
      </c>
      <c r="B12964" t="s">
        <v>1636</v>
      </c>
      <c r="C12964" t="s">
        <v>11635</v>
      </c>
      <c r="D12964" t="s">
        <v>11208</v>
      </c>
    </row>
    <row r="12965" spans="1:4" x14ac:dyDescent="0.4">
      <c r="A12965">
        <v>3500216</v>
      </c>
      <c r="B12965" t="s">
        <v>1636</v>
      </c>
      <c r="C12965" t="s">
        <v>11635</v>
      </c>
      <c r="D12965" t="s">
        <v>2529</v>
      </c>
    </row>
    <row r="12966" spans="1:4" x14ac:dyDescent="0.4">
      <c r="A12966">
        <v>3500223</v>
      </c>
      <c r="B12966" t="s">
        <v>1636</v>
      </c>
      <c r="C12966" t="s">
        <v>11635</v>
      </c>
      <c r="D12966" t="s">
        <v>2067</v>
      </c>
    </row>
    <row r="12967" spans="1:4" x14ac:dyDescent="0.4">
      <c r="A12967">
        <v>3500224</v>
      </c>
      <c r="B12967" t="s">
        <v>1636</v>
      </c>
      <c r="C12967" t="s">
        <v>11635</v>
      </c>
      <c r="D12967" t="s">
        <v>1626</v>
      </c>
    </row>
    <row r="12968" spans="1:4" x14ac:dyDescent="0.4">
      <c r="A12968">
        <v>3500203</v>
      </c>
      <c r="B12968" t="s">
        <v>1636</v>
      </c>
      <c r="C12968" t="s">
        <v>11635</v>
      </c>
      <c r="D12968" t="s">
        <v>11665</v>
      </c>
    </row>
    <row r="12969" spans="1:4" x14ac:dyDescent="0.4">
      <c r="A12969">
        <v>3500245</v>
      </c>
      <c r="B12969" t="s">
        <v>1636</v>
      </c>
      <c r="C12969" t="s">
        <v>11635</v>
      </c>
      <c r="D12969" t="s">
        <v>11666</v>
      </c>
    </row>
    <row r="12970" spans="1:4" x14ac:dyDescent="0.4">
      <c r="A12970">
        <v>3400100</v>
      </c>
      <c r="B12970" t="s">
        <v>1636</v>
      </c>
      <c r="C12970" t="s">
        <v>11667</v>
      </c>
    </row>
    <row r="12971" spans="1:4" x14ac:dyDescent="0.4">
      <c r="A12971">
        <v>3400103</v>
      </c>
      <c r="B12971" t="s">
        <v>1636</v>
      </c>
      <c r="C12971" t="s">
        <v>11667</v>
      </c>
      <c r="D12971" t="s">
        <v>11668</v>
      </c>
    </row>
    <row r="12972" spans="1:4" x14ac:dyDescent="0.4">
      <c r="A12972">
        <v>3400104</v>
      </c>
      <c r="B12972" t="s">
        <v>1636</v>
      </c>
      <c r="C12972" t="s">
        <v>11667</v>
      </c>
      <c r="D12972" t="s">
        <v>11669</v>
      </c>
    </row>
    <row r="12973" spans="1:4" x14ac:dyDescent="0.4">
      <c r="A12973">
        <v>3400164</v>
      </c>
      <c r="B12973" t="s">
        <v>1636</v>
      </c>
      <c r="C12973" t="s">
        <v>11667</v>
      </c>
      <c r="D12973" t="s">
        <v>11670</v>
      </c>
    </row>
    <row r="12974" spans="1:4" x14ac:dyDescent="0.4">
      <c r="A12974">
        <v>3400124</v>
      </c>
      <c r="B12974" t="s">
        <v>1636</v>
      </c>
      <c r="C12974" t="s">
        <v>11667</v>
      </c>
      <c r="D12974" t="s">
        <v>11671</v>
      </c>
    </row>
    <row r="12975" spans="1:4" x14ac:dyDescent="0.4">
      <c r="A12975">
        <v>3400146</v>
      </c>
      <c r="B12975" t="s">
        <v>1636</v>
      </c>
      <c r="C12975" t="s">
        <v>11667</v>
      </c>
      <c r="D12975" t="s">
        <v>11672</v>
      </c>
    </row>
    <row r="12976" spans="1:4" x14ac:dyDescent="0.4">
      <c r="A12976">
        <v>3400155</v>
      </c>
      <c r="B12976" t="s">
        <v>1636</v>
      </c>
      <c r="C12976" t="s">
        <v>11667</v>
      </c>
      <c r="D12976" t="s">
        <v>674</v>
      </c>
    </row>
    <row r="12977" spans="1:4" x14ac:dyDescent="0.4">
      <c r="A12977">
        <v>3400121</v>
      </c>
      <c r="B12977" t="s">
        <v>1636</v>
      </c>
      <c r="C12977" t="s">
        <v>11667</v>
      </c>
      <c r="D12977" t="s">
        <v>11673</v>
      </c>
    </row>
    <row r="12978" spans="1:4" x14ac:dyDescent="0.4">
      <c r="A12978">
        <v>3400111</v>
      </c>
      <c r="B12978" t="s">
        <v>1636</v>
      </c>
      <c r="C12978" t="s">
        <v>11667</v>
      </c>
      <c r="D12978" t="s">
        <v>3561</v>
      </c>
    </row>
    <row r="12979" spans="1:4" x14ac:dyDescent="0.4">
      <c r="A12979">
        <v>3400123</v>
      </c>
      <c r="B12979" t="s">
        <v>1636</v>
      </c>
      <c r="C12979" t="s">
        <v>11667</v>
      </c>
      <c r="D12979" t="s">
        <v>11674</v>
      </c>
    </row>
    <row r="12980" spans="1:4" x14ac:dyDescent="0.4">
      <c r="A12980">
        <v>3400112</v>
      </c>
      <c r="B12980" t="s">
        <v>1636</v>
      </c>
      <c r="C12980" t="s">
        <v>11667</v>
      </c>
      <c r="D12980" t="s">
        <v>3894</v>
      </c>
    </row>
    <row r="12981" spans="1:4" x14ac:dyDescent="0.4">
      <c r="A12981">
        <v>3400154</v>
      </c>
      <c r="B12981" t="s">
        <v>1636</v>
      </c>
      <c r="C12981" t="s">
        <v>11667</v>
      </c>
      <c r="D12981" t="s">
        <v>730</v>
      </c>
    </row>
    <row r="12982" spans="1:4" x14ac:dyDescent="0.4">
      <c r="A12982">
        <v>3400113</v>
      </c>
      <c r="B12982" t="s">
        <v>1636</v>
      </c>
      <c r="C12982" t="s">
        <v>11667</v>
      </c>
      <c r="D12982" t="s">
        <v>11675</v>
      </c>
    </row>
    <row r="12983" spans="1:4" x14ac:dyDescent="0.4">
      <c r="A12983">
        <v>3400125</v>
      </c>
      <c r="B12983" t="s">
        <v>1636</v>
      </c>
      <c r="C12983" t="s">
        <v>11667</v>
      </c>
      <c r="D12983" t="s">
        <v>11676</v>
      </c>
    </row>
    <row r="12984" spans="1:4" x14ac:dyDescent="0.4">
      <c r="A12984">
        <v>3400162</v>
      </c>
      <c r="B12984" t="s">
        <v>1636</v>
      </c>
      <c r="C12984" t="s">
        <v>11667</v>
      </c>
      <c r="D12984" t="s">
        <v>5878</v>
      </c>
    </row>
    <row r="12985" spans="1:4" x14ac:dyDescent="0.4">
      <c r="A12985">
        <v>3400126</v>
      </c>
      <c r="B12985" t="s">
        <v>1636</v>
      </c>
      <c r="C12985" t="s">
        <v>11667</v>
      </c>
      <c r="D12985" t="s">
        <v>11677</v>
      </c>
    </row>
    <row r="12986" spans="1:4" x14ac:dyDescent="0.4">
      <c r="A12986">
        <v>3400122</v>
      </c>
      <c r="B12986" t="s">
        <v>1636</v>
      </c>
      <c r="C12986" t="s">
        <v>11667</v>
      </c>
      <c r="D12986" t="s">
        <v>11678</v>
      </c>
    </row>
    <row r="12987" spans="1:4" x14ac:dyDescent="0.4">
      <c r="A12987">
        <v>3400133</v>
      </c>
      <c r="B12987" t="s">
        <v>1636</v>
      </c>
      <c r="C12987" t="s">
        <v>11667</v>
      </c>
      <c r="D12987" t="s">
        <v>11679</v>
      </c>
    </row>
    <row r="12988" spans="1:4" x14ac:dyDescent="0.4">
      <c r="A12988">
        <v>3400101</v>
      </c>
      <c r="B12988" t="s">
        <v>1636</v>
      </c>
      <c r="C12988" t="s">
        <v>11667</v>
      </c>
      <c r="D12988" t="s">
        <v>11680</v>
      </c>
    </row>
    <row r="12989" spans="1:4" x14ac:dyDescent="0.4">
      <c r="A12989">
        <v>3400102</v>
      </c>
      <c r="B12989" t="s">
        <v>1636</v>
      </c>
      <c r="C12989" t="s">
        <v>11667</v>
      </c>
      <c r="D12989" t="s">
        <v>11681</v>
      </c>
    </row>
    <row r="12990" spans="1:4" x14ac:dyDescent="0.4">
      <c r="A12990">
        <v>3400161</v>
      </c>
      <c r="B12990" t="s">
        <v>1636</v>
      </c>
      <c r="C12990" t="s">
        <v>11667</v>
      </c>
      <c r="D12990" t="s">
        <v>11682</v>
      </c>
    </row>
    <row r="12991" spans="1:4" x14ac:dyDescent="0.4">
      <c r="A12991">
        <v>3400152</v>
      </c>
      <c r="B12991" t="s">
        <v>1636</v>
      </c>
      <c r="C12991" t="s">
        <v>11667</v>
      </c>
      <c r="D12991" t="s">
        <v>11683</v>
      </c>
    </row>
    <row r="12992" spans="1:4" x14ac:dyDescent="0.4">
      <c r="A12992">
        <v>3400144</v>
      </c>
      <c r="B12992" t="s">
        <v>1636</v>
      </c>
      <c r="C12992" t="s">
        <v>11667</v>
      </c>
      <c r="D12992" t="s">
        <v>11684</v>
      </c>
    </row>
    <row r="12993" spans="1:4" x14ac:dyDescent="0.4">
      <c r="A12993">
        <v>3400115</v>
      </c>
      <c r="B12993" t="s">
        <v>1636</v>
      </c>
      <c r="C12993" t="s">
        <v>11667</v>
      </c>
      <c r="D12993" t="s">
        <v>2025</v>
      </c>
    </row>
    <row r="12994" spans="1:4" x14ac:dyDescent="0.4">
      <c r="A12994">
        <v>3400163</v>
      </c>
      <c r="B12994" t="s">
        <v>1636</v>
      </c>
      <c r="C12994" t="s">
        <v>11667</v>
      </c>
      <c r="D12994" t="s">
        <v>11685</v>
      </c>
    </row>
    <row r="12995" spans="1:4" x14ac:dyDescent="0.4">
      <c r="A12995">
        <v>3400132</v>
      </c>
      <c r="B12995" t="s">
        <v>1636</v>
      </c>
      <c r="C12995" t="s">
        <v>11667</v>
      </c>
      <c r="D12995" t="s">
        <v>192</v>
      </c>
    </row>
    <row r="12996" spans="1:4" x14ac:dyDescent="0.4">
      <c r="A12996">
        <v>3400142</v>
      </c>
      <c r="B12996" t="s">
        <v>1636</v>
      </c>
      <c r="C12996" t="s">
        <v>11667</v>
      </c>
      <c r="D12996" t="s">
        <v>194</v>
      </c>
    </row>
    <row r="12997" spans="1:4" x14ac:dyDescent="0.4">
      <c r="A12997">
        <v>3400143</v>
      </c>
      <c r="B12997" t="s">
        <v>1636</v>
      </c>
      <c r="C12997" t="s">
        <v>11667</v>
      </c>
      <c r="D12997" t="s">
        <v>11686</v>
      </c>
    </row>
    <row r="12998" spans="1:4" x14ac:dyDescent="0.4">
      <c r="A12998">
        <v>3400116</v>
      </c>
      <c r="B12998" t="s">
        <v>1636</v>
      </c>
      <c r="C12998" t="s">
        <v>11667</v>
      </c>
      <c r="D12998" t="s">
        <v>806</v>
      </c>
    </row>
    <row r="12999" spans="1:4" x14ac:dyDescent="0.4">
      <c r="A12999">
        <v>3400131</v>
      </c>
      <c r="B12999" t="s">
        <v>1636</v>
      </c>
      <c r="C12999" t="s">
        <v>11667</v>
      </c>
      <c r="D12999" t="s">
        <v>11687</v>
      </c>
    </row>
    <row r="13000" spans="1:4" x14ac:dyDescent="0.4">
      <c r="A13000">
        <v>3400134</v>
      </c>
      <c r="B13000" t="s">
        <v>1636</v>
      </c>
      <c r="C13000" t="s">
        <v>11667</v>
      </c>
      <c r="D13000" t="s">
        <v>11688</v>
      </c>
    </row>
    <row r="13001" spans="1:4" x14ac:dyDescent="0.4">
      <c r="A13001">
        <v>3400114</v>
      </c>
      <c r="B13001" t="s">
        <v>1636</v>
      </c>
      <c r="C13001" t="s">
        <v>11667</v>
      </c>
      <c r="D13001" t="s">
        <v>1693</v>
      </c>
    </row>
    <row r="13002" spans="1:4" x14ac:dyDescent="0.4">
      <c r="A13002">
        <v>3400145</v>
      </c>
      <c r="B13002" t="s">
        <v>1636</v>
      </c>
      <c r="C13002" t="s">
        <v>11667</v>
      </c>
      <c r="D13002" t="s">
        <v>11689</v>
      </c>
    </row>
    <row r="13003" spans="1:4" x14ac:dyDescent="0.4">
      <c r="A13003">
        <v>3400141</v>
      </c>
      <c r="B13003" t="s">
        <v>1636</v>
      </c>
      <c r="C13003" t="s">
        <v>11667</v>
      </c>
      <c r="D13003" t="s">
        <v>952</v>
      </c>
    </row>
    <row r="13004" spans="1:4" x14ac:dyDescent="0.4">
      <c r="A13004">
        <v>3400136</v>
      </c>
      <c r="B13004" t="s">
        <v>1636</v>
      </c>
      <c r="C13004" t="s">
        <v>11667</v>
      </c>
      <c r="D13004" t="s">
        <v>4036</v>
      </c>
    </row>
    <row r="13005" spans="1:4" x14ac:dyDescent="0.4">
      <c r="A13005">
        <v>3400135</v>
      </c>
      <c r="B13005" t="s">
        <v>1636</v>
      </c>
      <c r="C13005" t="s">
        <v>11667</v>
      </c>
      <c r="D13005" t="s">
        <v>11690</v>
      </c>
    </row>
    <row r="13006" spans="1:4" x14ac:dyDescent="0.4">
      <c r="A13006">
        <v>3400105</v>
      </c>
      <c r="B13006" t="s">
        <v>1636</v>
      </c>
      <c r="C13006" t="s">
        <v>11667</v>
      </c>
      <c r="D13006" t="s">
        <v>11691</v>
      </c>
    </row>
    <row r="13007" spans="1:4" x14ac:dyDescent="0.4">
      <c r="A13007">
        <v>3400151</v>
      </c>
      <c r="B13007" t="s">
        <v>1636</v>
      </c>
      <c r="C13007" t="s">
        <v>11667</v>
      </c>
      <c r="D13007" t="s">
        <v>508</v>
      </c>
    </row>
    <row r="13008" spans="1:4" x14ac:dyDescent="0.4">
      <c r="A13008">
        <v>3400156</v>
      </c>
      <c r="B13008" t="s">
        <v>1636</v>
      </c>
      <c r="C13008" t="s">
        <v>11667</v>
      </c>
      <c r="D13008" t="s">
        <v>659</v>
      </c>
    </row>
    <row r="13009" spans="1:4" x14ac:dyDescent="0.4">
      <c r="A13009">
        <v>3400153</v>
      </c>
      <c r="B13009" t="s">
        <v>1636</v>
      </c>
      <c r="C13009" t="s">
        <v>11667</v>
      </c>
      <c r="D13009" t="s">
        <v>2069</v>
      </c>
    </row>
    <row r="13010" spans="1:4" x14ac:dyDescent="0.4">
      <c r="A13010">
        <v>3502200</v>
      </c>
      <c r="B13010" t="s">
        <v>1636</v>
      </c>
      <c r="C13010" t="s">
        <v>11692</v>
      </c>
    </row>
    <row r="13011" spans="1:4" x14ac:dyDescent="0.4">
      <c r="A13011">
        <v>3502214</v>
      </c>
      <c r="B13011" t="s">
        <v>1636</v>
      </c>
      <c r="C13011" t="s">
        <v>11692</v>
      </c>
      <c r="D13011" t="s">
        <v>11693</v>
      </c>
    </row>
    <row r="13012" spans="1:4" x14ac:dyDescent="0.4">
      <c r="A13012">
        <v>3502225</v>
      </c>
      <c r="B13012" t="s">
        <v>1636</v>
      </c>
      <c r="C13012" t="s">
        <v>11692</v>
      </c>
      <c r="D13012" t="s">
        <v>4101</v>
      </c>
    </row>
    <row r="13013" spans="1:4" x14ac:dyDescent="0.4">
      <c r="A13013">
        <v>3502203</v>
      </c>
      <c r="B13013" t="s">
        <v>1636</v>
      </c>
      <c r="C13013" t="s">
        <v>11692</v>
      </c>
      <c r="D13013" t="s">
        <v>11694</v>
      </c>
    </row>
    <row r="13014" spans="1:4" x14ac:dyDescent="0.4">
      <c r="A13014">
        <v>3502212</v>
      </c>
      <c r="B13014" t="s">
        <v>1636</v>
      </c>
      <c r="C13014" t="s">
        <v>11692</v>
      </c>
      <c r="D13014" t="s">
        <v>11695</v>
      </c>
    </row>
    <row r="13015" spans="1:4" x14ac:dyDescent="0.4">
      <c r="A13015">
        <v>3502202</v>
      </c>
      <c r="B13015" t="s">
        <v>1636</v>
      </c>
      <c r="C13015" t="s">
        <v>11692</v>
      </c>
      <c r="D13015" t="s">
        <v>11696</v>
      </c>
    </row>
    <row r="13016" spans="1:4" x14ac:dyDescent="0.4">
      <c r="A13016">
        <v>3502222</v>
      </c>
      <c r="B13016" t="s">
        <v>1636</v>
      </c>
      <c r="C13016" t="s">
        <v>11692</v>
      </c>
      <c r="D13016" t="s">
        <v>2198</v>
      </c>
    </row>
    <row r="13017" spans="1:4" x14ac:dyDescent="0.4">
      <c r="A13017">
        <v>3502227</v>
      </c>
      <c r="B13017" t="s">
        <v>1636</v>
      </c>
      <c r="C13017" t="s">
        <v>11692</v>
      </c>
      <c r="D13017" t="s">
        <v>367</v>
      </c>
    </row>
    <row r="13018" spans="1:4" x14ac:dyDescent="0.4">
      <c r="A13018">
        <v>3502213</v>
      </c>
      <c r="B13018" t="s">
        <v>1636</v>
      </c>
      <c r="C13018" t="s">
        <v>11692</v>
      </c>
      <c r="D13018" t="s">
        <v>11697</v>
      </c>
    </row>
    <row r="13019" spans="1:4" x14ac:dyDescent="0.4">
      <c r="A13019">
        <v>3502211</v>
      </c>
      <c r="B13019" t="s">
        <v>1636</v>
      </c>
      <c r="C13019" t="s">
        <v>11692</v>
      </c>
      <c r="D13019" t="s">
        <v>11698</v>
      </c>
    </row>
    <row r="13020" spans="1:4" x14ac:dyDescent="0.4">
      <c r="A13020">
        <v>3502223</v>
      </c>
      <c r="B13020" t="s">
        <v>1636</v>
      </c>
      <c r="C13020" t="s">
        <v>11692</v>
      </c>
      <c r="D13020" t="s">
        <v>440</v>
      </c>
    </row>
    <row r="13021" spans="1:4" x14ac:dyDescent="0.4">
      <c r="A13021">
        <v>3502204</v>
      </c>
      <c r="B13021" t="s">
        <v>1636</v>
      </c>
      <c r="C13021" t="s">
        <v>11692</v>
      </c>
      <c r="D13021" t="s">
        <v>11699</v>
      </c>
    </row>
    <row r="13022" spans="1:4" x14ac:dyDescent="0.4">
      <c r="A13022">
        <v>3502226</v>
      </c>
      <c r="B13022" t="s">
        <v>1636</v>
      </c>
      <c r="C13022" t="s">
        <v>11692</v>
      </c>
      <c r="D13022" t="s">
        <v>8197</v>
      </c>
    </row>
    <row r="13023" spans="1:4" x14ac:dyDescent="0.4">
      <c r="A13023">
        <v>3502221</v>
      </c>
      <c r="B13023" t="s">
        <v>1636</v>
      </c>
      <c r="C13023" t="s">
        <v>11692</v>
      </c>
      <c r="D13023" t="s">
        <v>11700</v>
      </c>
    </row>
    <row r="13024" spans="1:4" x14ac:dyDescent="0.4">
      <c r="A13024">
        <v>3502206</v>
      </c>
      <c r="B13024" t="s">
        <v>1636</v>
      </c>
      <c r="C13024" t="s">
        <v>11692</v>
      </c>
      <c r="D13024" t="s">
        <v>11701</v>
      </c>
    </row>
    <row r="13025" spans="1:4" x14ac:dyDescent="0.4">
      <c r="A13025">
        <v>3502201</v>
      </c>
      <c r="B13025" t="s">
        <v>1636</v>
      </c>
      <c r="C13025" t="s">
        <v>11692</v>
      </c>
      <c r="D13025" t="s">
        <v>207</v>
      </c>
    </row>
    <row r="13026" spans="1:4" x14ac:dyDescent="0.4">
      <c r="A13026">
        <v>3502224</v>
      </c>
      <c r="B13026" t="s">
        <v>1636</v>
      </c>
      <c r="C13026" t="s">
        <v>11692</v>
      </c>
      <c r="D13026" t="s">
        <v>10422</v>
      </c>
    </row>
    <row r="13027" spans="1:4" x14ac:dyDescent="0.4">
      <c r="A13027">
        <v>3502205</v>
      </c>
      <c r="B13027" t="s">
        <v>1636</v>
      </c>
      <c r="C13027" t="s">
        <v>11692</v>
      </c>
      <c r="D13027" t="s">
        <v>11702</v>
      </c>
    </row>
    <row r="13028" spans="1:4" x14ac:dyDescent="0.4">
      <c r="A13028">
        <v>3502217</v>
      </c>
      <c r="B13028" t="s">
        <v>1636</v>
      </c>
      <c r="C13028" t="s">
        <v>11692</v>
      </c>
      <c r="D13028" t="s">
        <v>1704</v>
      </c>
    </row>
    <row r="13029" spans="1:4" x14ac:dyDescent="0.4">
      <c r="A13029">
        <v>3502216</v>
      </c>
      <c r="B13029" t="s">
        <v>1636</v>
      </c>
      <c r="C13029" t="s">
        <v>11692</v>
      </c>
      <c r="D13029" t="s">
        <v>11703</v>
      </c>
    </row>
    <row r="13030" spans="1:4" x14ac:dyDescent="0.4">
      <c r="A13030">
        <v>3502219</v>
      </c>
      <c r="B13030" t="s">
        <v>1636</v>
      </c>
      <c r="C13030" t="s">
        <v>11692</v>
      </c>
      <c r="D13030" t="s">
        <v>11704</v>
      </c>
    </row>
    <row r="13031" spans="1:4" x14ac:dyDescent="0.4">
      <c r="A13031">
        <v>3502215</v>
      </c>
      <c r="B13031" t="s">
        <v>1636</v>
      </c>
      <c r="C13031" t="s">
        <v>11692</v>
      </c>
      <c r="D13031" t="s">
        <v>1615</v>
      </c>
    </row>
    <row r="13032" spans="1:4" x14ac:dyDescent="0.4">
      <c r="A13032">
        <v>3502218</v>
      </c>
      <c r="B13032" t="s">
        <v>1636</v>
      </c>
      <c r="C13032" t="s">
        <v>11692</v>
      </c>
      <c r="D13032" t="s">
        <v>11705</v>
      </c>
    </row>
    <row r="13033" spans="1:4" x14ac:dyDescent="0.4">
      <c r="A13033">
        <v>3501200</v>
      </c>
      <c r="B13033" t="s">
        <v>1636</v>
      </c>
      <c r="C13033" t="s">
        <v>11706</v>
      </c>
    </row>
    <row r="13034" spans="1:4" x14ac:dyDescent="0.4">
      <c r="A13034">
        <v>3501203</v>
      </c>
      <c r="B13034" t="s">
        <v>1636</v>
      </c>
      <c r="C13034" t="s">
        <v>11706</v>
      </c>
      <c r="D13034" t="s">
        <v>2148</v>
      </c>
    </row>
    <row r="13035" spans="1:4" x14ac:dyDescent="0.4">
      <c r="A13035">
        <v>3501225</v>
      </c>
      <c r="B13035" t="s">
        <v>1636</v>
      </c>
      <c r="C13035" t="s">
        <v>11706</v>
      </c>
      <c r="D13035" t="s">
        <v>9192</v>
      </c>
    </row>
    <row r="13036" spans="1:4" x14ac:dyDescent="0.4">
      <c r="A13036">
        <v>3501246</v>
      </c>
      <c r="B13036" t="s">
        <v>1636</v>
      </c>
      <c r="C13036" t="s">
        <v>11706</v>
      </c>
      <c r="D13036" t="s">
        <v>11707</v>
      </c>
    </row>
    <row r="13037" spans="1:4" x14ac:dyDescent="0.4">
      <c r="A13037">
        <v>3501222</v>
      </c>
      <c r="B13037" t="s">
        <v>1636</v>
      </c>
      <c r="C13037" t="s">
        <v>11706</v>
      </c>
      <c r="D13037" t="s">
        <v>11708</v>
      </c>
    </row>
    <row r="13038" spans="1:4" x14ac:dyDescent="0.4">
      <c r="A13038">
        <v>3501227</v>
      </c>
      <c r="B13038" t="s">
        <v>1636</v>
      </c>
      <c r="C13038" t="s">
        <v>11706</v>
      </c>
      <c r="D13038" t="s">
        <v>11709</v>
      </c>
    </row>
    <row r="13039" spans="1:4" x14ac:dyDescent="0.4">
      <c r="A13039">
        <v>3501214</v>
      </c>
      <c r="B13039" t="s">
        <v>1636</v>
      </c>
      <c r="C13039" t="s">
        <v>11706</v>
      </c>
      <c r="D13039" t="s">
        <v>11710</v>
      </c>
    </row>
    <row r="13040" spans="1:4" x14ac:dyDescent="0.4">
      <c r="A13040">
        <v>3501234</v>
      </c>
      <c r="B13040" t="s">
        <v>1636</v>
      </c>
      <c r="C13040" t="s">
        <v>11706</v>
      </c>
      <c r="D13040" t="s">
        <v>11711</v>
      </c>
    </row>
    <row r="13041" spans="1:4" x14ac:dyDescent="0.4">
      <c r="A13041">
        <v>3501231</v>
      </c>
      <c r="B13041" t="s">
        <v>1636</v>
      </c>
      <c r="C13041" t="s">
        <v>11706</v>
      </c>
      <c r="D13041" t="s">
        <v>11712</v>
      </c>
    </row>
    <row r="13042" spans="1:4" x14ac:dyDescent="0.4">
      <c r="A13042">
        <v>3501242</v>
      </c>
      <c r="B13042" t="s">
        <v>1636</v>
      </c>
      <c r="C13042" t="s">
        <v>11706</v>
      </c>
      <c r="D13042" t="s">
        <v>11713</v>
      </c>
    </row>
    <row r="13043" spans="1:4" x14ac:dyDescent="0.4">
      <c r="A13043">
        <v>3501254</v>
      </c>
      <c r="B13043" t="s">
        <v>1636</v>
      </c>
      <c r="C13043" t="s">
        <v>11706</v>
      </c>
      <c r="D13043" t="s">
        <v>648</v>
      </c>
    </row>
    <row r="13044" spans="1:4" x14ac:dyDescent="0.4">
      <c r="A13044">
        <v>3501245</v>
      </c>
      <c r="B13044" t="s">
        <v>1636</v>
      </c>
      <c r="C13044" t="s">
        <v>11706</v>
      </c>
      <c r="D13044" t="s">
        <v>4114</v>
      </c>
    </row>
    <row r="13045" spans="1:4" x14ac:dyDescent="0.4">
      <c r="A13045">
        <v>3501202</v>
      </c>
      <c r="B13045" t="s">
        <v>1636</v>
      </c>
      <c r="C13045" t="s">
        <v>11706</v>
      </c>
      <c r="D13045" t="s">
        <v>11714</v>
      </c>
    </row>
    <row r="13046" spans="1:4" x14ac:dyDescent="0.4">
      <c r="A13046">
        <v>3501251</v>
      </c>
      <c r="B13046" t="s">
        <v>1636</v>
      </c>
      <c r="C13046" t="s">
        <v>11706</v>
      </c>
      <c r="D13046" t="s">
        <v>11715</v>
      </c>
    </row>
    <row r="13047" spans="1:4" x14ac:dyDescent="0.4">
      <c r="A13047">
        <v>3501221</v>
      </c>
      <c r="B13047" t="s">
        <v>1636</v>
      </c>
      <c r="C13047" t="s">
        <v>11706</v>
      </c>
      <c r="D13047" t="s">
        <v>11716</v>
      </c>
    </row>
    <row r="13048" spans="1:4" x14ac:dyDescent="0.4">
      <c r="A13048">
        <v>3501233</v>
      </c>
      <c r="B13048" t="s">
        <v>1636</v>
      </c>
      <c r="C13048" t="s">
        <v>11706</v>
      </c>
      <c r="D13048" t="s">
        <v>11717</v>
      </c>
    </row>
    <row r="13049" spans="1:4" x14ac:dyDescent="0.4">
      <c r="A13049">
        <v>3501212</v>
      </c>
      <c r="B13049" t="s">
        <v>1636</v>
      </c>
      <c r="C13049" t="s">
        <v>11706</v>
      </c>
      <c r="D13049" t="s">
        <v>11718</v>
      </c>
    </row>
    <row r="13050" spans="1:4" x14ac:dyDescent="0.4">
      <c r="A13050">
        <v>3501252</v>
      </c>
      <c r="B13050" t="s">
        <v>1636</v>
      </c>
      <c r="C13050" t="s">
        <v>11706</v>
      </c>
      <c r="D13050" t="s">
        <v>11719</v>
      </c>
    </row>
    <row r="13051" spans="1:4" x14ac:dyDescent="0.4">
      <c r="A13051">
        <v>3501253</v>
      </c>
      <c r="B13051" t="s">
        <v>1636</v>
      </c>
      <c r="C13051" t="s">
        <v>11706</v>
      </c>
      <c r="D13051" t="s">
        <v>3201</v>
      </c>
    </row>
    <row r="13052" spans="1:4" x14ac:dyDescent="0.4">
      <c r="A13052">
        <v>3501247</v>
      </c>
      <c r="B13052" t="s">
        <v>1636</v>
      </c>
      <c r="C13052" t="s">
        <v>11706</v>
      </c>
      <c r="D13052" t="s">
        <v>370</v>
      </c>
    </row>
    <row r="13053" spans="1:4" x14ac:dyDescent="0.4">
      <c r="A13053">
        <v>3501223</v>
      </c>
      <c r="B13053" t="s">
        <v>1636</v>
      </c>
      <c r="C13053" t="s">
        <v>11706</v>
      </c>
      <c r="D13053" t="s">
        <v>11720</v>
      </c>
    </row>
    <row r="13054" spans="1:4" x14ac:dyDescent="0.4">
      <c r="A13054">
        <v>3501213</v>
      </c>
      <c r="B13054" t="s">
        <v>1636</v>
      </c>
      <c r="C13054" t="s">
        <v>11706</v>
      </c>
      <c r="D13054" t="s">
        <v>6739</v>
      </c>
    </row>
    <row r="13055" spans="1:4" x14ac:dyDescent="0.4">
      <c r="A13055">
        <v>3501215</v>
      </c>
      <c r="B13055" t="s">
        <v>1636</v>
      </c>
      <c r="C13055" t="s">
        <v>11706</v>
      </c>
      <c r="D13055" t="s">
        <v>11721</v>
      </c>
    </row>
    <row r="13056" spans="1:4" x14ac:dyDescent="0.4">
      <c r="A13056">
        <v>3501224</v>
      </c>
      <c r="B13056" t="s">
        <v>1636</v>
      </c>
      <c r="C13056" t="s">
        <v>11706</v>
      </c>
      <c r="D13056" t="s">
        <v>6143</v>
      </c>
    </row>
    <row r="13057" spans="1:4" x14ac:dyDescent="0.4">
      <c r="A13057">
        <v>3501201</v>
      </c>
      <c r="B13057" t="s">
        <v>1636</v>
      </c>
      <c r="C13057" t="s">
        <v>11706</v>
      </c>
      <c r="D13057" t="s">
        <v>11722</v>
      </c>
    </row>
    <row r="13058" spans="1:4" x14ac:dyDescent="0.4">
      <c r="A13058">
        <v>3501232</v>
      </c>
      <c r="B13058" t="s">
        <v>1636</v>
      </c>
      <c r="C13058" t="s">
        <v>11706</v>
      </c>
      <c r="D13058" t="s">
        <v>11723</v>
      </c>
    </row>
    <row r="13059" spans="1:4" x14ac:dyDescent="0.4">
      <c r="A13059">
        <v>3501226</v>
      </c>
      <c r="B13059" t="s">
        <v>1636</v>
      </c>
      <c r="C13059" t="s">
        <v>11706</v>
      </c>
      <c r="D13059" t="s">
        <v>2044</v>
      </c>
    </row>
    <row r="13060" spans="1:4" x14ac:dyDescent="0.4">
      <c r="A13060">
        <v>3501243</v>
      </c>
      <c r="B13060" t="s">
        <v>1636</v>
      </c>
      <c r="C13060" t="s">
        <v>11706</v>
      </c>
      <c r="D13060" t="s">
        <v>1493</v>
      </c>
    </row>
    <row r="13061" spans="1:4" x14ac:dyDescent="0.4">
      <c r="A13061">
        <v>3501204</v>
      </c>
      <c r="B13061" t="s">
        <v>1636</v>
      </c>
      <c r="C13061" t="s">
        <v>11706</v>
      </c>
      <c r="D13061" t="s">
        <v>10727</v>
      </c>
    </row>
    <row r="13062" spans="1:4" x14ac:dyDescent="0.4">
      <c r="A13062">
        <v>3501235</v>
      </c>
      <c r="B13062" t="s">
        <v>1636</v>
      </c>
      <c r="C13062" t="s">
        <v>11706</v>
      </c>
      <c r="D13062" t="s">
        <v>11724</v>
      </c>
    </row>
    <row r="13063" spans="1:4" x14ac:dyDescent="0.4">
      <c r="A13063">
        <v>3501244</v>
      </c>
      <c r="B13063" t="s">
        <v>1636</v>
      </c>
      <c r="C13063" t="s">
        <v>11706</v>
      </c>
      <c r="D13063" t="s">
        <v>11725</v>
      </c>
    </row>
    <row r="13064" spans="1:4" x14ac:dyDescent="0.4">
      <c r="A13064">
        <v>3501205</v>
      </c>
      <c r="B13064" t="s">
        <v>1636</v>
      </c>
      <c r="C13064" t="s">
        <v>11706</v>
      </c>
      <c r="D13064" t="s">
        <v>2580</v>
      </c>
    </row>
    <row r="13065" spans="1:4" x14ac:dyDescent="0.4">
      <c r="A13065">
        <v>3501206</v>
      </c>
      <c r="B13065" t="s">
        <v>1636</v>
      </c>
      <c r="C13065" t="s">
        <v>11706</v>
      </c>
      <c r="D13065" t="s">
        <v>11726</v>
      </c>
    </row>
    <row r="13066" spans="1:4" x14ac:dyDescent="0.4">
      <c r="A13066">
        <v>3501255</v>
      </c>
      <c r="B13066" t="s">
        <v>1636</v>
      </c>
      <c r="C13066" t="s">
        <v>11706</v>
      </c>
      <c r="D13066" t="s">
        <v>3409</v>
      </c>
    </row>
    <row r="13067" spans="1:4" x14ac:dyDescent="0.4">
      <c r="A13067">
        <v>3501211</v>
      </c>
      <c r="B13067" t="s">
        <v>1636</v>
      </c>
      <c r="C13067" t="s">
        <v>11706</v>
      </c>
      <c r="D13067" t="s">
        <v>11727</v>
      </c>
    </row>
    <row r="13068" spans="1:4" x14ac:dyDescent="0.4">
      <c r="A13068">
        <v>3501236</v>
      </c>
      <c r="B13068" t="s">
        <v>1636</v>
      </c>
      <c r="C13068" t="s">
        <v>11706</v>
      </c>
      <c r="D13068" t="s">
        <v>11728</v>
      </c>
    </row>
    <row r="13069" spans="1:4" x14ac:dyDescent="0.4">
      <c r="A13069">
        <v>3501241</v>
      </c>
      <c r="B13069" t="s">
        <v>1636</v>
      </c>
      <c r="C13069" t="s">
        <v>11706</v>
      </c>
      <c r="D13069" t="s">
        <v>7326</v>
      </c>
    </row>
    <row r="13070" spans="1:4" x14ac:dyDescent="0.4">
      <c r="A13070">
        <v>3501257</v>
      </c>
      <c r="B13070" t="s">
        <v>1636</v>
      </c>
      <c r="C13070" t="s">
        <v>11706</v>
      </c>
      <c r="D13070" t="s">
        <v>11729</v>
      </c>
    </row>
    <row r="13071" spans="1:4" x14ac:dyDescent="0.4">
      <c r="A13071">
        <v>3420000</v>
      </c>
      <c r="B13071" t="s">
        <v>1636</v>
      </c>
      <c r="C13071" t="s">
        <v>11730</v>
      </c>
    </row>
    <row r="13072" spans="1:4" x14ac:dyDescent="0.4">
      <c r="A13072">
        <v>3420016</v>
      </c>
      <c r="B13072" t="s">
        <v>1636</v>
      </c>
      <c r="C13072" t="s">
        <v>11730</v>
      </c>
      <c r="D13072" t="s">
        <v>11731</v>
      </c>
    </row>
    <row r="13073" spans="1:4" x14ac:dyDescent="0.4">
      <c r="A13073">
        <v>3420008</v>
      </c>
      <c r="B13073" t="s">
        <v>1636</v>
      </c>
      <c r="C13073" t="s">
        <v>11730</v>
      </c>
      <c r="D13073" t="s">
        <v>11732</v>
      </c>
    </row>
    <row r="13074" spans="1:4" x14ac:dyDescent="0.4">
      <c r="A13074">
        <v>3420025</v>
      </c>
      <c r="B13074" t="s">
        <v>1636</v>
      </c>
      <c r="C13074" t="s">
        <v>11730</v>
      </c>
      <c r="D13074" t="s">
        <v>3089</v>
      </c>
    </row>
    <row r="13075" spans="1:4" x14ac:dyDescent="0.4">
      <c r="A13075">
        <v>3420022</v>
      </c>
      <c r="B13075" t="s">
        <v>1636</v>
      </c>
      <c r="C13075" t="s">
        <v>11730</v>
      </c>
      <c r="D13075" t="s">
        <v>2085</v>
      </c>
    </row>
    <row r="13076" spans="1:4" x14ac:dyDescent="0.4">
      <c r="A13076">
        <v>3420001</v>
      </c>
      <c r="B13076" t="s">
        <v>1636</v>
      </c>
      <c r="C13076" t="s">
        <v>11730</v>
      </c>
      <c r="D13076" t="s">
        <v>11733</v>
      </c>
    </row>
    <row r="13077" spans="1:4" x14ac:dyDescent="0.4">
      <c r="A13077">
        <v>3420017</v>
      </c>
      <c r="B13077" t="s">
        <v>1636</v>
      </c>
      <c r="C13077" t="s">
        <v>11730</v>
      </c>
      <c r="D13077" t="s">
        <v>11734</v>
      </c>
    </row>
    <row r="13078" spans="1:4" x14ac:dyDescent="0.4">
      <c r="A13078">
        <v>3420052</v>
      </c>
      <c r="B13078" t="s">
        <v>1636</v>
      </c>
      <c r="C13078" t="s">
        <v>11730</v>
      </c>
      <c r="D13078" t="s">
        <v>11735</v>
      </c>
    </row>
    <row r="13079" spans="1:4" x14ac:dyDescent="0.4">
      <c r="A13079">
        <v>3420051</v>
      </c>
      <c r="B13079" t="s">
        <v>1636</v>
      </c>
      <c r="C13079" t="s">
        <v>11730</v>
      </c>
      <c r="D13079" t="s">
        <v>10897</v>
      </c>
    </row>
    <row r="13080" spans="1:4" x14ac:dyDescent="0.4">
      <c r="A13080">
        <v>3420005</v>
      </c>
      <c r="B13080" t="s">
        <v>1636</v>
      </c>
      <c r="C13080" t="s">
        <v>11730</v>
      </c>
      <c r="D13080" t="s">
        <v>11736</v>
      </c>
    </row>
    <row r="13081" spans="1:4" x14ac:dyDescent="0.4">
      <c r="A13081">
        <v>3420045</v>
      </c>
      <c r="B13081" t="s">
        <v>1636</v>
      </c>
      <c r="C13081" t="s">
        <v>11730</v>
      </c>
      <c r="D13081" t="s">
        <v>11737</v>
      </c>
    </row>
    <row r="13082" spans="1:4" x14ac:dyDescent="0.4">
      <c r="A13082">
        <v>3420044</v>
      </c>
      <c r="B13082" t="s">
        <v>1636</v>
      </c>
      <c r="C13082" t="s">
        <v>11730</v>
      </c>
      <c r="D13082" t="s">
        <v>11738</v>
      </c>
    </row>
    <row r="13083" spans="1:4" x14ac:dyDescent="0.4">
      <c r="A13083">
        <v>3420046</v>
      </c>
      <c r="B13083" t="s">
        <v>1636</v>
      </c>
      <c r="C13083" t="s">
        <v>11730</v>
      </c>
      <c r="D13083" t="s">
        <v>11739</v>
      </c>
    </row>
    <row r="13084" spans="1:4" x14ac:dyDescent="0.4">
      <c r="A13084">
        <v>3420058</v>
      </c>
      <c r="B13084" t="s">
        <v>1636</v>
      </c>
      <c r="C13084" t="s">
        <v>11730</v>
      </c>
      <c r="D13084" t="s">
        <v>11740</v>
      </c>
    </row>
    <row r="13085" spans="1:4" x14ac:dyDescent="0.4">
      <c r="A13085">
        <v>3420043</v>
      </c>
      <c r="B13085" t="s">
        <v>1636</v>
      </c>
      <c r="C13085" t="s">
        <v>11730</v>
      </c>
      <c r="D13085" t="s">
        <v>1486</v>
      </c>
    </row>
    <row r="13086" spans="1:4" x14ac:dyDescent="0.4">
      <c r="A13086">
        <v>3420050</v>
      </c>
      <c r="B13086" t="s">
        <v>1636</v>
      </c>
      <c r="C13086" t="s">
        <v>11730</v>
      </c>
      <c r="D13086" t="s">
        <v>255</v>
      </c>
    </row>
    <row r="13087" spans="1:4" x14ac:dyDescent="0.4">
      <c r="A13087">
        <v>3420023</v>
      </c>
      <c r="B13087" t="s">
        <v>1636</v>
      </c>
      <c r="C13087" t="s">
        <v>11730</v>
      </c>
      <c r="D13087" t="s">
        <v>1380</v>
      </c>
    </row>
    <row r="13088" spans="1:4" x14ac:dyDescent="0.4">
      <c r="A13088">
        <v>3420021</v>
      </c>
      <c r="B13088" t="s">
        <v>1636</v>
      </c>
      <c r="C13088" t="s">
        <v>11730</v>
      </c>
      <c r="D13088" t="s">
        <v>11741</v>
      </c>
    </row>
    <row r="13089" spans="1:4" x14ac:dyDescent="0.4">
      <c r="A13089">
        <v>3420002</v>
      </c>
      <c r="B13089" t="s">
        <v>1636</v>
      </c>
      <c r="C13089" t="s">
        <v>11730</v>
      </c>
      <c r="D13089" t="s">
        <v>11742</v>
      </c>
    </row>
    <row r="13090" spans="1:4" x14ac:dyDescent="0.4">
      <c r="A13090">
        <v>3420007</v>
      </c>
      <c r="B13090" t="s">
        <v>1636</v>
      </c>
      <c r="C13090" t="s">
        <v>11730</v>
      </c>
      <c r="D13090" t="s">
        <v>11743</v>
      </c>
    </row>
    <row r="13091" spans="1:4" x14ac:dyDescent="0.4">
      <c r="A13091">
        <v>3420059</v>
      </c>
      <c r="B13091" t="s">
        <v>1636</v>
      </c>
      <c r="C13091" t="s">
        <v>11730</v>
      </c>
      <c r="D13091" t="s">
        <v>3797</v>
      </c>
    </row>
    <row r="13092" spans="1:4" x14ac:dyDescent="0.4">
      <c r="A13092">
        <v>3420057</v>
      </c>
      <c r="B13092" t="s">
        <v>1636</v>
      </c>
      <c r="C13092" t="s">
        <v>11730</v>
      </c>
      <c r="D13092" t="s">
        <v>3114</v>
      </c>
    </row>
    <row r="13093" spans="1:4" x14ac:dyDescent="0.4">
      <c r="A13093">
        <v>3420053</v>
      </c>
      <c r="B13093" t="s">
        <v>1636</v>
      </c>
      <c r="C13093" t="s">
        <v>11730</v>
      </c>
      <c r="D13093" t="s">
        <v>1850</v>
      </c>
    </row>
    <row r="13094" spans="1:4" x14ac:dyDescent="0.4">
      <c r="A13094">
        <v>3420014</v>
      </c>
      <c r="B13094" t="s">
        <v>1636</v>
      </c>
      <c r="C13094" t="s">
        <v>11730</v>
      </c>
      <c r="D13094" t="s">
        <v>1678</v>
      </c>
    </row>
    <row r="13095" spans="1:4" x14ac:dyDescent="0.4">
      <c r="A13095">
        <v>3420036</v>
      </c>
      <c r="B13095" t="s">
        <v>1636</v>
      </c>
      <c r="C13095" t="s">
        <v>11730</v>
      </c>
      <c r="D13095" t="s">
        <v>11720</v>
      </c>
    </row>
    <row r="13096" spans="1:4" x14ac:dyDescent="0.4">
      <c r="A13096">
        <v>3420035</v>
      </c>
      <c r="B13096" t="s">
        <v>1636</v>
      </c>
      <c r="C13096" t="s">
        <v>11730</v>
      </c>
      <c r="D13096" t="s">
        <v>11744</v>
      </c>
    </row>
    <row r="13097" spans="1:4" x14ac:dyDescent="0.4">
      <c r="A13097">
        <v>3420034</v>
      </c>
      <c r="B13097" t="s">
        <v>1636</v>
      </c>
      <c r="C13097" t="s">
        <v>11730</v>
      </c>
      <c r="D13097" t="s">
        <v>447</v>
      </c>
    </row>
    <row r="13098" spans="1:4" x14ac:dyDescent="0.4">
      <c r="A13098">
        <v>3420026</v>
      </c>
      <c r="B13098" t="s">
        <v>1636</v>
      </c>
      <c r="C13098" t="s">
        <v>11730</v>
      </c>
      <c r="D13098" t="s">
        <v>11745</v>
      </c>
    </row>
    <row r="13099" spans="1:4" x14ac:dyDescent="0.4">
      <c r="A13099">
        <v>3420037</v>
      </c>
      <c r="B13099" t="s">
        <v>1636</v>
      </c>
      <c r="C13099" t="s">
        <v>11730</v>
      </c>
      <c r="D13099" t="s">
        <v>11746</v>
      </c>
    </row>
    <row r="13100" spans="1:4" x14ac:dyDescent="0.4">
      <c r="A13100">
        <v>3420015</v>
      </c>
      <c r="B13100" t="s">
        <v>1636</v>
      </c>
      <c r="C13100" t="s">
        <v>11730</v>
      </c>
      <c r="D13100" t="s">
        <v>1684</v>
      </c>
    </row>
    <row r="13101" spans="1:4" x14ac:dyDescent="0.4">
      <c r="A13101">
        <v>3420047</v>
      </c>
      <c r="B13101" t="s">
        <v>1636</v>
      </c>
      <c r="C13101" t="s">
        <v>11730</v>
      </c>
      <c r="D13101" t="s">
        <v>11747</v>
      </c>
    </row>
    <row r="13102" spans="1:4" x14ac:dyDescent="0.4">
      <c r="A13102">
        <v>3420031</v>
      </c>
      <c r="B13102" t="s">
        <v>1636</v>
      </c>
      <c r="C13102" t="s">
        <v>11730</v>
      </c>
      <c r="D13102" t="s">
        <v>192</v>
      </c>
    </row>
    <row r="13103" spans="1:4" x14ac:dyDescent="0.4">
      <c r="A13103">
        <v>3420033</v>
      </c>
      <c r="B13103" t="s">
        <v>1636</v>
      </c>
      <c r="C13103" t="s">
        <v>11730</v>
      </c>
      <c r="D13103" t="s">
        <v>4346</v>
      </c>
    </row>
    <row r="13104" spans="1:4" x14ac:dyDescent="0.4">
      <c r="A13104">
        <v>3420042</v>
      </c>
      <c r="B13104" t="s">
        <v>1636</v>
      </c>
      <c r="C13104" t="s">
        <v>11730</v>
      </c>
      <c r="D13104" t="s">
        <v>194</v>
      </c>
    </row>
    <row r="13105" spans="1:4" x14ac:dyDescent="0.4">
      <c r="A13105">
        <v>3420004</v>
      </c>
      <c r="B13105" t="s">
        <v>1636</v>
      </c>
      <c r="C13105" t="s">
        <v>11730</v>
      </c>
      <c r="D13105" t="s">
        <v>11748</v>
      </c>
    </row>
    <row r="13106" spans="1:4" x14ac:dyDescent="0.4">
      <c r="A13106">
        <v>3420003</v>
      </c>
      <c r="B13106" t="s">
        <v>1636</v>
      </c>
      <c r="C13106" t="s">
        <v>11730</v>
      </c>
      <c r="D13106" t="s">
        <v>11749</v>
      </c>
    </row>
    <row r="13107" spans="1:4" x14ac:dyDescent="0.4">
      <c r="A13107">
        <v>3420024</v>
      </c>
      <c r="B13107" t="s">
        <v>1636</v>
      </c>
      <c r="C13107" t="s">
        <v>11730</v>
      </c>
      <c r="D13107" t="s">
        <v>11750</v>
      </c>
    </row>
    <row r="13108" spans="1:4" x14ac:dyDescent="0.4">
      <c r="A13108">
        <v>3420012</v>
      </c>
      <c r="B13108" t="s">
        <v>1636</v>
      </c>
      <c r="C13108" t="s">
        <v>11730</v>
      </c>
      <c r="D13108" t="s">
        <v>11751</v>
      </c>
    </row>
    <row r="13109" spans="1:4" x14ac:dyDescent="0.4">
      <c r="A13109">
        <v>3420056</v>
      </c>
      <c r="B13109" t="s">
        <v>1636</v>
      </c>
      <c r="C13109" t="s">
        <v>11730</v>
      </c>
      <c r="D13109" t="s">
        <v>6539</v>
      </c>
    </row>
    <row r="13110" spans="1:4" x14ac:dyDescent="0.4">
      <c r="A13110">
        <v>3420011</v>
      </c>
      <c r="B13110" t="s">
        <v>1636</v>
      </c>
      <c r="C13110" t="s">
        <v>11730</v>
      </c>
      <c r="D13110" t="s">
        <v>651</v>
      </c>
    </row>
    <row r="13111" spans="1:4" x14ac:dyDescent="0.4">
      <c r="A13111">
        <v>3420032</v>
      </c>
      <c r="B13111" t="s">
        <v>1636</v>
      </c>
      <c r="C13111" t="s">
        <v>11730</v>
      </c>
      <c r="D13111" t="s">
        <v>11752</v>
      </c>
    </row>
    <row r="13112" spans="1:4" x14ac:dyDescent="0.4">
      <c r="A13112">
        <v>3420041</v>
      </c>
      <c r="B13112" t="s">
        <v>1636</v>
      </c>
      <c r="C13112" t="s">
        <v>11730</v>
      </c>
      <c r="D13112" t="s">
        <v>11753</v>
      </c>
    </row>
    <row r="13113" spans="1:4" x14ac:dyDescent="0.4">
      <c r="A13113">
        <v>3420006</v>
      </c>
      <c r="B13113" t="s">
        <v>1636</v>
      </c>
      <c r="C13113" t="s">
        <v>11730</v>
      </c>
      <c r="D13113" t="s">
        <v>11754</v>
      </c>
    </row>
    <row r="13114" spans="1:4" x14ac:dyDescent="0.4">
      <c r="A13114">
        <v>3420027</v>
      </c>
      <c r="B13114" t="s">
        <v>1636</v>
      </c>
      <c r="C13114" t="s">
        <v>11730</v>
      </c>
      <c r="D13114" t="s">
        <v>11755</v>
      </c>
    </row>
    <row r="13115" spans="1:4" x14ac:dyDescent="0.4">
      <c r="A13115">
        <v>3420055</v>
      </c>
      <c r="B13115" t="s">
        <v>1636</v>
      </c>
      <c r="C13115" t="s">
        <v>11730</v>
      </c>
      <c r="D13115" t="s">
        <v>5239</v>
      </c>
    </row>
    <row r="13116" spans="1:4" x14ac:dyDescent="0.4">
      <c r="A13116">
        <v>3420054</v>
      </c>
      <c r="B13116" t="s">
        <v>1636</v>
      </c>
      <c r="C13116" t="s">
        <v>11730</v>
      </c>
      <c r="D13116" t="s">
        <v>11756</v>
      </c>
    </row>
    <row r="13117" spans="1:4" x14ac:dyDescent="0.4">
      <c r="A13117">
        <v>3420013</v>
      </c>
      <c r="B13117" t="s">
        <v>1636</v>
      </c>
      <c r="C13117" t="s">
        <v>11730</v>
      </c>
      <c r="D13117" t="s">
        <v>11757</v>
      </c>
    </row>
    <row r="13118" spans="1:4" x14ac:dyDescent="0.4">
      <c r="A13118">
        <v>3560000</v>
      </c>
      <c r="B13118" t="s">
        <v>1636</v>
      </c>
      <c r="C13118" t="s">
        <v>11758</v>
      </c>
    </row>
    <row r="13119" spans="1:4" x14ac:dyDescent="0.4">
      <c r="A13119">
        <v>3560055</v>
      </c>
      <c r="B13119" t="s">
        <v>1636</v>
      </c>
      <c r="C13119" t="s">
        <v>11758</v>
      </c>
      <c r="D13119" t="s">
        <v>11732</v>
      </c>
    </row>
    <row r="13120" spans="1:4" x14ac:dyDescent="0.4">
      <c r="A13120">
        <v>3560019</v>
      </c>
      <c r="B13120" t="s">
        <v>1636</v>
      </c>
      <c r="C13120" t="s">
        <v>11758</v>
      </c>
      <c r="D13120" t="s">
        <v>2276</v>
      </c>
    </row>
    <row r="13121" spans="1:4" x14ac:dyDescent="0.4">
      <c r="A13121">
        <v>3560057</v>
      </c>
      <c r="B13121" t="s">
        <v>1636</v>
      </c>
      <c r="C13121" t="s">
        <v>11758</v>
      </c>
      <c r="D13121" t="s">
        <v>11759</v>
      </c>
    </row>
    <row r="13122" spans="1:4" x14ac:dyDescent="0.4">
      <c r="A13122">
        <v>3560017</v>
      </c>
      <c r="B13122" t="s">
        <v>1636</v>
      </c>
      <c r="C13122" t="s">
        <v>11758</v>
      </c>
      <c r="D13122" t="s">
        <v>1716</v>
      </c>
    </row>
    <row r="13123" spans="1:4" x14ac:dyDescent="0.4">
      <c r="A13123">
        <v>3560021</v>
      </c>
      <c r="B13123" t="s">
        <v>1636</v>
      </c>
      <c r="C13123" t="s">
        <v>11758</v>
      </c>
      <c r="D13123" t="s">
        <v>11760</v>
      </c>
    </row>
    <row r="13124" spans="1:4" x14ac:dyDescent="0.4">
      <c r="A13124">
        <v>3560056</v>
      </c>
      <c r="B13124" t="s">
        <v>1636</v>
      </c>
      <c r="C13124" t="s">
        <v>11758</v>
      </c>
      <c r="D13124" t="s">
        <v>11761</v>
      </c>
    </row>
    <row r="13125" spans="1:4" x14ac:dyDescent="0.4">
      <c r="A13125">
        <v>3560053</v>
      </c>
      <c r="B13125" t="s">
        <v>1636</v>
      </c>
      <c r="C13125" t="s">
        <v>11758</v>
      </c>
      <c r="D13125" t="s">
        <v>2716</v>
      </c>
    </row>
    <row r="13126" spans="1:4" x14ac:dyDescent="0.4">
      <c r="A13126">
        <v>3560058</v>
      </c>
      <c r="B13126" t="s">
        <v>1636</v>
      </c>
      <c r="C13126" t="s">
        <v>11758</v>
      </c>
      <c r="D13126" t="s">
        <v>11762</v>
      </c>
    </row>
    <row r="13127" spans="1:4" x14ac:dyDescent="0.4">
      <c r="A13127">
        <v>3560054</v>
      </c>
      <c r="B13127" t="s">
        <v>1636</v>
      </c>
      <c r="C13127" t="s">
        <v>11758</v>
      </c>
      <c r="D13127" t="s">
        <v>11763</v>
      </c>
    </row>
    <row r="13128" spans="1:4" x14ac:dyDescent="0.4">
      <c r="A13128">
        <v>3560003</v>
      </c>
      <c r="B13128" t="s">
        <v>1636</v>
      </c>
      <c r="C13128" t="s">
        <v>11758</v>
      </c>
      <c r="D13128" t="s">
        <v>1827</v>
      </c>
    </row>
    <row r="13129" spans="1:4" x14ac:dyDescent="0.4">
      <c r="A13129">
        <v>3560006</v>
      </c>
      <c r="B13129" t="s">
        <v>1636</v>
      </c>
      <c r="C13129" t="s">
        <v>11758</v>
      </c>
      <c r="D13129" t="s">
        <v>8795</v>
      </c>
    </row>
    <row r="13130" spans="1:4" x14ac:dyDescent="0.4">
      <c r="A13130">
        <v>3560004</v>
      </c>
      <c r="B13130" t="s">
        <v>1636</v>
      </c>
      <c r="C13130" t="s">
        <v>11758</v>
      </c>
      <c r="D13130" t="s">
        <v>11764</v>
      </c>
    </row>
    <row r="13131" spans="1:4" x14ac:dyDescent="0.4">
      <c r="A13131">
        <v>3560051</v>
      </c>
      <c r="B13131" t="s">
        <v>1636</v>
      </c>
      <c r="C13131" t="s">
        <v>11758</v>
      </c>
      <c r="D13131" t="s">
        <v>11765</v>
      </c>
    </row>
    <row r="13132" spans="1:4" x14ac:dyDescent="0.4">
      <c r="A13132">
        <v>3560001</v>
      </c>
      <c r="B13132" t="s">
        <v>1636</v>
      </c>
      <c r="C13132" t="s">
        <v>11758</v>
      </c>
      <c r="D13132" t="s">
        <v>5866</v>
      </c>
    </row>
    <row r="13133" spans="1:4" x14ac:dyDescent="0.4">
      <c r="A13133">
        <v>3560007</v>
      </c>
      <c r="B13133" t="s">
        <v>1636</v>
      </c>
      <c r="C13133" t="s">
        <v>11758</v>
      </c>
      <c r="D13133" t="s">
        <v>3345</v>
      </c>
    </row>
    <row r="13134" spans="1:4" x14ac:dyDescent="0.4">
      <c r="A13134">
        <v>3560002</v>
      </c>
      <c r="B13134" t="s">
        <v>1636</v>
      </c>
      <c r="C13134" t="s">
        <v>11758</v>
      </c>
      <c r="D13134" t="s">
        <v>11766</v>
      </c>
    </row>
    <row r="13135" spans="1:4" x14ac:dyDescent="0.4">
      <c r="A13135">
        <v>3560029</v>
      </c>
      <c r="B13135" t="s">
        <v>1636</v>
      </c>
      <c r="C13135" t="s">
        <v>11758</v>
      </c>
      <c r="D13135" t="s">
        <v>11767</v>
      </c>
    </row>
    <row r="13136" spans="1:4" x14ac:dyDescent="0.4">
      <c r="A13136">
        <v>3560034</v>
      </c>
      <c r="B13136" t="s">
        <v>1636</v>
      </c>
      <c r="C13136" t="s">
        <v>11758</v>
      </c>
      <c r="D13136" t="s">
        <v>11768</v>
      </c>
    </row>
    <row r="13137" spans="1:4" x14ac:dyDescent="0.4">
      <c r="A13137">
        <v>3560059</v>
      </c>
      <c r="B13137" t="s">
        <v>1636</v>
      </c>
      <c r="C13137" t="s">
        <v>11758</v>
      </c>
      <c r="D13137" t="s">
        <v>1741</v>
      </c>
    </row>
    <row r="13138" spans="1:4" x14ac:dyDescent="0.4">
      <c r="A13138">
        <v>3560030</v>
      </c>
      <c r="B13138" t="s">
        <v>1636</v>
      </c>
      <c r="C13138" t="s">
        <v>11758</v>
      </c>
      <c r="D13138" t="s">
        <v>11769</v>
      </c>
    </row>
    <row r="13139" spans="1:4" x14ac:dyDescent="0.4">
      <c r="A13139">
        <v>3560033</v>
      </c>
      <c r="B13139" t="s">
        <v>1636</v>
      </c>
      <c r="C13139" t="s">
        <v>11758</v>
      </c>
      <c r="D13139" t="s">
        <v>178</v>
      </c>
    </row>
    <row r="13140" spans="1:4" x14ac:dyDescent="0.4">
      <c r="A13140">
        <v>3560020</v>
      </c>
      <c r="B13140" t="s">
        <v>1636</v>
      </c>
      <c r="C13140" t="s">
        <v>11758</v>
      </c>
      <c r="D13140" t="s">
        <v>11770</v>
      </c>
    </row>
    <row r="13141" spans="1:4" x14ac:dyDescent="0.4">
      <c r="A13141">
        <v>3560012</v>
      </c>
      <c r="B13141" t="s">
        <v>1636</v>
      </c>
      <c r="C13141" t="s">
        <v>11758</v>
      </c>
      <c r="D13141" t="s">
        <v>441</v>
      </c>
    </row>
    <row r="13142" spans="1:4" x14ac:dyDescent="0.4">
      <c r="A13142">
        <v>3560026</v>
      </c>
      <c r="B13142" t="s">
        <v>1636</v>
      </c>
      <c r="C13142" t="s">
        <v>11758</v>
      </c>
      <c r="D13142" t="s">
        <v>185</v>
      </c>
    </row>
    <row r="13143" spans="1:4" x14ac:dyDescent="0.4">
      <c r="A13143">
        <v>3560045</v>
      </c>
      <c r="B13143" t="s">
        <v>1636</v>
      </c>
      <c r="C13143" t="s">
        <v>11758</v>
      </c>
      <c r="D13143" t="s">
        <v>10958</v>
      </c>
    </row>
    <row r="13144" spans="1:4" x14ac:dyDescent="0.4">
      <c r="A13144">
        <v>3560041</v>
      </c>
      <c r="B13144" t="s">
        <v>1636</v>
      </c>
      <c r="C13144" t="s">
        <v>11758</v>
      </c>
      <c r="D13144" t="s">
        <v>11771</v>
      </c>
    </row>
    <row r="13145" spans="1:4" x14ac:dyDescent="0.4">
      <c r="A13145">
        <v>3560052</v>
      </c>
      <c r="B13145" t="s">
        <v>1636</v>
      </c>
      <c r="C13145" t="s">
        <v>11758</v>
      </c>
      <c r="D13145" t="s">
        <v>11772</v>
      </c>
    </row>
    <row r="13146" spans="1:4" x14ac:dyDescent="0.4">
      <c r="A13146">
        <v>3560025</v>
      </c>
      <c r="B13146" t="s">
        <v>1636</v>
      </c>
      <c r="C13146" t="s">
        <v>11758</v>
      </c>
      <c r="D13146" t="s">
        <v>801</v>
      </c>
    </row>
    <row r="13147" spans="1:4" x14ac:dyDescent="0.4">
      <c r="A13147">
        <v>3560023</v>
      </c>
      <c r="B13147" t="s">
        <v>1636</v>
      </c>
      <c r="C13147" t="s">
        <v>11758</v>
      </c>
      <c r="D13147" t="s">
        <v>11773</v>
      </c>
    </row>
    <row r="13148" spans="1:4" x14ac:dyDescent="0.4">
      <c r="A13148">
        <v>3560013</v>
      </c>
      <c r="B13148" t="s">
        <v>1636</v>
      </c>
      <c r="C13148" t="s">
        <v>11758</v>
      </c>
      <c r="D13148" t="s">
        <v>11774</v>
      </c>
    </row>
    <row r="13149" spans="1:4" x14ac:dyDescent="0.4">
      <c r="A13149">
        <v>3560016</v>
      </c>
      <c r="B13149" t="s">
        <v>1636</v>
      </c>
      <c r="C13149" t="s">
        <v>11758</v>
      </c>
      <c r="D13149" t="s">
        <v>8770</v>
      </c>
    </row>
    <row r="13150" spans="1:4" x14ac:dyDescent="0.4">
      <c r="A13150">
        <v>3560022</v>
      </c>
      <c r="B13150" t="s">
        <v>1636</v>
      </c>
      <c r="C13150" t="s">
        <v>11758</v>
      </c>
      <c r="D13150" t="s">
        <v>9262</v>
      </c>
    </row>
    <row r="13151" spans="1:4" x14ac:dyDescent="0.4">
      <c r="A13151">
        <v>3560005</v>
      </c>
      <c r="B13151" t="s">
        <v>1636</v>
      </c>
      <c r="C13151" t="s">
        <v>11758</v>
      </c>
      <c r="D13151" t="s">
        <v>806</v>
      </c>
    </row>
    <row r="13152" spans="1:4" x14ac:dyDescent="0.4">
      <c r="A13152">
        <v>3560044</v>
      </c>
      <c r="B13152" t="s">
        <v>1636</v>
      </c>
      <c r="C13152" t="s">
        <v>11758</v>
      </c>
      <c r="D13152" t="s">
        <v>11775</v>
      </c>
    </row>
    <row r="13153" spans="1:4" x14ac:dyDescent="0.4">
      <c r="A13153">
        <v>3560028</v>
      </c>
      <c r="B13153" t="s">
        <v>1636</v>
      </c>
      <c r="C13153" t="s">
        <v>11758</v>
      </c>
      <c r="D13153" t="s">
        <v>3877</v>
      </c>
    </row>
    <row r="13154" spans="1:4" x14ac:dyDescent="0.4">
      <c r="A13154">
        <v>3560015</v>
      </c>
      <c r="B13154" t="s">
        <v>1636</v>
      </c>
      <c r="C13154" t="s">
        <v>11758</v>
      </c>
      <c r="D13154" t="s">
        <v>5793</v>
      </c>
    </row>
    <row r="13155" spans="1:4" x14ac:dyDescent="0.4">
      <c r="A13155">
        <v>3560042</v>
      </c>
      <c r="B13155" t="s">
        <v>1636</v>
      </c>
      <c r="C13155" t="s">
        <v>11758</v>
      </c>
      <c r="D13155" t="s">
        <v>11776</v>
      </c>
    </row>
    <row r="13156" spans="1:4" x14ac:dyDescent="0.4">
      <c r="A13156">
        <v>3560011</v>
      </c>
      <c r="B13156" t="s">
        <v>1636</v>
      </c>
      <c r="C13156" t="s">
        <v>11758</v>
      </c>
      <c r="D13156" t="s">
        <v>4172</v>
      </c>
    </row>
    <row r="13157" spans="1:4" x14ac:dyDescent="0.4">
      <c r="A13157">
        <v>3560014</v>
      </c>
      <c r="B13157" t="s">
        <v>1636</v>
      </c>
      <c r="C13157" t="s">
        <v>11758</v>
      </c>
      <c r="D13157" t="s">
        <v>11777</v>
      </c>
    </row>
    <row r="13158" spans="1:4" x14ac:dyDescent="0.4">
      <c r="A13158">
        <v>3560031</v>
      </c>
      <c r="B13158" t="s">
        <v>1636</v>
      </c>
      <c r="C13158" t="s">
        <v>11758</v>
      </c>
      <c r="D13158" t="s">
        <v>11778</v>
      </c>
    </row>
    <row r="13159" spans="1:4" x14ac:dyDescent="0.4">
      <c r="A13159">
        <v>3560037</v>
      </c>
      <c r="B13159" t="s">
        <v>1636</v>
      </c>
      <c r="C13159" t="s">
        <v>11758</v>
      </c>
      <c r="D13159" t="s">
        <v>11779</v>
      </c>
    </row>
    <row r="13160" spans="1:4" x14ac:dyDescent="0.4">
      <c r="A13160">
        <v>3560032</v>
      </c>
      <c r="B13160" t="s">
        <v>1636</v>
      </c>
      <c r="C13160" t="s">
        <v>11758</v>
      </c>
      <c r="D13160" t="s">
        <v>652</v>
      </c>
    </row>
    <row r="13161" spans="1:4" x14ac:dyDescent="0.4">
      <c r="A13161">
        <v>3560050</v>
      </c>
      <c r="B13161" t="s">
        <v>1636</v>
      </c>
      <c r="C13161" t="s">
        <v>11758</v>
      </c>
      <c r="D13161" t="s">
        <v>3156</v>
      </c>
    </row>
    <row r="13162" spans="1:4" x14ac:dyDescent="0.4">
      <c r="A13162">
        <v>3560018</v>
      </c>
      <c r="B13162" t="s">
        <v>1636</v>
      </c>
      <c r="C13162" t="s">
        <v>11758</v>
      </c>
      <c r="D13162" t="s">
        <v>11780</v>
      </c>
    </row>
    <row r="13163" spans="1:4" x14ac:dyDescent="0.4">
      <c r="A13163">
        <v>3560027</v>
      </c>
      <c r="B13163" t="s">
        <v>1636</v>
      </c>
      <c r="C13163" t="s">
        <v>11758</v>
      </c>
      <c r="D13163" t="s">
        <v>6152</v>
      </c>
    </row>
    <row r="13164" spans="1:4" x14ac:dyDescent="0.4">
      <c r="A13164">
        <v>3560035</v>
      </c>
      <c r="B13164" t="s">
        <v>1636</v>
      </c>
      <c r="C13164" t="s">
        <v>11758</v>
      </c>
      <c r="D13164" t="s">
        <v>2482</v>
      </c>
    </row>
    <row r="13165" spans="1:4" x14ac:dyDescent="0.4">
      <c r="A13165">
        <v>3560043</v>
      </c>
      <c r="B13165" t="s">
        <v>1636</v>
      </c>
      <c r="C13165" t="s">
        <v>11758</v>
      </c>
      <c r="D13165" t="s">
        <v>506</v>
      </c>
    </row>
    <row r="13166" spans="1:4" x14ac:dyDescent="0.4">
      <c r="A13166">
        <v>3560036</v>
      </c>
      <c r="B13166" t="s">
        <v>1636</v>
      </c>
      <c r="C13166" t="s">
        <v>11758</v>
      </c>
      <c r="D13166" t="s">
        <v>6392</v>
      </c>
    </row>
    <row r="13167" spans="1:4" x14ac:dyDescent="0.4">
      <c r="A13167">
        <v>3560008</v>
      </c>
      <c r="B13167" t="s">
        <v>1636</v>
      </c>
      <c r="C13167" t="s">
        <v>11758</v>
      </c>
      <c r="D13167" t="s">
        <v>11781</v>
      </c>
    </row>
    <row r="13168" spans="1:4" x14ac:dyDescent="0.4">
      <c r="A13168">
        <v>3560024</v>
      </c>
      <c r="B13168" t="s">
        <v>1636</v>
      </c>
      <c r="C13168" t="s">
        <v>11758</v>
      </c>
      <c r="D13168" t="s">
        <v>2035</v>
      </c>
    </row>
    <row r="13169" spans="1:4" x14ac:dyDescent="0.4">
      <c r="A13169">
        <v>3620800</v>
      </c>
      <c r="B13169" t="s">
        <v>1636</v>
      </c>
      <c r="C13169" t="s">
        <v>11782</v>
      </c>
    </row>
    <row r="13170" spans="1:4" x14ac:dyDescent="0.4">
      <c r="A13170">
        <v>3620803</v>
      </c>
      <c r="B13170" t="s">
        <v>1636</v>
      </c>
      <c r="C13170" t="s">
        <v>11782</v>
      </c>
      <c r="D13170" t="s">
        <v>11783</v>
      </c>
    </row>
    <row r="13171" spans="1:4" x14ac:dyDescent="0.4">
      <c r="A13171">
        <v>3620807</v>
      </c>
      <c r="B13171" t="s">
        <v>1636</v>
      </c>
      <c r="C13171" t="s">
        <v>11782</v>
      </c>
      <c r="D13171" t="s">
        <v>728</v>
      </c>
    </row>
    <row r="13172" spans="1:4" x14ac:dyDescent="0.4">
      <c r="A13172">
        <v>3620801</v>
      </c>
      <c r="B13172" t="s">
        <v>1636</v>
      </c>
      <c r="C13172" t="s">
        <v>11782</v>
      </c>
      <c r="D13172" t="s">
        <v>11784</v>
      </c>
    </row>
    <row r="13173" spans="1:4" x14ac:dyDescent="0.4">
      <c r="A13173">
        <v>3620808</v>
      </c>
      <c r="B13173" t="s">
        <v>1636</v>
      </c>
      <c r="C13173" t="s">
        <v>11782</v>
      </c>
      <c r="D13173" t="s">
        <v>11785</v>
      </c>
    </row>
    <row r="13174" spans="1:4" x14ac:dyDescent="0.4">
      <c r="A13174">
        <v>3620806</v>
      </c>
      <c r="B13174" t="s">
        <v>1636</v>
      </c>
      <c r="C13174" t="s">
        <v>11782</v>
      </c>
      <c r="D13174" t="s">
        <v>9325</v>
      </c>
    </row>
    <row r="13175" spans="1:4" x14ac:dyDescent="0.4">
      <c r="A13175">
        <v>3620805</v>
      </c>
      <c r="B13175" t="s">
        <v>1636</v>
      </c>
      <c r="C13175" t="s">
        <v>11782</v>
      </c>
      <c r="D13175" t="s">
        <v>730</v>
      </c>
    </row>
    <row r="13176" spans="1:4" x14ac:dyDescent="0.4">
      <c r="A13176">
        <v>3620802</v>
      </c>
      <c r="B13176" t="s">
        <v>1636</v>
      </c>
      <c r="C13176" t="s">
        <v>11782</v>
      </c>
      <c r="D13176" t="s">
        <v>11786</v>
      </c>
    </row>
    <row r="13177" spans="1:4" x14ac:dyDescent="0.4">
      <c r="A13177">
        <v>3620804</v>
      </c>
      <c r="B13177" t="s">
        <v>1636</v>
      </c>
      <c r="C13177" t="s">
        <v>11782</v>
      </c>
      <c r="D13177" t="s">
        <v>403</v>
      </c>
    </row>
    <row r="13178" spans="1:4" x14ac:dyDescent="0.4">
      <c r="A13178">
        <v>3540000</v>
      </c>
      <c r="B13178" t="s">
        <v>1636</v>
      </c>
      <c r="C13178" t="s">
        <v>11787</v>
      </c>
    </row>
    <row r="13179" spans="1:4" x14ac:dyDescent="0.4">
      <c r="A13179">
        <v>3540045</v>
      </c>
      <c r="B13179" t="s">
        <v>1636</v>
      </c>
      <c r="C13179" t="s">
        <v>11787</v>
      </c>
      <c r="D13179" t="s">
        <v>11788</v>
      </c>
    </row>
    <row r="13180" spans="1:4" x14ac:dyDescent="0.4">
      <c r="A13180">
        <v>3540044</v>
      </c>
      <c r="B13180" t="s">
        <v>1636</v>
      </c>
      <c r="C13180" t="s">
        <v>11787</v>
      </c>
      <c r="D13180" t="s">
        <v>11789</v>
      </c>
    </row>
    <row r="13181" spans="1:4" x14ac:dyDescent="0.4">
      <c r="A13181">
        <v>3540043</v>
      </c>
      <c r="B13181" t="s">
        <v>1636</v>
      </c>
      <c r="C13181" t="s">
        <v>11787</v>
      </c>
      <c r="D13181" t="s">
        <v>11790</v>
      </c>
    </row>
    <row r="13182" spans="1:4" x14ac:dyDescent="0.4">
      <c r="A13182">
        <v>3540046</v>
      </c>
      <c r="B13182" t="s">
        <v>1636</v>
      </c>
      <c r="C13182" t="s">
        <v>11787</v>
      </c>
      <c r="D13182" t="s">
        <v>11791</v>
      </c>
    </row>
    <row r="13183" spans="1:4" x14ac:dyDescent="0.4">
      <c r="A13183">
        <v>3540041</v>
      </c>
      <c r="B13183" t="s">
        <v>1636</v>
      </c>
      <c r="C13183" t="s">
        <v>11787</v>
      </c>
      <c r="D13183" t="s">
        <v>11792</v>
      </c>
    </row>
    <row r="13184" spans="1:4" x14ac:dyDescent="0.4">
      <c r="A13184">
        <v>3540042</v>
      </c>
      <c r="B13184" t="s">
        <v>1636</v>
      </c>
      <c r="C13184" t="s">
        <v>11787</v>
      </c>
      <c r="D13184" t="s">
        <v>11793</v>
      </c>
    </row>
    <row r="13185" spans="1:4" x14ac:dyDescent="0.4">
      <c r="A13185">
        <v>3500400</v>
      </c>
      <c r="B13185" t="s">
        <v>1636</v>
      </c>
      <c r="C13185" t="s">
        <v>6434</v>
      </c>
    </row>
    <row r="13186" spans="1:4" x14ac:dyDescent="0.4">
      <c r="A13186">
        <v>3500444</v>
      </c>
      <c r="B13186" t="s">
        <v>1636</v>
      </c>
      <c r="C13186" t="s">
        <v>6434</v>
      </c>
      <c r="D13186" t="s">
        <v>11794</v>
      </c>
    </row>
    <row r="13187" spans="1:4" x14ac:dyDescent="0.4">
      <c r="A13187">
        <v>3500455</v>
      </c>
      <c r="B13187" t="s">
        <v>1636</v>
      </c>
      <c r="C13187" t="s">
        <v>6434</v>
      </c>
      <c r="D13187" t="s">
        <v>11795</v>
      </c>
    </row>
    <row r="13188" spans="1:4" x14ac:dyDescent="0.4">
      <c r="A13188">
        <v>3500434</v>
      </c>
      <c r="B13188" t="s">
        <v>1636</v>
      </c>
      <c r="C13188" t="s">
        <v>6434</v>
      </c>
      <c r="D13188" t="s">
        <v>601</v>
      </c>
    </row>
    <row r="13189" spans="1:4" x14ac:dyDescent="0.4">
      <c r="A13189">
        <v>3500441</v>
      </c>
      <c r="B13189" t="s">
        <v>1636</v>
      </c>
      <c r="C13189" t="s">
        <v>6434</v>
      </c>
      <c r="D13189" t="s">
        <v>2180</v>
      </c>
    </row>
    <row r="13190" spans="1:4" x14ac:dyDescent="0.4">
      <c r="A13190">
        <v>3500465</v>
      </c>
      <c r="B13190" t="s">
        <v>1636</v>
      </c>
      <c r="C13190" t="s">
        <v>6434</v>
      </c>
      <c r="D13190" t="s">
        <v>11796</v>
      </c>
    </row>
    <row r="13191" spans="1:4" x14ac:dyDescent="0.4">
      <c r="A13191" s="1" t="s">
        <v>11571</v>
      </c>
      <c r="B13191" t="s">
        <v>4451</v>
      </c>
      <c r="C13191" t="s">
        <v>11542</v>
      </c>
      <c r="D13191" t="s">
        <v>11797</v>
      </c>
    </row>
    <row r="13192" spans="1:4" x14ac:dyDescent="0.4">
      <c r="A13192" s="1" t="s">
        <v>11571</v>
      </c>
      <c r="B13192" t="s">
        <v>4451</v>
      </c>
      <c r="C13192" t="s">
        <v>11542</v>
      </c>
      <c r="D13192" t="s">
        <v>11798</v>
      </c>
    </row>
    <row r="13193" spans="1:4" x14ac:dyDescent="0.4">
      <c r="A13193" s="1" t="s">
        <v>11571</v>
      </c>
      <c r="B13193" t="s">
        <v>4451</v>
      </c>
      <c r="C13193" t="s">
        <v>11542</v>
      </c>
      <c r="D13193" t="s">
        <v>11799</v>
      </c>
    </row>
    <row r="13194" spans="1:4" x14ac:dyDescent="0.4">
      <c r="A13194" s="1" t="s">
        <v>11800</v>
      </c>
      <c r="B13194" t="s">
        <v>4451</v>
      </c>
      <c r="C13194" t="s">
        <v>11542</v>
      </c>
      <c r="D13194" t="s">
        <v>11801</v>
      </c>
    </row>
    <row r="13195" spans="1:4" x14ac:dyDescent="0.4">
      <c r="A13195" s="1" t="s">
        <v>11800</v>
      </c>
      <c r="B13195" t="s">
        <v>4451</v>
      </c>
      <c r="C13195" t="s">
        <v>11542</v>
      </c>
      <c r="D13195" t="s">
        <v>11802</v>
      </c>
    </row>
    <row r="13196" spans="1:4" x14ac:dyDescent="0.4">
      <c r="A13196" s="1" t="s">
        <v>11800</v>
      </c>
      <c r="B13196" t="s">
        <v>4451</v>
      </c>
      <c r="C13196" t="s">
        <v>11542</v>
      </c>
      <c r="D13196" t="s">
        <v>11803</v>
      </c>
    </row>
    <row r="13197" spans="1:4" x14ac:dyDescent="0.4">
      <c r="A13197" s="1" t="s">
        <v>11800</v>
      </c>
      <c r="B13197" t="s">
        <v>4451</v>
      </c>
      <c r="C13197" t="s">
        <v>11542</v>
      </c>
      <c r="D13197" t="s">
        <v>11804</v>
      </c>
    </row>
    <row r="13198" spans="1:4" x14ac:dyDescent="0.4">
      <c r="A13198" s="1" t="s">
        <v>11800</v>
      </c>
      <c r="B13198" t="s">
        <v>4451</v>
      </c>
      <c r="C13198" t="s">
        <v>11542</v>
      </c>
      <c r="D13198" t="s">
        <v>11805</v>
      </c>
    </row>
    <row r="13199" spans="1:4" x14ac:dyDescent="0.4">
      <c r="A13199" s="1" t="s">
        <v>11800</v>
      </c>
      <c r="B13199" t="s">
        <v>4451</v>
      </c>
      <c r="C13199" t="s">
        <v>11542</v>
      </c>
      <c r="D13199" t="s">
        <v>11806</v>
      </c>
    </row>
    <row r="13200" spans="1:4" x14ac:dyDescent="0.4">
      <c r="A13200" s="1" t="s">
        <v>11800</v>
      </c>
      <c r="B13200" t="s">
        <v>4451</v>
      </c>
      <c r="C13200" t="s">
        <v>11542</v>
      </c>
      <c r="D13200" t="s">
        <v>11807</v>
      </c>
    </row>
    <row r="13201" spans="1:4" x14ac:dyDescent="0.4">
      <c r="A13201" s="1" t="s">
        <v>11800</v>
      </c>
      <c r="B13201" t="s">
        <v>4451</v>
      </c>
      <c r="C13201" t="s">
        <v>11542</v>
      </c>
      <c r="D13201" t="s">
        <v>11808</v>
      </c>
    </row>
    <row r="13202" spans="1:4" x14ac:dyDescent="0.4">
      <c r="A13202" s="1" t="s">
        <v>11800</v>
      </c>
      <c r="B13202" t="s">
        <v>4451</v>
      </c>
      <c r="C13202" t="s">
        <v>11542</v>
      </c>
      <c r="D13202" t="s">
        <v>11809</v>
      </c>
    </row>
    <row r="13203" spans="1:4" x14ac:dyDescent="0.4">
      <c r="A13203" s="1" t="s">
        <v>11800</v>
      </c>
      <c r="B13203" t="s">
        <v>4451</v>
      </c>
      <c r="C13203" t="s">
        <v>11542</v>
      </c>
      <c r="D13203" t="s">
        <v>11810</v>
      </c>
    </row>
    <row r="13204" spans="1:4" x14ac:dyDescent="0.4">
      <c r="A13204" s="1" t="s">
        <v>11800</v>
      </c>
      <c r="B13204" t="s">
        <v>4451</v>
      </c>
      <c r="C13204" t="s">
        <v>11542</v>
      </c>
      <c r="D13204" t="s">
        <v>11811</v>
      </c>
    </row>
    <row r="13205" spans="1:4" x14ac:dyDescent="0.4">
      <c r="A13205" s="1" t="s">
        <v>11800</v>
      </c>
      <c r="B13205" t="s">
        <v>4451</v>
      </c>
      <c r="C13205" t="s">
        <v>11542</v>
      </c>
      <c r="D13205" t="s">
        <v>11812</v>
      </c>
    </row>
    <row r="13206" spans="1:4" x14ac:dyDescent="0.4">
      <c r="A13206" s="1" t="s">
        <v>11800</v>
      </c>
      <c r="B13206" t="s">
        <v>4451</v>
      </c>
      <c r="C13206" t="s">
        <v>11542</v>
      </c>
      <c r="D13206" t="s">
        <v>11813</v>
      </c>
    </row>
    <row r="13207" spans="1:4" x14ac:dyDescent="0.4">
      <c r="A13207" s="1" t="s">
        <v>11800</v>
      </c>
      <c r="B13207" t="s">
        <v>4451</v>
      </c>
      <c r="C13207" t="s">
        <v>11542</v>
      </c>
      <c r="D13207" t="s">
        <v>11814</v>
      </c>
    </row>
    <row r="13208" spans="1:4" x14ac:dyDescent="0.4">
      <c r="A13208" s="1" t="s">
        <v>11815</v>
      </c>
      <c r="B13208" t="s">
        <v>4451</v>
      </c>
      <c r="C13208" t="s">
        <v>11542</v>
      </c>
      <c r="D13208" t="s">
        <v>11816</v>
      </c>
    </row>
    <row r="13209" spans="1:4" x14ac:dyDescent="0.4">
      <c r="A13209" s="1" t="s">
        <v>11815</v>
      </c>
      <c r="B13209" t="s">
        <v>4451</v>
      </c>
      <c r="C13209" t="s">
        <v>11542</v>
      </c>
      <c r="D13209" t="s">
        <v>11817</v>
      </c>
    </row>
    <row r="13210" spans="1:4" x14ac:dyDescent="0.4">
      <c r="A13210" s="1" t="s">
        <v>11815</v>
      </c>
      <c r="B13210" t="s">
        <v>4451</v>
      </c>
      <c r="C13210" t="s">
        <v>11542</v>
      </c>
      <c r="D13210" t="s">
        <v>11818</v>
      </c>
    </row>
    <row r="13211" spans="1:4" x14ac:dyDescent="0.4">
      <c r="A13211" s="1" t="s">
        <v>11819</v>
      </c>
      <c r="B13211" t="s">
        <v>4451</v>
      </c>
      <c r="C13211" t="s">
        <v>11542</v>
      </c>
      <c r="D13211" t="s">
        <v>11820</v>
      </c>
    </row>
    <row r="13212" spans="1:4" x14ac:dyDescent="0.4">
      <c r="A13212" s="1" t="s">
        <v>11819</v>
      </c>
      <c r="B13212" t="s">
        <v>4451</v>
      </c>
      <c r="C13212" t="s">
        <v>11542</v>
      </c>
      <c r="D13212" t="s">
        <v>11821</v>
      </c>
    </row>
    <row r="13213" spans="1:4" x14ac:dyDescent="0.4">
      <c r="A13213" s="1" t="s">
        <v>11819</v>
      </c>
      <c r="B13213" t="s">
        <v>4451</v>
      </c>
      <c r="C13213" t="s">
        <v>11542</v>
      </c>
      <c r="D13213" t="s">
        <v>11822</v>
      </c>
    </row>
    <row r="13214" spans="1:4" x14ac:dyDescent="0.4">
      <c r="A13214" s="1" t="s">
        <v>11823</v>
      </c>
      <c r="B13214" t="s">
        <v>4451</v>
      </c>
      <c r="C13214" t="s">
        <v>11542</v>
      </c>
      <c r="D13214" t="s">
        <v>11824</v>
      </c>
    </row>
    <row r="13215" spans="1:4" x14ac:dyDescent="0.4">
      <c r="A13215" s="1" t="s">
        <v>11825</v>
      </c>
      <c r="B13215" t="s">
        <v>4451</v>
      </c>
      <c r="C13215" t="s">
        <v>11542</v>
      </c>
      <c r="D13215" t="s">
        <v>11826</v>
      </c>
    </row>
    <row r="13216" spans="1:4" x14ac:dyDescent="0.4">
      <c r="A13216" s="1" t="s">
        <v>11825</v>
      </c>
      <c r="B13216" t="s">
        <v>4451</v>
      </c>
      <c r="C13216" t="s">
        <v>11542</v>
      </c>
      <c r="D13216" t="s">
        <v>11827</v>
      </c>
    </row>
    <row r="13217" spans="1:4" x14ac:dyDescent="0.4">
      <c r="A13217" s="1" t="s">
        <v>11825</v>
      </c>
      <c r="B13217" t="s">
        <v>4451</v>
      </c>
      <c r="C13217" t="s">
        <v>11542</v>
      </c>
      <c r="D13217" t="s">
        <v>11828</v>
      </c>
    </row>
    <row r="13218" spans="1:4" x14ac:dyDescent="0.4">
      <c r="A13218" s="1" t="s">
        <v>11825</v>
      </c>
      <c r="B13218" t="s">
        <v>4451</v>
      </c>
      <c r="C13218" t="s">
        <v>11542</v>
      </c>
      <c r="D13218" t="s">
        <v>11829</v>
      </c>
    </row>
    <row r="13219" spans="1:4" x14ac:dyDescent="0.4">
      <c r="A13219" s="1" t="s">
        <v>11825</v>
      </c>
      <c r="B13219" t="s">
        <v>4451</v>
      </c>
      <c r="C13219" t="s">
        <v>11542</v>
      </c>
      <c r="D13219" t="s">
        <v>11830</v>
      </c>
    </row>
    <row r="13220" spans="1:4" x14ac:dyDescent="0.4">
      <c r="A13220" s="1" t="s">
        <v>11831</v>
      </c>
      <c r="B13220" t="s">
        <v>4451</v>
      </c>
      <c r="C13220" t="s">
        <v>11542</v>
      </c>
      <c r="D13220" t="s">
        <v>11832</v>
      </c>
    </row>
    <row r="13221" spans="1:4" x14ac:dyDescent="0.4">
      <c r="A13221" s="1" t="s">
        <v>11831</v>
      </c>
      <c r="B13221" t="s">
        <v>4451</v>
      </c>
      <c r="C13221" t="s">
        <v>11542</v>
      </c>
      <c r="D13221" t="s">
        <v>11833</v>
      </c>
    </row>
    <row r="13222" spans="1:4" x14ac:dyDescent="0.4">
      <c r="A13222" s="1" t="s">
        <v>11831</v>
      </c>
      <c r="B13222" t="s">
        <v>4451</v>
      </c>
      <c r="C13222" t="s">
        <v>11542</v>
      </c>
      <c r="D13222" t="s">
        <v>11834</v>
      </c>
    </row>
    <row r="13223" spans="1:4" x14ac:dyDescent="0.4">
      <c r="A13223" s="1" t="s">
        <v>11831</v>
      </c>
      <c r="B13223" t="s">
        <v>4451</v>
      </c>
      <c r="C13223" t="s">
        <v>11542</v>
      </c>
      <c r="D13223" t="s">
        <v>11835</v>
      </c>
    </row>
    <row r="13224" spans="1:4" x14ac:dyDescent="0.4">
      <c r="A13224" s="1" t="s">
        <v>11831</v>
      </c>
      <c r="B13224" t="s">
        <v>4451</v>
      </c>
      <c r="C13224" t="s">
        <v>11542</v>
      </c>
      <c r="D13224" t="s">
        <v>11836</v>
      </c>
    </row>
    <row r="13225" spans="1:4" x14ac:dyDescent="0.4">
      <c r="A13225" s="1" t="s">
        <v>11831</v>
      </c>
      <c r="B13225" t="s">
        <v>4451</v>
      </c>
      <c r="C13225" t="s">
        <v>11542</v>
      </c>
      <c r="D13225" t="s">
        <v>11837</v>
      </c>
    </row>
    <row r="13226" spans="1:4" x14ac:dyDescent="0.4">
      <c r="A13226" s="1" t="s">
        <v>11831</v>
      </c>
      <c r="B13226" t="s">
        <v>4451</v>
      </c>
      <c r="C13226" t="s">
        <v>11542</v>
      </c>
      <c r="D13226" t="s">
        <v>11838</v>
      </c>
    </row>
    <row r="13227" spans="1:4" x14ac:dyDescent="0.4">
      <c r="A13227" s="1" t="s">
        <v>11831</v>
      </c>
      <c r="B13227" t="s">
        <v>4451</v>
      </c>
      <c r="C13227" t="s">
        <v>11542</v>
      </c>
      <c r="D13227" t="s">
        <v>11839</v>
      </c>
    </row>
    <row r="13228" spans="1:4" x14ac:dyDescent="0.4">
      <c r="A13228" s="1" t="s">
        <v>11831</v>
      </c>
      <c r="B13228" t="s">
        <v>4451</v>
      </c>
      <c r="C13228" t="s">
        <v>11542</v>
      </c>
      <c r="D13228" t="s">
        <v>11840</v>
      </c>
    </row>
    <row r="13229" spans="1:4" x14ac:dyDescent="0.4">
      <c r="A13229" s="1" t="s">
        <v>11841</v>
      </c>
      <c r="B13229" t="s">
        <v>4451</v>
      </c>
      <c r="C13229" t="s">
        <v>11542</v>
      </c>
      <c r="D13229" t="s">
        <v>11842</v>
      </c>
    </row>
    <row r="13230" spans="1:4" x14ac:dyDescent="0.4">
      <c r="A13230" s="1" t="s">
        <v>11841</v>
      </c>
      <c r="B13230" t="s">
        <v>4451</v>
      </c>
      <c r="C13230" t="s">
        <v>11542</v>
      </c>
      <c r="D13230" t="s">
        <v>11843</v>
      </c>
    </row>
    <row r="13231" spans="1:4" x14ac:dyDescent="0.4">
      <c r="A13231" s="1" t="s">
        <v>11841</v>
      </c>
      <c r="B13231" t="s">
        <v>4451</v>
      </c>
      <c r="C13231" t="s">
        <v>11542</v>
      </c>
      <c r="D13231" t="s">
        <v>11844</v>
      </c>
    </row>
    <row r="13232" spans="1:4" x14ac:dyDescent="0.4">
      <c r="A13232" s="1" t="s">
        <v>11841</v>
      </c>
      <c r="B13232" t="s">
        <v>4451</v>
      </c>
      <c r="C13232" t="s">
        <v>11542</v>
      </c>
      <c r="D13232" t="s">
        <v>11845</v>
      </c>
    </row>
    <row r="13233" spans="1:4" x14ac:dyDescent="0.4">
      <c r="A13233" s="1" t="s">
        <v>11841</v>
      </c>
      <c r="B13233" t="s">
        <v>4451</v>
      </c>
      <c r="C13233" t="s">
        <v>11542</v>
      </c>
      <c r="D13233" t="s">
        <v>11846</v>
      </c>
    </row>
    <row r="13234" spans="1:4" x14ac:dyDescent="0.4">
      <c r="A13234" s="1" t="s">
        <v>11847</v>
      </c>
      <c r="B13234" t="s">
        <v>4451</v>
      </c>
      <c r="C13234" t="s">
        <v>11542</v>
      </c>
      <c r="D13234" t="s">
        <v>11848</v>
      </c>
    </row>
    <row r="13235" spans="1:4" x14ac:dyDescent="0.4">
      <c r="A13235" s="1" t="s">
        <v>11847</v>
      </c>
      <c r="B13235" t="s">
        <v>4451</v>
      </c>
      <c r="C13235" t="s">
        <v>11542</v>
      </c>
      <c r="D13235" t="s">
        <v>11849</v>
      </c>
    </row>
    <row r="13236" spans="1:4" x14ac:dyDescent="0.4">
      <c r="A13236" s="1" t="s">
        <v>11847</v>
      </c>
      <c r="B13236" t="s">
        <v>4451</v>
      </c>
      <c r="C13236" t="s">
        <v>11542</v>
      </c>
      <c r="D13236" t="s">
        <v>11850</v>
      </c>
    </row>
    <row r="13237" spans="1:4" x14ac:dyDescent="0.4">
      <c r="A13237" s="1" t="s">
        <v>11847</v>
      </c>
      <c r="B13237" t="s">
        <v>4451</v>
      </c>
      <c r="C13237" t="s">
        <v>11542</v>
      </c>
      <c r="D13237" t="s">
        <v>11851</v>
      </c>
    </row>
    <row r="13238" spans="1:4" x14ac:dyDescent="0.4">
      <c r="A13238" s="1" t="s">
        <v>11847</v>
      </c>
      <c r="B13238" t="s">
        <v>4451</v>
      </c>
      <c r="C13238" t="s">
        <v>11542</v>
      </c>
      <c r="D13238" t="s">
        <v>11852</v>
      </c>
    </row>
    <row r="13239" spans="1:4" x14ac:dyDescent="0.4">
      <c r="A13239" s="1" t="s">
        <v>11847</v>
      </c>
      <c r="B13239" t="s">
        <v>4451</v>
      </c>
      <c r="C13239" t="s">
        <v>11542</v>
      </c>
      <c r="D13239" t="s">
        <v>11853</v>
      </c>
    </row>
    <row r="13240" spans="1:4" x14ac:dyDescent="0.4">
      <c r="A13240" s="1" t="s">
        <v>11847</v>
      </c>
      <c r="B13240" t="s">
        <v>4451</v>
      </c>
      <c r="C13240" t="s">
        <v>11542</v>
      </c>
      <c r="D13240" t="s">
        <v>11854</v>
      </c>
    </row>
    <row r="13241" spans="1:4" x14ac:dyDescent="0.4">
      <c r="A13241" s="1" t="s">
        <v>11847</v>
      </c>
      <c r="B13241" t="s">
        <v>4451</v>
      </c>
      <c r="C13241" t="s">
        <v>11542</v>
      </c>
      <c r="D13241" t="s">
        <v>11855</v>
      </c>
    </row>
    <row r="13242" spans="1:4" x14ac:dyDescent="0.4">
      <c r="A13242" s="1" t="s">
        <v>11847</v>
      </c>
      <c r="B13242" t="s">
        <v>4451</v>
      </c>
      <c r="C13242" t="s">
        <v>11542</v>
      </c>
      <c r="D13242" t="s">
        <v>11856</v>
      </c>
    </row>
    <row r="13243" spans="1:4" x14ac:dyDescent="0.4">
      <c r="A13243" s="1" t="s">
        <v>11857</v>
      </c>
      <c r="B13243" t="s">
        <v>4451</v>
      </c>
      <c r="C13243" t="s">
        <v>11542</v>
      </c>
      <c r="D13243" t="s">
        <v>11858</v>
      </c>
    </row>
    <row r="13244" spans="1:4" x14ac:dyDescent="0.4">
      <c r="A13244" s="1" t="s">
        <v>11857</v>
      </c>
      <c r="B13244" t="s">
        <v>4451</v>
      </c>
      <c r="C13244" t="s">
        <v>11542</v>
      </c>
      <c r="D13244" t="s">
        <v>11859</v>
      </c>
    </row>
    <row r="13245" spans="1:4" x14ac:dyDescent="0.4">
      <c r="A13245" s="1" t="s">
        <v>11857</v>
      </c>
      <c r="B13245" t="s">
        <v>4451</v>
      </c>
      <c r="C13245" t="s">
        <v>11542</v>
      </c>
      <c r="D13245" t="s">
        <v>11860</v>
      </c>
    </row>
    <row r="13246" spans="1:4" x14ac:dyDescent="0.4">
      <c r="A13246" s="1" t="s">
        <v>11857</v>
      </c>
      <c r="B13246" t="s">
        <v>4451</v>
      </c>
      <c r="C13246" t="s">
        <v>11542</v>
      </c>
      <c r="D13246" t="s">
        <v>11861</v>
      </c>
    </row>
    <row r="13247" spans="1:4" x14ac:dyDescent="0.4">
      <c r="A13247" s="1" t="s">
        <v>11862</v>
      </c>
      <c r="B13247" t="s">
        <v>4451</v>
      </c>
      <c r="C13247" t="s">
        <v>11542</v>
      </c>
      <c r="D13247" t="s">
        <v>11863</v>
      </c>
    </row>
    <row r="13248" spans="1:4" x14ac:dyDescent="0.4">
      <c r="A13248" s="1" t="s">
        <v>11864</v>
      </c>
      <c r="B13248" t="s">
        <v>4451</v>
      </c>
      <c r="C13248" t="s">
        <v>11542</v>
      </c>
      <c r="D13248" t="s">
        <v>11865</v>
      </c>
    </row>
    <row r="13249" spans="1:4" x14ac:dyDescent="0.4">
      <c r="A13249" s="1" t="s">
        <v>11864</v>
      </c>
      <c r="B13249" t="s">
        <v>4451</v>
      </c>
      <c r="C13249" t="s">
        <v>11542</v>
      </c>
      <c r="D13249" t="s">
        <v>11866</v>
      </c>
    </row>
    <row r="13250" spans="1:4" x14ac:dyDescent="0.4">
      <c r="A13250" s="1" t="s">
        <v>11864</v>
      </c>
      <c r="B13250" t="s">
        <v>4451</v>
      </c>
      <c r="C13250" t="s">
        <v>11542</v>
      </c>
      <c r="D13250" t="s">
        <v>11867</v>
      </c>
    </row>
    <row r="13251" spans="1:4" x14ac:dyDescent="0.4">
      <c r="A13251" s="1" t="s">
        <v>11864</v>
      </c>
      <c r="B13251" t="s">
        <v>4451</v>
      </c>
      <c r="C13251" t="s">
        <v>11542</v>
      </c>
      <c r="D13251" t="s">
        <v>11868</v>
      </c>
    </row>
    <row r="13252" spans="1:4" x14ac:dyDescent="0.4">
      <c r="A13252" s="1" t="s">
        <v>11869</v>
      </c>
      <c r="B13252" t="s">
        <v>4451</v>
      </c>
      <c r="C13252" t="s">
        <v>11542</v>
      </c>
      <c r="D13252" t="s">
        <v>11870</v>
      </c>
    </row>
    <row r="13253" spans="1:4" x14ac:dyDescent="0.4">
      <c r="A13253" s="1" t="s">
        <v>11869</v>
      </c>
      <c r="B13253" t="s">
        <v>4451</v>
      </c>
      <c r="C13253" t="s">
        <v>11542</v>
      </c>
      <c r="D13253" t="s">
        <v>11871</v>
      </c>
    </row>
    <row r="13254" spans="1:4" x14ac:dyDescent="0.4">
      <c r="A13254" s="1" t="s">
        <v>11869</v>
      </c>
      <c r="B13254" t="s">
        <v>4451</v>
      </c>
      <c r="C13254" t="s">
        <v>11542</v>
      </c>
      <c r="D13254" t="s">
        <v>11872</v>
      </c>
    </row>
    <row r="13255" spans="1:4" x14ac:dyDescent="0.4">
      <c r="A13255" s="1" t="s">
        <v>11869</v>
      </c>
      <c r="B13255" t="s">
        <v>4451</v>
      </c>
      <c r="C13255" t="s">
        <v>11542</v>
      </c>
      <c r="D13255" t="s">
        <v>11873</v>
      </c>
    </row>
    <row r="13256" spans="1:4" x14ac:dyDescent="0.4">
      <c r="A13256" s="1" t="s">
        <v>11869</v>
      </c>
      <c r="B13256" t="s">
        <v>4451</v>
      </c>
      <c r="C13256" t="s">
        <v>11542</v>
      </c>
      <c r="D13256" t="s">
        <v>11874</v>
      </c>
    </row>
    <row r="13257" spans="1:4" x14ac:dyDescent="0.4">
      <c r="A13257" s="1" t="s">
        <v>11869</v>
      </c>
      <c r="B13257" t="s">
        <v>4451</v>
      </c>
      <c r="C13257" t="s">
        <v>11542</v>
      </c>
      <c r="D13257" t="s">
        <v>11875</v>
      </c>
    </row>
    <row r="13258" spans="1:4" x14ac:dyDescent="0.4">
      <c r="A13258" s="1" t="s">
        <v>11869</v>
      </c>
      <c r="B13258" t="s">
        <v>4451</v>
      </c>
      <c r="C13258" t="s">
        <v>11542</v>
      </c>
      <c r="D13258" t="s">
        <v>11876</v>
      </c>
    </row>
    <row r="13259" spans="1:4" x14ac:dyDescent="0.4">
      <c r="A13259" s="1" t="s">
        <v>11877</v>
      </c>
      <c r="B13259" t="s">
        <v>4451</v>
      </c>
      <c r="C13259" t="s">
        <v>11542</v>
      </c>
      <c r="D13259" t="s">
        <v>11878</v>
      </c>
    </row>
    <row r="13260" spans="1:4" x14ac:dyDescent="0.4">
      <c r="A13260" s="1" t="s">
        <v>11877</v>
      </c>
      <c r="B13260" t="s">
        <v>4451</v>
      </c>
      <c r="C13260" t="s">
        <v>11542</v>
      </c>
      <c r="D13260" t="s">
        <v>11879</v>
      </c>
    </row>
    <row r="13261" spans="1:4" x14ac:dyDescent="0.4">
      <c r="A13261" s="1" t="s">
        <v>11877</v>
      </c>
      <c r="B13261" t="s">
        <v>4451</v>
      </c>
      <c r="C13261" t="s">
        <v>11542</v>
      </c>
      <c r="D13261" t="s">
        <v>11880</v>
      </c>
    </row>
    <row r="13262" spans="1:4" x14ac:dyDescent="0.4">
      <c r="A13262" s="1" t="s">
        <v>11877</v>
      </c>
      <c r="B13262" t="s">
        <v>4451</v>
      </c>
      <c r="C13262" t="s">
        <v>11542</v>
      </c>
      <c r="D13262" t="s">
        <v>11881</v>
      </c>
    </row>
    <row r="13263" spans="1:4" x14ac:dyDescent="0.4">
      <c r="A13263" s="1" t="s">
        <v>11877</v>
      </c>
      <c r="B13263" t="s">
        <v>4451</v>
      </c>
      <c r="C13263" t="s">
        <v>11542</v>
      </c>
      <c r="D13263" t="s">
        <v>11882</v>
      </c>
    </row>
    <row r="13264" spans="1:4" x14ac:dyDescent="0.4">
      <c r="A13264" s="1" t="s">
        <v>11877</v>
      </c>
      <c r="B13264" t="s">
        <v>4451</v>
      </c>
      <c r="C13264" t="s">
        <v>11542</v>
      </c>
      <c r="D13264" t="s">
        <v>11883</v>
      </c>
    </row>
    <row r="13265" spans="1:4" x14ac:dyDescent="0.4">
      <c r="A13265" s="1" t="s">
        <v>11884</v>
      </c>
      <c r="B13265" t="s">
        <v>4451</v>
      </c>
      <c r="C13265" t="s">
        <v>11542</v>
      </c>
      <c r="D13265" t="s">
        <v>11885</v>
      </c>
    </row>
    <row r="13266" spans="1:4" x14ac:dyDescent="0.4">
      <c r="A13266" s="1" t="s">
        <v>11884</v>
      </c>
      <c r="B13266" t="s">
        <v>4451</v>
      </c>
      <c r="C13266" t="s">
        <v>11542</v>
      </c>
      <c r="D13266" t="s">
        <v>11886</v>
      </c>
    </row>
    <row r="13267" spans="1:4" x14ac:dyDescent="0.4">
      <c r="A13267" s="1" t="s">
        <v>11884</v>
      </c>
      <c r="B13267" t="s">
        <v>4451</v>
      </c>
      <c r="C13267" t="s">
        <v>11542</v>
      </c>
      <c r="D13267" t="s">
        <v>11887</v>
      </c>
    </row>
    <row r="13268" spans="1:4" x14ac:dyDescent="0.4">
      <c r="A13268" s="1" t="s">
        <v>11884</v>
      </c>
      <c r="B13268" t="s">
        <v>4451</v>
      </c>
      <c r="C13268" t="s">
        <v>11542</v>
      </c>
      <c r="D13268" t="s">
        <v>11888</v>
      </c>
    </row>
    <row r="13269" spans="1:4" x14ac:dyDescent="0.4">
      <c r="A13269" s="1" t="s">
        <v>11884</v>
      </c>
      <c r="B13269" t="s">
        <v>4451</v>
      </c>
      <c r="C13269" t="s">
        <v>11542</v>
      </c>
      <c r="D13269" t="s">
        <v>11889</v>
      </c>
    </row>
    <row r="13270" spans="1:4" x14ac:dyDescent="0.4">
      <c r="A13270" s="1" t="s">
        <v>11884</v>
      </c>
      <c r="B13270" t="s">
        <v>4451</v>
      </c>
      <c r="C13270" t="s">
        <v>11542</v>
      </c>
      <c r="D13270" t="s">
        <v>11890</v>
      </c>
    </row>
    <row r="13271" spans="1:4" x14ac:dyDescent="0.4">
      <c r="A13271" s="1" t="s">
        <v>11884</v>
      </c>
      <c r="B13271" t="s">
        <v>4451</v>
      </c>
      <c r="C13271" t="s">
        <v>11542</v>
      </c>
      <c r="D13271" t="s">
        <v>11891</v>
      </c>
    </row>
    <row r="13272" spans="1:4" x14ac:dyDescent="0.4">
      <c r="A13272" s="1" t="s">
        <v>11884</v>
      </c>
      <c r="B13272" t="s">
        <v>4451</v>
      </c>
      <c r="C13272" t="s">
        <v>11542</v>
      </c>
      <c r="D13272" t="s">
        <v>11892</v>
      </c>
    </row>
    <row r="13273" spans="1:4" x14ac:dyDescent="0.4">
      <c r="A13273" s="1" t="s">
        <v>11884</v>
      </c>
      <c r="B13273" t="s">
        <v>4451</v>
      </c>
      <c r="C13273" t="s">
        <v>11542</v>
      </c>
      <c r="D13273" t="s">
        <v>11893</v>
      </c>
    </row>
    <row r="13274" spans="1:4" x14ac:dyDescent="0.4">
      <c r="A13274" s="1" t="s">
        <v>11884</v>
      </c>
      <c r="B13274" t="s">
        <v>4451</v>
      </c>
      <c r="C13274" t="s">
        <v>11542</v>
      </c>
      <c r="D13274" t="s">
        <v>11894</v>
      </c>
    </row>
    <row r="13275" spans="1:4" x14ac:dyDescent="0.4">
      <c r="A13275" s="1" t="s">
        <v>11884</v>
      </c>
      <c r="B13275" t="s">
        <v>4451</v>
      </c>
      <c r="C13275" t="s">
        <v>11542</v>
      </c>
      <c r="D13275" t="s">
        <v>11895</v>
      </c>
    </row>
    <row r="13276" spans="1:4" x14ac:dyDescent="0.4">
      <c r="A13276" s="1" t="s">
        <v>11884</v>
      </c>
      <c r="B13276" t="s">
        <v>4451</v>
      </c>
      <c r="C13276" t="s">
        <v>11542</v>
      </c>
      <c r="D13276" t="s">
        <v>11896</v>
      </c>
    </row>
    <row r="13277" spans="1:4" x14ac:dyDescent="0.4">
      <c r="A13277" s="1" t="s">
        <v>11884</v>
      </c>
      <c r="B13277" t="s">
        <v>4451</v>
      </c>
      <c r="C13277" t="s">
        <v>11542</v>
      </c>
      <c r="D13277" t="s">
        <v>11897</v>
      </c>
    </row>
    <row r="13278" spans="1:4" x14ac:dyDescent="0.4">
      <c r="A13278" s="1" t="s">
        <v>11898</v>
      </c>
      <c r="B13278" t="s">
        <v>4451</v>
      </c>
      <c r="C13278" t="s">
        <v>11542</v>
      </c>
      <c r="D13278" t="s">
        <v>11899</v>
      </c>
    </row>
    <row r="13279" spans="1:4" x14ac:dyDescent="0.4">
      <c r="A13279" s="1" t="s">
        <v>11898</v>
      </c>
      <c r="B13279" t="s">
        <v>4451</v>
      </c>
      <c r="C13279" t="s">
        <v>11542</v>
      </c>
      <c r="D13279" t="s">
        <v>11900</v>
      </c>
    </row>
    <row r="13280" spans="1:4" x14ac:dyDescent="0.4">
      <c r="A13280" s="1" t="s">
        <v>11898</v>
      </c>
      <c r="B13280" t="s">
        <v>4451</v>
      </c>
      <c r="C13280" t="s">
        <v>11542</v>
      </c>
      <c r="D13280" t="s">
        <v>11901</v>
      </c>
    </row>
    <row r="13281" spans="1:4" x14ac:dyDescent="0.4">
      <c r="A13281" s="1" t="s">
        <v>11898</v>
      </c>
      <c r="B13281" t="s">
        <v>4451</v>
      </c>
      <c r="C13281" t="s">
        <v>11542</v>
      </c>
      <c r="D13281" t="s">
        <v>11902</v>
      </c>
    </row>
    <row r="13282" spans="1:4" x14ac:dyDescent="0.4">
      <c r="A13282" s="1" t="s">
        <v>11898</v>
      </c>
      <c r="B13282" t="s">
        <v>4451</v>
      </c>
      <c r="C13282" t="s">
        <v>11542</v>
      </c>
      <c r="D13282" t="s">
        <v>11903</v>
      </c>
    </row>
    <row r="13283" spans="1:4" x14ac:dyDescent="0.4">
      <c r="A13283" s="1" t="s">
        <v>11898</v>
      </c>
      <c r="B13283" t="s">
        <v>4451</v>
      </c>
      <c r="C13283" t="s">
        <v>11542</v>
      </c>
      <c r="D13283" t="s">
        <v>11904</v>
      </c>
    </row>
    <row r="13284" spans="1:4" x14ac:dyDescent="0.4">
      <c r="A13284" s="1" t="s">
        <v>11898</v>
      </c>
      <c r="B13284" t="s">
        <v>4451</v>
      </c>
      <c r="C13284" t="s">
        <v>11542</v>
      </c>
      <c r="D13284" t="s">
        <v>11905</v>
      </c>
    </row>
    <row r="13285" spans="1:4" x14ac:dyDescent="0.4">
      <c r="A13285" s="1" t="s">
        <v>11898</v>
      </c>
      <c r="B13285" t="s">
        <v>4451</v>
      </c>
      <c r="C13285" t="s">
        <v>11542</v>
      </c>
      <c r="D13285" t="s">
        <v>11906</v>
      </c>
    </row>
    <row r="13286" spans="1:4" x14ac:dyDescent="0.4">
      <c r="A13286" s="1" t="s">
        <v>11898</v>
      </c>
      <c r="B13286" t="s">
        <v>4451</v>
      </c>
      <c r="C13286" t="s">
        <v>11542</v>
      </c>
      <c r="D13286" t="s">
        <v>11907</v>
      </c>
    </row>
    <row r="13287" spans="1:4" x14ac:dyDescent="0.4">
      <c r="A13287" s="1" t="s">
        <v>11898</v>
      </c>
      <c r="B13287" t="s">
        <v>4451</v>
      </c>
      <c r="C13287" t="s">
        <v>11542</v>
      </c>
      <c r="D13287" t="s">
        <v>11908</v>
      </c>
    </row>
    <row r="13288" spans="1:4" x14ac:dyDescent="0.4">
      <c r="A13288" s="1" t="s">
        <v>11898</v>
      </c>
      <c r="B13288" t="s">
        <v>4451</v>
      </c>
      <c r="C13288" t="s">
        <v>11542</v>
      </c>
      <c r="D13288" t="s">
        <v>11909</v>
      </c>
    </row>
    <row r="13289" spans="1:4" x14ac:dyDescent="0.4">
      <c r="A13289" s="1" t="s">
        <v>11910</v>
      </c>
      <c r="B13289" t="s">
        <v>4451</v>
      </c>
      <c r="C13289" t="s">
        <v>11542</v>
      </c>
      <c r="D13289" t="s">
        <v>11911</v>
      </c>
    </row>
    <row r="13290" spans="1:4" x14ac:dyDescent="0.4">
      <c r="A13290" s="1" t="s">
        <v>11910</v>
      </c>
      <c r="B13290" t="s">
        <v>4451</v>
      </c>
      <c r="C13290" t="s">
        <v>11542</v>
      </c>
      <c r="D13290" t="s">
        <v>11912</v>
      </c>
    </row>
    <row r="13291" spans="1:4" x14ac:dyDescent="0.4">
      <c r="A13291" s="1" t="s">
        <v>11910</v>
      </c>
      <c r="B13291" t="s">
        <v>4451</v>
      </c>
      <c r="C13291" t="s">
        <v>11542</v>
      </c>
      <c r="D13291" t="s">
        <v>11913</v>
      </c>
    </row>
    <row r="13292" spans="1:4" x14ac:dyDescent="0.4">
      <c r="A13292" s="1" t="s">
        <v>11910</v>
      </c>
      <c r="B13292" t="s">
        <v>4451</v>
      </c>
      <c r="C13292" t="s">
        <v>11542</v>
      </c>
      <c r="D13292" t="s">
        <v>11914</v>
      </c>
    </row>
    <row r="13293" spans="1:4" x14ac:dyDescent="0.4">
      <c r="A13293" s="1" t="s">
        <v>11910</v>
      </c>
      <c r="B13293" t="s">
        <v>4451</v>
      </c>
      <c r="C13293" t="s">
        <v>11542</v>
      </c>
      <c r="D13293" t="s">
        <v>11915</v>
      </c>
    </row>
    <row r="13294" spans="1:4" x14ac:dyDescent="0.4">
      <c r="A13294" s="1" t="s">
        <v>11910</v>
      </c>
      <c r="B13294" t="s">
        <v>4451</v>
      </c>
      <c r="C13294" t="s">
        <v>11542</v>
      </c>
      <c r="D13294" t="s">
        <v>11916</v>
      </c>
    </row>
    <row r="13295" spans="1:4" x14ac:dyDescent="0.4">
      <c r="A13295" s="1" t="s">
        <v>11910</v>
      </c>
      <c r="B13295" t="s">
        <v>4451</v>
      </c>
      <c r="C13295" t="s">
        <v>11542</v>
      </c>
      <c r="D13295" t="s">
        <v>11917</v>
      </c>
    </row>
    <row r="13296" spans="1:4" x14ac:dyDescent="0.4">
      <c r="A13296" s="1" t="s">
        <v>11910</v>
      </c>
      <c r="B13296" t="s">
        <v>4451</v>
      </c>
      <c r="C13296" t="s">
        <v>11542</v>
      </c>
      <c r="D13296" t="s">
        <v>11918</v>
      </c>
    </row>
    <row r="13297" spans="1:4" x14ac:dyDescent="0.4">
      <c r="A13297" s="1" t="s">
        <v>11910</v>
      </c>
      <c r="B13297" t="s">
        <v>4451</v>
      </c>
      <c r="C13297" t="s">
        <v>11542</v>
      </c>
      <c r="D13297" t="s">
        <v>11919</v>
      </c>
    </row>
    <row r="13298" spans="1:4" x14ac:dyDescent="0.4">
      <c r="A13298" s="1" t="s">
        <v>11910</v>
      </c>
      <c r="B13298" t="s">
        <v>4451</v>
      </c>
      <c r="C13298" t="s">
        <v>11542</v>
      </c>
      <c r="D13298" t="s">
        <v>11920</v>
      </c>
    </row>
    <row r="13299" spans="1:4" x14ac:dyDescent="0.4">
      <c r="A13299" s="1" t="s">
        <v>11910</v>
      </c>
      <c r="B13299" t="s">
        <v>4451</v>
      </c>
      <c r="C13299" t="s">
        <v>11542</v>
      </c>
      <c r="D13299" t="s">
        <v>11921</v>
      </c>
    </row>
    <row r="13300" spans="1:4" x14ac:dyDescent="0.4">
      <c r="A13300" s="1" t="s">
        <v>11910</v>
      </c>
      <c r="B13300" t="s">
        <v>4451</v>
      </c>
      <c r="C13300" t="s">
        <v>11542</v>
      </c>
      <c r="D13300" t="s">
        <v>11922</v>
      </c>
    </row>
    <row r="13301" spans="1:4" x14ac:dyDescent="0.4">
      <c r="A13301" s="1" t="s">
        <v>11910</v>
      </c>
      <c r="B13301" t="s">
        <v>4451</v>
      </c>
      <c r="C13301" t="s">
        <v>11542</v>
      </c>
      <c r="D13301" t="s">
        <v>11923</v>
      </c>
    </row>
    <row r="13302" spans="1:4" x14ac:dyDescent="0.4">
      <c r="A13302" s="1" t="s">
        <v>11910</v>
      </c>
      <c r="B13302" t="s">
        <v>4451</v>
      </c>
      <c r="C13302" t="s">
        <v>11542</v>
      </c>
      <c r="D13302" t="s">
        <v>11924</v>
      </c>
    </row>
    <row r="13303" spans="1:4" x14ac:dyDescent="0.4">
      <c r="A13303" s="1" t="s">
        <v>11910</v>
      </c>
      <c r="B13303" t="s">
        <v>4451</v>
      </c>
      <c r="C13303" t="s">
        <v>11542</v>
      </c>
      <c r="D13303" t="s">
        <v>11925</v>
      </c>
    </row>
    <row r="13304" spans="1:4" x14ac:dyDescent="0.4">
      <c r="A13304" s="1" t="s">
        <v>11910</v>
      </c>
      <c r="B13304" t="s">
        <v>4451</v>
      </c>
      <c r="C13304" t="s">
        <v>11542</v>
      </c>
      <c r="D13304" t="s">
        <v>11926</v>
      </c>
    </row>
    <row r="13305" spans="1:4" x14ac:dyDescent="0.4">
      <c r="A13305" s="1" t="s">
        <v>11927</v>
      </c>
      <c r="B13305" t="s">
        <v>4451</v>
      </c>
      <c r="C13305" t="s">
        <v>11542</v>
      </c>
      <c r="D13305" t="s">
        <v>11928</v>
      </c>
    </row>
    <row r="13306" spans="1:4" x14ac:dyDescent="0.4">
      <c r="A13306" s="1" t="s">
        <v>11929</v>
      </c>
      <c r="B13306" t="s">
        <v>4451</v>
      </c>
      <c r="C13306" t="s">
        <v>11542</v>
      </c>
      <c r="D13306" t="s">
        <v>11930</v>
      </c>
    </row>
    <row r="13307" spans="1:4" x14ac:dyDescent="0.4">
      <c r="A13307" s="1" t="s">
        <v>11929</v>
      </c>
      <c r="B13307" t="s">
        <v>4451</v>
      </c>
      <c r="C13307" t="s">
        <v>11542</v>
      </c>
      <c r="D13307" t="s">
        <v>11931</v>
      </c>
    </row>
    <row r="13308" spans="1:4" x14ac:dyDescent="0.4">
      <c r="A13308" s="1" t="s">
        <v>11929</v>
      </c>
      <c r="B13308" t="s">
        <v>4451</v>
      </c>
      <c r="C13308" t="s">
        <v>11542</v>
      </c>
      <c r="D13308" t="s">
        <v>11932</v>
      </c>
    </row>
    <row r="13309" spans="1:4" x14ac:dyDescent="0.4">
      <c r="A13309" s="1" t="s">
        <v>11929</v>
      </c>
      <c r="B13309" t="s">
        <v>4451</v>
      </c>
      <c r="C13309" t="s">
        <v>11542</v>
      </c>
      <c r="D13309" t="s">
        <v>11933</v>
      </c>
    </row>
    <row r="13310" spans="1:4" x14ac:dyDescent="0.4">
      <c r="A13310" s="1" t="s">
        <v>11929</v>
      </c>
      <c r="B13310" t="s">
        <v>4451</v>
      </c>
      <c r="C13310" t="s">
        <v>11542</v>
      </c>
      <c r="D13310" t="s">
        <v>11934</v>
      </c>
    </row>
    <row r="13311" spans="1:4" x14ac:dyDescent="0.4">
      <c r="A13311" s="1" t="s">
        <v>11935</v>
      </c>
      <c r="B13311" t="s">
        <v>4451</v>
      </c>
      <c r="C13311" t="s">
        <v>11542</v>
      </c>
      <c r="D13311" t="s">
        <v>11936</v>
      </c>
    </row>
    <row r="13312" spans="1:4" x14ac:dyDescent="0.4">
      <c r="A13312" s="1" t="s">
        <v>11935</v>
      </c>
      <c r="B13312" t="s">
        <v>4451</v>
      </c>
      <c r="C13312" t="s">
        <v>11542</v>
      </c>
      <c r="D13312" t="s">
        <v>11937</v>
      </c>
    </row>
    <row r="13313" spans="1:4" x14ac:dyDescent="0.4">
      <c r="A13313" s="1" t="s">
        <v>11935</v>
      </c>
      <c r="B13313" t="s">
        <v>4451</v>
      </c>
      <c r="C13313" t="s">
        <v>11542</v>
      </c>
      <c r="D13313" t="s">
        <v>11938</v>
      </c>
    </row>
    <row r="13314" spans="1:4" x14ac:dyDescent="0.4">
      <c r="A13314" s="1" t="s">
        <v>11935</v>
      </c>
      <c r="B13314" t="s">
        <v>4451</v>
      </c>
      <c r="C13314" t="s">
        <v>11542</v>
      </c>
      <c r="D13314" t="s">
        <v>11939</v>
      </c>
    </row>
    <row r="13315" spans="1:4" x14ac:dyDescent="0.4">
      <c r="A13315" s="1" t="s">
        <v>11935</v>
      </c>
      <c r="B13315" t="s">
        <v>4451</v>
      </c>
      <c r="C13315" t="s">
        <v>11542</v>
      </c>
      <c r="D13315" t="s">
        <v>11940</v>
      </c>
    </row>
    <row r="13316" spans="1:4" x14ac:dyDescent="0.4">
      <c r="A13316" s="1" t="s">
        <v>11935</v>
      </c>
      <c r="B13316" t="s">
        <v>4451</v>
      </c>
      <c r="C13316" t="s">
        <v>11542</v>
      </c>
      <c r="D13316" t="s">
        <v>11941</v>
      </c>
    </row>
    <row r="13317" spans="1:4" x14ac:dyDescent="0.4">
      <c r="A13317" s="1" t="s">
        <v>11935</v>
      </c>
      <c r="B13317" t="s">
        <v>4451</v>
      </c>
      <c r="C13317" t="s">
        <v>11542</v>
      </c>
      <c r="D13317" t="s">
        <v>11942</v>
      </c>
    </row>
    <row r="13318" spans="1:4" x14ac:dyDescent="0.4">
      <c r="A13318" s="1" t="s">
        <v>11935</v>
      </c>
      <c r="B13318" t="s">
        <v>4451</v>
      </c>
      <c r="C13318" t="s">
        <v>11542</v>
      </c>
      <c r="D13318" t="s">
        <v>11943</v>
      </c>
    </row>
    <row r="13319" spans="1:4" x14ac:dyDescent="0.4">
      <c r="A13319" s="1" t="s">
        <v>11935</v>
      </c>
      <c r="B13319" t="s">
        <v>4451</v>
      </c>
      <c r="C13319" t="s">
        <v>11542</v>
      </c>
      <c r="D13319" t="s">
        <v>11944</v>
      </c>
    </row>
    <row r="13320" spans="1:4" x14ac:dyDescent="0.4">
      <c r="A13320" s="1" t="s">
        <v>11935</v>
      </c>
      <c r="B13320" t="s">
        <v>4451</v>
      </c>
      <c r="C13320" t="s">
        <v>11542</v>
      </c>
      <c r="D13320" t="s">
        <v>11945</v>
      </c>
    </row>
    <row r="13321" spans="1:4" x14ac:dyDescent="0.4">
      <c r="A13321" s="1" t="s">
        <v>11935</v>
      </c>
      <c r="B13321" t="s">
        <v>4451</v>
      </c>
      <c r="C13321" t="s">
        <v>11542</v>
      </c>
      <c r="D13321" t="s">
        <v>11946</v>
      </c>
    </row>
    <row r="13322" spans="1:4" x14ac:dyDescent="0.4">
      <c r="A13322" s="1" t="s">
        <v>11947</v>
      </c>
      <c r="B13322" t="s">
        <v>4451</v>
      </c>
      <c r="C13322" t="s">
        <v>11542</v>
      </c>
      <c r="D13322" t="s">
        <v>11948</v>
      </c>
    </row>
    <row r="13323" spans="1:4" x14ac:dyDescent="0.4">
      <c r="A13323" s="1" t="s">
        <v>11947</v>
      </c>
      <c r="B13323" t="s">
        <v>4451</v>
      </c>
      <c r="C13323" t="s">
        <v>11542</v>
      </c>
      <c r="D13323" t="s">
        <v>11949</v>
      </c>
    </row>
    <row r="13324" spans="1:4" x14ac:dyDescent="0.4">
      <c r="A13324" s="1" t="s">
        <v>11947</v>
      </c>
      <c r="B13324" t="s">
        <v>4451</v>
      </c>
      <c r="C13324" t="s">
        <v>11542</v>
      </c>
      <c r="D13324" t="s">
        <v>11950</v>
      </c>
    </row>
    <row r="13325" spans="1:4" x14ac:dyDescent="0.4">
      <c r="A13325" s="1" t="s">
        <v>11947</v>
      </c>
      <c r="B13325" t="s">
        <v>4451</v>
      </c>
      <c r="C13325" t="s">
        <v>11542</v>
      </c>
      <c r="D13325" t="s">
        <v>11951</v>
      </c>
    </row>
    <row r="13326" spans="1:4" x14ac:dyDescent="0.4">
      <c r="A13326" s="1" t="s">
        <v>11947</v>
      </c>
      <c r="B13326" t="s">
        <v>4451</v>
      </c>
      <c r="C13326" t="s">
        <v>11542</v>
      </c>
      <c r="D13326" t="s">
        <v>11952</v>
      </c>
    </row>
    <row r="13327" spans="1:4" x14ac:dyDescent="0.4">
      <c r="A13327" s="1" t="s">
        <v>11947</v>
      </c>
      <c r="B13327" t="s">
        <v>4451</v>
      </c>
      <c r="C13327" t="s">
        <v>11542</v>
      </c>
      <c r="D13327" t="s">
        <v>11953</v>
      </c>
    </row>
    <row r="13328" spans="1:4" x14ac:dyDescent="0.4">
      <c r="A13328" s="1" t="s">
        <v>11947</v>
      </c>
      <c r="B13328" t="s">
        <v>4451</v>
      </c>
      <c r="C13328" t="s">
        <v>11542</v>
      </c>
      <c r="D13328" t="s">
        <v>11954</v>
      </c>
    </row>
    <row r="13329" spans="1:4" x14ac:dyDescent="0.4">
      <c r="A13329" s="1" t="s">
        <v>11947</v>
      </c>
      <c r="B13329" t="s">
        <v>4451</v>
      </c>
      <c r="C13329" t="s">
        <v>11542</v>
      </c>
      <c r="D13329" t="s">
        <v>11955</v>
      </c>
    </row>
    <row r="13330" spans="1:4" x14ac:dyDescent="0.4">
      <c r="A13330" s="1" t="s">
        <v>11947</v>
      </c>
      <c r="B13330" t="s">
        <v>4451</v>
      </c>
      <c r="C13330" t="s">
        <v>11542</v>
      </c>
      <c r="D13330" t="s">
        <v>11956</v>
      </c>
    </row>
    <row r="13331" spans="1:4" x14ac:dyDescent="0.4">
      <c r="A13331" s="1" t="s">
        <v>11947</v>
      </c>
      <c r="B13331" t="s">
        <v>4451</v>
      </c>
      <c r="C13331" t="s">
        <v>11542</v>
      </c>
      <c r="D13331" t="s">
        <v>11957</v>
      </c>
    </row>
    <row r="13332" spans="1:4" x14ac:dyDescent="0.4">
      <c r="A13332" s="1" t="s">
        <v>11947</v>
      </c>
      <c r="B13332" t="s">
        <v>4451</v>
      </c>
      <c r="C13332" t="s">
        <v>11542</v>
      </c>
      <c r="D13332" t="s">
        <v>11958</v>
      </c>
    </row>
    <row r="13333" spans="1:4" x14ac:dyDescent="0.4">
      <c r="A13333" s="1" t="s">
        <v>11947</v>
      </c>
      <c r="B13333" t="s">
        <v>4451</v>
      </c>
      <c r="C13333" t="s">
        <v>11542</v>
      </c>
      <c r="D13333" t="s">
        <v>11959</v>
      </c>
    </row>
    <row r="13334" spans="1:4" x14ac:dyDescent="0.4">
      <c r="A13334" s="1" t="s">
        <v>11947</v>
      </c>
      <c r="B13334" t="s">
        <v>4451</v>
      </c>
      <c r="C13334" t="s">
        <v>11542</v>
      </c>
      <c r="D13334" t="s">
        <v>11960</v>
      </c>
    </row>
    <row r="13335" spans="1:4" x14ac:dyDescent="0.4">
      <c r="A13335" s="1" t="s">
        <v>11947</v>
      </c>
      <c r="B13335" t="s">
        <v>4451</v>
      </c>
      <c r="C13335" t="s">
        <v>11542</v>
      </c>
      <c r="D13335" t="s">
        <v>11961</v>
      </c>
    </row>
    <row r="13336" spans="1:4" x14ac:dyDescent="0.4">
      <c r="A13336" s="1" t="s">
        <v>11947</v>
      </c>
      <c r="B13336" t="s">
        <v>4451</v>
      </c>
      <c r="C13336" t="s">
        <v>11542</v>
      </c>
      <c r="D13336" t="s">
        <v>11962</v>
      </c>
    </row>
    <row r="13337" spans="1:4" x14ac:dyDescent="0.4">
      <c r="A13337" s="1" t="s">
        <v>11947</v>
      </c>
      <c r="B13337" t="s">
        <v>4451</v>
      </c>
      <c r="C13337" t="s">
        <v>11542</v>
      </c>
      <c r="D13337" t="s">
        <v>11963</v>
      </c>
    </row>
    <row r="13338" spans="1:4" x14ac:dyDescent="0.4">
      <c r="A13338" s="1" t="s">
        <v>11947</v>
      </c>
      <c r="B13338" t="s">
        <v>4451</v>
      </c>
      <c r="C13338" t="s">
        <v>11542</v>
      </c>
      <c r="D13338" t="s">
        <v>11964</v>
      </c>
    </row>
    <row r="13339" spans="1:4" x14ac:dyDescent="0.4">
      <c r="A13339" s="1" t="s">
        <v>11947</v>
      </c>
      <c r="B13339" t="s">
        <v>4451</v>
      </c>
      <c r="C13339" t="s">
        <v>11542</v>
      </c>
      <c r="D13339" t="s">
        <v>11965</v>
      </c>
    </row>
    <row r="13340" spans="1:4" x14ac:dyDescent="0.4">
      <c r="A13340" s="1" t="s">
        <v>11947</v>
      </c>
      <c r="B13340" t="s">
        <v>4451</v>
      </c>
      <c r="C13340" t="s">
        <v>11542</v>
      </c>
      <c r="D13340" t="s">
        <v>11966</v>
      </c>
    </row>
    <row r="13341" spans="1:4" x14ac:dyDescent="0.4">
      <c r="A13341" s="1" t="s">
        <v>11967</v>
      </c>
      <c r="B13341" t="s">
        <v>4451</v>
      </c>
      <c r="C13341" t="s">
        <v>11542</v>
      </c>
      <c r="D13341" t="s">
        <v>11968</v>
      </c>
    </row>
    <row r="13342" spans="1:4" x14ac:dyDescent="0.4">
      <c r="A13342" s="1" t="s">
        <v>11967</v>
      </c>
      <c r="B13342" t="s">
        <v>4451</v>
      </c>
      <c r="C13342" t="s">
        <v>11542</v>
      </c>
      <c r="D13342" t="s">
        <v>11969</v>
      </c>
    </row>
    <row r="13343" spans="1:4" x14ac:dyDescent="0.4">
      <c r="A13343" s="1" t="s">
        <v>11967</v>
      </c>
      <c r="B13343" t="s">
        <v>4451</v>
      </c>
      <c r="C13343" t="s">
        <v>11542</v>
      </c>
      <c r="D13343" t="s">
        <v>11970</v>
      </c>
    </row>
    <row r="13344" spans="1:4" x14ac:dyDescent="0.4">
      <c r="A13344" s="1" t="s">
        <v>11971</v>
      </c>
      <c r="B13344" t="s">
        <v>4451</v>
      </c>
      <c r="C13344" t="s">
        <v>11542</v>
      </c>
      <c r="D13344" t="s">
        <v>11972</v>
      </c>
    </row>
    <row r="13345" spans="1:4" x14ac:dyDescent="0.4">
      <c r="A13345" s="1" t="s">
        <v>11971</v>
      </c>
      <c r="B13345" t="s">
        <v>4451</v>
      </c>
      <c r="C13345" t="s">
        <v>11542</v>
      </c>
      <c r="D13345" t="s">
        <v>11973</v>
      </c>
    </row>
    <row r="13346" spans="1:4" x14ac:dyDescent="0.4">
      <c r="A13346" s="1" t="s">
        <v>11971</v>
      </c>
      <c r="B13346" t="s">
        <v>4451</v>
      </c>
      <c r="C13346" t="s">
        <v>11542</v>
      </c>
      <c r="D13346" t="s">
        <v>11974</v>
      </c>
    </row>
    <row r="13347" spans="1:4" x14ac:dyDescent="0.4">
      <c r="A13347" s="1" t="s">
        <v>11971</v>
      </c>
      <c r="B13347" t="s">
        <v>4451</v>
      </c>
      <c r="C13347" t="s">
        <v>11542</v>
      </c>
      <c r="D13347" t="s">
        <v>11975</v>
      </c>
    </row>
    <row r="13348" spans="1:4" x14ac:dyDescent="0.4">
      <c r="A13348" s="1" t="s">
        <v>11971</v>
      </c>
      <c r="B13348" t="s">
        <v>4451</v>
      </c>
      <c r="C13348" t="s">
        <v>11542</v>
      </c>
      <c r="D13348" t="s">
        <v>11976</v>
      </c>
    </row>
    <row r="13349" spans="1:4" x14ac:dyDescent="0.4">
      <c r="A13349" s="1" t="s">
        <v>11971</v>
      </c>
      <c r="B13349" t="s">
        <v>4451</v>
      </c>
      <c r="C13349" t="s">
        <v>11542</v>
      </c>
      <c r="D13349" t="s">
        <v>11977</v>
      </c>
    </row>
    <row r="13350" spans="1:4" x14ac:dyDescent="0.4">
      <c r="A13350" s="1" t="s">
        <v>11971</v>
      </c>
      <c r="B13350" t="s">
        <v>4451</v>
      </c>
      <c r="C13350" t="s">
        <v>11542</v>
      </c>
      <c r="D13350" t="s">
        <v>11978</v>
      </c>
    </row>
    <row r="13351" spans="1:4" x14ac:dyDescent="0.4">
      <c r="A13351" s="1" t="s">
        <v>11971</v>
      </c>
      <c r="B13351" t="s">
        <v>4451</v>
      </c>
      <c r="C13351" t="s">
        <v>11542</v>
      </c>
      <c r="D13351" t="s">
        <v>11979</v>
      </c>
    </row>
    <row r="13352" spans="1:4" x14ac:dyDescent="0.4">
      <c r="A13352" s="1" t="s">
        <v>11980</v>
      </c>
      <c r="B13352" t="s">
        <v>11981</v>
      </c>
      <c r="C13352" t="s">
        <v>11982</v>
      </c>
    </row>
    <row r="13353" spans="1:4" x14ac:dyDescent="0.4">
      <c r="A13353" s="1" t="s">
        <v>11983</v>
      </c>
      <c r="B13353" t="s">
        <v>11981</v>
      </c>
      <c r="C13353" t="s">
        <v>11982</v>
      </c>
      <c r="D13353" t="s">
        <v>708</v>
      </c>
    </row>
    <row r="13354" spans="1:4" x14ac:dyDescent="0.4">
      <c r="A13354" s="1" t="s">
        <v>11984</v>
      </c>
      <c r="B13354" t="s">
        <v>11981</v>
      </c>
      <c r="C13354" t="s">
        <v>11982</v>
      </c>
      <c r="D13354" t="s">
        <v>11985</v>
      </c>
    </row>
    <row r="13355" spans="1:4" x14ac:dyDescent="0.4">
      <c r="A13355" s="1" t="s">
        <v>11986</v>
      </c>
      <c r="B13355" t="s">
        <v>11981</v>
      </c>
      <c r="C13355" t="s">
        <v>11982</v>
      </c>
      <c r="D13355" t="s">
        <v>11987</v>
      </c>
    </row>
    <row r="13356" spans="1:4" x14ac:dyDescent="0.4">
      <c r="A13356" s="1" t="s">
        <v>11988</v>
      </c>
      <c r="B13356" t="s">
        <v>11981</v>
      </c>
      <c r="C13356" t="s">
        <v>11982</v>
      </c>
      <c r="D13356" t="s">
        <v>124</v>
      </c>
    </row>
    <row r="13357" spans="1:4" x14ac:dyDescent="0.4">
      <c r="A13357" s="1" t="s">
        <v>11989</v>
      </c>
      <c r="B13357" t="s">
        <v>11981</v>
      </c>
      <c r="C13357" t="s">
        <v>11982</v>
      </c>
      <c r="D13357" t="s">
        <v>11990</v>
      </c>
    </row>
    <row r="13358" spans="1:4" x14ac:dyDescent="0.4">
      <c r="A13358" s="1" t="s">
        <v>11991</v>
      </c>
      <c r="B13358" t="s">
        <v>11981</v>
      </c>
      <c r="C13358" t="s">
        <v>11982</v>
      </c>
      <c r="D13358" t="s">
        <v>11992</v>
      </c>
    </row>
    <row r="13359" spans="1:4" x14ac:dyDescent="0.4">
      <c r="A13359" s="1" t="s">
        <v>11993</v>
      </c>
      <c r="B13359" t="s">
        <v>11981</v>
      </c>
      <c r="C13359" t="s">
        <v>11982</v>
      </c>
      <c r="D13359" t="s">
        <v>11994</v>
      </c>
    </row>
    <row r="13360" spans="1:4" x14ac:dyDescent="0.4">
      <c r="A13360" s="1" t="s">
        <v>11995</v>
      </c>
      <c r="B13360" t="s">
        <v>11981</v>
      </c>
      <c r="C13360" t="s">
        <v>11982</v>
      </c>
      <c r="D13360" t="s">
        <v>11996</v>
      </c>
    </row>
    <row r="13361" spans="1:4" x14ac:dyDescent="0.4">
      <c r="A13361" s="1" t="s">
        <v>11997</v>
      </c>
      <c r="B13361" t="s">
        <v>11981</v>
      </c>
      <c r="C13361" t="s">
        <v>11982</v>
      </c>
      <c r="D13361" t="s">
        <v>1653</v>
      </c>
    </row>
    <row r="13362" spans="1:4" x14ac:dyDescent="0.4">
      <c r="A13362" s="1" t="s">
        <v>11998</v>
      </c>
      <c r="B13362" t="s">
        <v>11981</v>
      </c>
      <c r="C13362" t="s">
        <v>11982</v>
      </c>
      <c r="D13362" t="s">
        <v>11999</v>
      </c>
    </row>
    <row r="13363" spans="1:4" x14ac:dyDescent="0.4">
      <c r="A13363" s="1" t="s">
        <v>12000</v>
      </c>
      <c r="B13363" t="s">
        <v>11981</v>
      </c>
      <c r="C13363" t="s">
        <v>11982</v>
      </c>
      <c r="D13363" t="s">
        <v>12001</v>
      </c>
    </row>
    <row r="13364" spans="1:4" x14ac:dyDescent="0.4">
      <c r="A13364" s="1" t="s">
        <v>12002</v>
      </c>
      <c r="B13364" t="s">
        <v>11981</v>
      </c>
      <c r="C13364" t="s">
        <v>11982</v>
      </c>
      <c r="D13364" t="s">
        <v>12003</v>
      </c>
    </row>
    <row r="13365" spans="1:4" x14ac:dyDescent="0.4">
      <c r="A13365" s="1" t="s">
        <v>12004</v>
      </c>
      <c r="B13365" t="s">
        <v>11981</v>
      </c>
      <c r="C13365" t="s">
        <v>11982</v>
      </c>
      <c r="D13365" t="s">
        <v>12005</v>
      </c>
    </row>
    <row r="13366" spans="1:4" x14ac:dyDescent="0.4">
      <c r="A13366" s="1" t="s">
        <v>12006</v>
      </c>
      <c r="B13366" t="s">
        <v>11981</v>
      </c>
      <c r="C13366" t="s">
        <v>11982</v>
      </c>
      <c r="D13366" t="s">
        <v>12007</v>
      </c>
    </row>
    <row r="13367" spans="1:4" x14ac:dyDescent="0.4">
      <c r="A13367" s="1" t="s">
        <v>12008</v>
      </c>
      <c r="B13367" t="s">
        <v>11981</v>
      </c>
      <c r="C13367" t="s">
        <v>11982</v>
      </c>
      <c r="D13367" t="s">
        <v>5272</v>
      </c>
    </row>
    <row r="13368" spans="1:4" x14ac:dyDescent="0.4">
      <c r="A13368" s="1" t="s">
        <v>12009</v>
      </c>
      <c r="B13368" t="s">
        <v>11981</v>
      </c>
      <c r="C13368" t="s">
        <v>11982</v>
      </c>
      <c r="D13368" t="s">
        <v>12010</v>
      </c>
    </row>
    <row r="13369" spans="1:4" x14ac:dyDescent="0.4">
      <c r="A13369" s="1" t="s">
        <v>12011</v>
      </c>
      <c r="B13369" t="s">
        <v>11981</v>
      </c>
      <c r="C13369" t="s">
        <v>11982</v>
      </c>
      <c r="D13369" t="s">
        <v>12012</v>
      </c>
    </row>
    <row r="13370" spans="1:4" x14ac:dyDescent="0.4">
      <c r="A13370" s="1" t="s">
        <v>12013</v>
      </c>
      <c r="B13370" t="s">
        <v>11981</v>
      </c>
      <c r="C13370" t="s">
        <v>11982</v>
      </c>
      <c r="D13370" t="s">
        <v>12014</v>
      </c>
    </row>
    <row r="13371" spans="1:4" x14ac:dyDescent="0.4">
      <c r="A13371" s="1" t="s">
        <v>12015</v>
      </c>
      <c r="B13371" t="s">
        <v>11981</v>
      </c>
      <c r="C13371" t="s">
        <v>11982</v>
      </c>
      <c r="D13371" t="s">
        <v>12016</v>
      </c>
    </row>
    <row r="13372" spans="1:4" x14ac:dyDescent="0.4">
      <c r="A13372" s="1" t="s">
        <v>12017</v>
      </c>
      <c r="B13372" t="s">
        <v>11981</v>
      </c>
      <c r="C13372" t="s">
        <v>11982</v>
      </c>
      <c r="D13372" t="s">
        <v>12018</v>
      </c>
    </row>
    <row r="13373" spans="1:4" x14ac:dyDescent="0.4">
      <c r="A13373" s="1" t="s">
        <v>12019</v>
      </c>
      <c r="B13373" t="s">
        <v>11981</v>
      </c>
      <c r="C13373" t="s">
        <v>11982</v>
      </c>
      <c r="D13373" t="s">
        <v>12020</v>
      </c>
    </row>
    <row r="13374" spans="1:4" x14ac:dyDescent="0.4">
      <c r="A13374" s="1" t="s">
        <v>12021</v>
      </c>
      <c r="B13374" t="s">
        <v>11981</v>
      </c>
      <c r="C13374" t="s">
        <v>11982</v>
      </c>
      <c r="D13374" t="s">
        <v>12022</v>
      </c>
    </row>
    <row r="13375" spans="1:4" x14ac:dyDescent="0.4">
      <c r="A13375" s="1" t="s">
        <v>12023</v>
      </c>
      <c r="B13375" t="s">
        <v>11981</v>
      </c>
      <c r="C13375" t="s">
        <v>11982</v>
      </c>
      <c r="D13375" t="s">
        <v>12024</v>
      </c>
    </row>
    <row r="13376" spans="1:4" x14ac:dyDescent="0.4">
      <c r="A13376" s="1" t="s">
        <v>12025</v>
      </c>
      <c r="B13376" t="s">
        <v>11981</v>
      </c>
      <c r="C13376" t="s">
        <v>11982</v>
      </c>
      <c r="D13376" t="s">
        <v>12026</v>
      </c>
    </row>
    <row r="13377" spans="1:4" x14ac:dyDescent="0.4">
      <c r="A13377" s="1" t="s">
        <v>12027</v>
      </c>
      <c r="B13377" t="s">
        <v>11981</v>
      </c>
      <c r="C13377" t="s">
        <v>11982</v>
      </c>
      <c r="D13377" t="s">
        <v>3668</v>
      </c>
    </row>
    <row r="13378" spans="1:4" x14ac:dyDescent="0.4">
      <c r="A13378" s="1" t="s">
        <v>12028</v>
      </c>
      <c r="B13378" t="s">
        <v>11981</v>
      </c>
      <c r="C13378" t="s">
        <v>11982</v>
      </c>
      <c r="D13378" t="s">
        <v>12029</v>
      </c>
    </row>
    <row r="13379" spans="1:4" x14ac:dyDescent="0.4">
      <c r="A13379" s="1" t="s">
        <v>12030</v>
      </c>
      <c r="B13379" t="s">
        <v>11981</v>
      </c>
      <c r="C13379" t="s">
        <v>11982</v>
      </c>
      <c r="D13379" t="s">
        <v>12031</v>
      </c>
    </row>
    <row r="13380" spans="1:4" x14ac:dyDescent="0.4">
      <c r="A13380" s="1" t="s">
        <v>12032</v>
      </c>
      <c r="B13380" t="s">
        <v>11981</v>
      </c>
      <c r="C13380" t="s">
        <v>11982</v>
      </c>
      <c r="D13380" t="s">
        <v>12033</v>
      </c>
    </row>
    <row r="13381" spans="1:4" x14ac:dyDescent="0.4">
      <c r="A13381" s="1" t="s">
        <v>12034</v>
      </c>
      <c r="B13381" t="s">
        <v>11981</v>
      </c>
      <c r="C13381" t="s">
        <v>11982</v>
      </c>
      <c r="D13381" t="s">
        <v>12035</v>
      </c>
    </row>
    <row r="13382" spans="1:4" x14ac:dyDescent="0.4">
      <c r="A13382" s="1" t="s">
        <v>12036</v>
      </c>
      <c r="B13382" t="s">
        <v>11981</v>
      </c>
      <c r="C13382" t="s">
        <v>11982</v>
      </c>
      <c r="D13382" t="s">
        <v>12037</v>
      </c>
    </row>
    <row r="13383" spans="1:4" x14ac:dyDescent="0.4">
      <c r="A13383" s="1" t="s">
        <v>12038</v>
      </c>
      <c r="B13383" t="s">
        <v>11981</v>
      </c>
      <c r="C13383" t="s">
        <v>11982</v>
      </c>
      <c r="D13383" t="s">
        <v>12039</v>
      </c>
    </row>
    <row r="13384" spans="1:4" x14ac:dyDescent="0.4">
      <c r="A13384" s="1" t="s">
        <v>12040</v>
      </c>
      <c r="B13384" t="s">
        <v>11981</v>
      </c>
      <c r="C13384" t="s">
        <v>11982</v>
      </c>
      <c r="D13384" t="s">
        <v>12041</v>
      </c>
    </row>
    <row r="13385" spans="1:4" x14ac:dyDescent="0.4">
      <c r="A13385" s="1" t="s">
        <v>12042</v>
      </c>
      <c r="B13385" t="s">
        <v>11981</v>
      </c>
      <c r="C13385" t="s">
        <v>11982</v>
      </c>
      <c r="D13385" t="s">
        <v>12043</v>
      </c>
    </row>
    <row r="13386" spans="1:4" x14ac:dyDescent="0.4">
      <c r="A13386" s="1" t="s">
        <v>12044</v>
      </c>
      <c r="B13386" t="s">
        <v>11981</v>
      </c>
      <c r="C13386" t="s">
        <v>11982</v>
      </c>
      <c r="D13386" t="s">
        <v>12045</v>
      </c>
    </row>
    <row r="13387" spans="1:4" x14ac:dyDescent="0.4">
      <c r="A13387" s="1" t="s">
        <v>12046</v>
      </c>
      <c r="B13387" t="s">
        <v>11981</v>
      </c>
      <c r="C13387" t="s">
        <v>11982</v>
      </c>
      <c r="D13387" t="s">
        <v>12047</v>
      </c>
    </row>
    <row r="13388" spans="1:4" x14ac:dyDescent="0.4">
      <c r="A13388" s="1" t="s">
        <v>12048</v>
      </c>
      <c r="B13388" t="s">
        <v>11981</v>
      </c>
      <c r="C13388" t="s">
        <v>11982</v>
      </c>
      <c r="D13388" t="s">
        <v>12049</v>
      </c>
    </row>
    <row r="13389" spans="1:4" x14ac:dyDescent="0.4">
      <c r="A13389" s="1" t="s">
        <v>12050</v>
      </c>
      <c r="B13389" t="s">
        <v>11981</v>
      </c>
      <c r="C13389" t="s">
        <v>11982</v>
      </c>
      <c r="D13389" t="s">
        <v>12051</v>
      </c>
    </row>
    <row r="13390" spans="1:4" x14ac:dyDescent="0.4">
      <c r="A13390" s="1" t="s">
        <v>12052</v>
      </c>
      <c r="B13390" t="s">
        <v>11981</v>
      </c>
      <c r="C13390" t="s">
        <v>11982</v>
      </c>
      <c r="D13390" t="s">
        <v>12053</v>
      </c>
    </row>
    <row r="13391" spans="1:4" x14ac:dyDescent="0.4">
      <c r="A13391" s="1" t="s">
        <v>12054</v>
      </c>
      <c r="B13391" t="s">
        <v>11981</v>
      </c>
      <c r="C13391" t="s">
        <v>11982</v>
      </c>
      <c r="D13391" t="s">
        <v>2254</v>
      </c>
    </row>
    <row r="13392" spans="1:4" x14ac:dyDescent="0.4">
      <c r="A13392" s="1" t="s">
        <v>12055</v>
      </c>
      <c r="B13392" t="s">
        <v>11981</v>
      </c>
      <c r="C13392" t="s">
        <v>11982</v>
      </c>
      <c r="D13392" t="s">
        <v>12056</v>
      </c>
    </row>
    <row r="13393" spans="1:4" x14ac:dyDescent="0.4">
      <c r="A13393" s="1" t="s">
        <v>12057</v>
      </c>
      <c r="B13393" t="s">
        <v>11981</v>
      </c>
      <c r="C13393" t="s">
        <v>11982</v>
      </c>
      <c r="D13393" t="s">
        <v>12058</v>
      </c>
    </row>
    <row r="13394" spans="1:4" x14ac:dyDescent="0.4">
      <c r="A13394" s="1" t="s">
        <v>12059</v>
      </c>
      <c r="B13394" t="s">
        <v>11981</v>
      </c>
      <c r="C13394" t="s">
        <v>11982</v>
      </c>
      <c r="D13394" t="s">
        <v>4901</v>
      </c>
    </row>
    <row r="13395" spans="1:4" x14ac:dyDescent="0.4">
      <c r="A13395" s="1" t="s">
        <v>12060</v>
      </c>
      <c r="B13395" t="s">
        <v>11981</v>
      </c>
      <c r="C13395" t="s">
        <v>11982</v>
      </c>
      <c r="D13395" t="s">
        <v>12061</v>
      </c>
    </row>
    <row r="13396" spans="1:4" x14ac:dyDescent="0.4">
      <c r="A13396" s="1" t="s">
        <v>12062</v>
      </c>
      <c r="B13396" t="s">
        <v>11981</v>
      </c>
      <c r="C13396" t="s">
        <v>11982</v>
      </c>
      <c r="D13396" t="s">
        <v>6133</v>
      </c>
    </row>
    <row r="13397" spans="1:4" x14ac:dyDescent="0.4">
      <c r="A13397" s="1" t="s">
        <v>12063</v>
      </c>
      <c r="B13397" t="s">
        <v>11981</v>
      </c>
      <c r="C13397" t="s">
        <v>11982</v>
      </c>
      <c r="D13397" t="s">
        <v>12064</v>
      </c>
    </row>
    <row r="13398" spans="1:4" x14ac:dyDescent="0.4">
      <c r="A13398" s="1" t="s">
        <v>12065</v>
      </c>
      <c r="B13398" t="s">
        <v>11981</v>
      </c>
      <c r="C13398" t="s">
        <v>11982</v>
      </c>
      <c r="D13398" t="s">
        <v>12066</v>
      </c>
    </row>
    <row r="13399" spans="1:4" x14ac:dyDescent="0.4">
      <c r="A13399" s="1" t="s">
        <v>12067</v>
      </c>
      <c r="B13399" t="s">
        <v>11981</v>
      </c>
      <c r="C13399" t="s">
        <v>11982</v>
      </c>
      <c r="D13399" t="s">
        <v>2016</v>
      </c>
    </row>
    <row r="13400" spans="1:4" x14ac:dyDescent="0.4">
      <c r="A13400" s="1" t="s">
        <v>12068</v>
      </c>
      <c r="B13400" t="s">
        <v>11981</v>
      </c>
      <c r="C13400" t="s">
        <v>11982</v>
      </c>
      <c r="D13400" t="s">
        <v>4928</v>
      </c>
    </row>
    <row r="13401" spans="1:4" x14ac:dyDescent="0.4">
      <c r="A13401" s="1" t="s">
        <v>12069</v>
      </c>
      <c r="B13401" t="s">
        <v>11981</v>
      </c>
      <c r="C13401" t="s">
        <v>11982</v>
      </c>
      <c r="D13401" t="s">
        <v>12070</v>
      </c>
    </row>
    <row r="13402" spans="1:4" x14ac:dyDescent="0.4">
      <c r="A13402" s="1" t="s">
        <v>12071</v>
      </c>
      <c r="B13402" t="s">
        <v>11981</v>
      </c>
      <c r="C13402" t="s">
        <v>11982</v>
      </c>
      <c r="D13402" t="s">
        <v>12072</v>
      </c>
    </row>
    <row r="13403" spans="1:4" x14ac:dyDescent="0.4">
      <c r="A13403" s="1" t="s">
        <v>12073</v>
      </c>
      <c r="B13403" t="s">
        <v>11981</v>
      </c>
      <c r="C13403" t="s">
        <v>11982</v>
      </c>
      <c r="D13403" t="s">
        <v>4199</v>
      </c>
    </row>
    <row r="13404" spans="1:4" x14ac:dyDescent="0.4">
      <c r="A13404" s="1" t="s">
        <v>12074</v>
      </c>
      <c r="B13404" t="s">
        <v>11981</v>
      </c>
      <c r="C13404" t="s">
        <v>11982</v>
      </c>
      <c r="D13404" t="s">
        <v>12075</v>
      </c>
    </row>
    <row r="13405" spans="1:4" x14ac:dyDescent="0.4">
      <c r="A13405" s="1" t="s">
        <v>12076</v>
      </c>
      <c r="B13405" t="s">
        <v>11981</v>
      </c>
      <c r="C13405" t="s">
        <v>11982</v>
      </c>
      <c r="D13405" t="s">
        <v>12077</v>
      </c>
    </row>
    <row r="13406" spans="1:4" x14ac:dyDescent="0.4">
      <c r="A13406" s="1" t="s">
        <v>12078</v>
      </c>
      <c r="B13406" t="s">
        <v>11981</v>
      </c>
      <c r="C13406" t="s">
        <v>11982</v>
      </c>
      <c r="D13406" t="s">
        <v>3684</v>
      </c>
    </row>
    <row r="13407" spans="1:4" x14ac:dyDescent="0.4">
      <c r="A13407" s="1" t="s">
        <v>12079</v>
      </c>
      <c r="B13407" t="s">
        <v>11981</v>
      </c>
      <c r="C13407" t="s">
        <v>11982</v>
      </c>
      <c r="D13407" t="s">
        <v>12080</v>
      </c>
    </row>
    <row r="13408" spans="1:4" x14ac:dyDescent="0.4">
      <c r="A13408" s="1" t="s">
        <v>12081</v>
      </c>
      <c r="B13408" t="s">
        <v>11981</v>
      </c>
      <c r="C13408" t="s">
        <v>11982</v>
      </c>
      <c r="D13408" t="s">
        <v>12082</v>
      </c>
    </row>
    <row r="13409" spans="1:4" x14ac:dyDescent="0.4">
      <c r="A13409" s="1" t="s">
        <v>12083</v>
      </c>
      <c r="B13409" t="s">
        <v>11981</v>
      </c>
      <c r="C13409" t="s">
        <v>11982</v>
      </c>
      <c r="D13409" t="s">
        <v>12084</v>
      </c>
    </row>
    <row r="13410" spans="1:4" x14ac:dyDescent="0.4">
      <c r="A13410" s="1" t="s">
        <v>12085</v>
      </c>
      <c r="B13410" t="s">
        <v>11981</v>
      </c>
      <c r="C13410" t="s">
        <v>11982</v>
      </c>
      <c r="D13410" t="s">
        <v>12086</v>
      </c>
    </row>
    <row r="13411" spans="1:4" x14ac:dyDescent="0.4">
      <c r="A13411" s="1" t="s">
        <v>12087</v>
      </c>
      <c r="B13411" t="s">
        <v>11981</v>
      </c>
      <c r="C13411" t="s">
        <v>11982</v>
      </c>
      <c r="D13411" t="s">
        <v>12088</v>
      </c>
    </row>
    <row r="13412" spans="1:4" x14ac:dyDescent="0.4">
      <c r="A13412" s="1" t="s">
        <v>12089</v>
      </c>
      <c r="B13412" t="s">
        <v>11981</v>
      </c>
      <c r="C13412" t="s">
        <v>11982</v>
      </c>
      <c r="D13412" t="s">
        <v>12090</v>
      </c>
    </row>
    <row r="13413" spans="1:4" x14ac:dyDescent="0.4">
      <c r="A13413" s="1" t="s">
        <v>12091</v>
      </c>
      <c r="B13413" t="s">
        <v>11981</v>
      </c>
      <c r="C13413" t="s">
        <v>11982</v>
      </c>
      <c r="D13413" t="s">
        <v>7181</v>
      </c>
    </row>
    <row r="13414" spans="1:4" x14ac:dyDescent="0.4">
      <c r="A13414" s="1" t="s">
        <v>12092</v>
      </c>
      <c r="B13414" t="s">
        <v>11981</v>
      </c>
      <c r="C13414" t="s">
        <v>11982</v>
      </c>
      <c r="D13414" t="s">
        <v>2324</v>
      </c>
    </row>
    <row r="13415" spans="1:4" x14ac:dyDescent="0.4">
      <c r="A13415" s="1" t="s">
        <v>12093</v>
      </c>
      <c r="B13415" t="s">
        <v>11981</v>
      </c>
      <c r="C13415" t="s">
        <v>11982</v>
      </c>
      <c r="D13415" t="s">
        <v>3395</v>
      </c>
    </row>
    <row r="13416" spans="1:4" x14ac:dyDescent="0.4">
      <c r="A13416" s="1" t="s">
        <v>12094</v>
      </c>
      <c r="B13416" t="s">
        <v>11981</v>
      </c>
      <c r="C13416" t="s">
        <v>11982</v>
      </c>
      <c r="D13416" t="s">
        <v>12095</v>
      </c>
    </row>
    <row r="13417" spans="1:4" x14ac:dyDescent="0.4">
      <c r="A13417" s="1" t="s">
        <v>12096</v>
      </c>
      <c r="B13417" t="s">
        <v>11981</v>
      </c>
      <c r="C13417" t="s">
        <v>11982</v>
      </c>
      <c r="D13417" t="s">
        <v>12097</v>
      </c>
    </row>
    <row r="13418" spans="1:4" x14ac:dyDescent="0.4">
      <c r="A13418" s="1" t="s">
        <v>12098</v>
      </c>
      <c r="B13418" t="s">
        <v>11981</v>
      </c>
      <c r="C13418" t="s">
        <v>11982</v>
      </c>
      <c r="D13418" t="s">
        <v>12099</v>
      </c>
    </row>
    <row r="13419" spans="1:4" x14ac:dyDescent="0.4">
      <c r="A13419" s="1" t="s">
        <v>12100</v>
      </c>
      <c r="B13419" t="s">
        <v>11981</v>
      </c>
      <c r="C13419" t="s">
        <v>11982</v>
      </c>
      <c r="D13419" t="s">
        <v>12101</v>
      </c>
    </row>
    <row r="13420" spans="1:4" x14ac:dyDescent="0.4">
      <c r="A13420" s="1" t="s">
        <v>12102</v>
      </c>
      <c r="B13420" t="s">
        <v>11981</v>
      </c>
      <c r="C13420" t="s">
        <v>11982</v>
      </c>
      <c r="D13420" t="s">
        <v>12103</v>
      </c>
    </row>
    <row r="13421" spans="1:4" x14ac:dyDescent="0.4">
      <c r="A13421" s="1" t="s">
        <v>12104</v>
      </c>
      <c r="B13421" t="s">
        <v>11981</v>
      </c>
      <c r="C13421" t="s">
        <v>11982</v>
      </c>
      <c r="D13421" t="s">
        <v>12105</v>
      </c>
    </row>
    <row r="13422" spans="1:4" x14ac:dyDescent="0.4">
      <c r="A13422" s="1" t="s">
        <v>12106</v>
      </c>
      <c r="B13422" t="s">
        <v>11981</v>
      </c>
      <c r="C13422" t="s">
        <v>11982</v>
      </c>
      <c r="D13422" t="s">
        <v>1333</v>
      </c>
    </row>
    <row r="13423" spans="1:4" x14ac:dyDescent="0.4">
      <c r="A13423" s="1" t="s">
        <v>12107</v>
      </c>
      <c r="B13423" t="s">
        <v>11981</v>
      </c>
      <c r="C13423" t="s">
        <v>11982</v>
      </c>
      <c r="D13423" t="s">
        <v>12108</v>
      </c>
    </row>
    <row r="13424" spans="1:4" x14ac:dyDescent="0.4">
      <c r="A13424" s="1" t="s">
        <v>12109</v>
      </c>
      <c r="B13424" t="s">
        <v>11981</v>
      </c>
      <c r="C13424" t="s">
        <v>11982</v>
      </c>
      <c r="D13424" t="s">
        <v>12110</v>
      </c>
    </row>
    <row r="13425" spans="1:4" x14ac:dyDescent="0.4">
      <c r="A13425" s="1" t="s">
        <v>12111</v>
      </c>
      <c r="B13425" t="s">
        <v>11981</v>
      </c>
      <c r="C13425" t="s">
        <v>11982</v>
      </c>
      <c r="D13425" t="s">
        <v>12112</v>
      </c>
    </row>
    <row r="13426" spans="1:4" x14ac:dyDescent="0.4">
      <c r="A13426" s="1" t="s">
        <v>12113</v>
      </c>
      <c r="B13426" t="s">
        <v>11981</v>
      </c>
      <c r="C13426" t="s">
        <v>11982</v>
      </c>
      <c r="D13426" t="s">
        <v>12114</v>
      </c>
    </row>
    <row r="13427" spans="1:4" x14ac:dyDescent="0.4">
      <c r="A13427" s="1" t="s">
        <v>12115</v>
      </c>
      <c r="B13427" t="s">
        <v>11981</v>
      </c>
      <c r="C13427" t="s">
        <v>11982</v>
      </c>
      <c r="D13427" t="s">
        <v>12116</v>
      </c>
    </row>
    <row r="13428" spans="1:4" x14ac:dyDescent="0.4">
      <c r="A13428" s="1" t="s">
        <v>12117</v>
      </c>
      <c r="B13428" t="s">
        <v>11981</v>
      </c>
      <c r="C13428" t="s">
        <v>11982</v>
      </c>
      <c r="D13428" t="s">
        <v>12118</v>
      </c>
    </row>
    <row r="13429" spans="1:4" x14ac:dyDescent="0.4">
      <c r="A13429" s="1" t="s">
        <v>12119</v>
      </c>
      <c r="B13429" t="s">
        <v>11981</v>
      </c>
      <c r="C13429" t="s">
        <v>11982</v>
      </c>
      <c r="D13429" t="s">
        <v>12120</v>
      </c>
    </row>
    <row r="13430" spans="1:4" x14ac:dyDescent="0.4">
      <c r="A13430" s="1" t="s">
        <v>12121</v>
      </c>
      <c r="B13430" t="s">
        <v>11981</v>
      </c>
      <c r="C13430" t="s">
        <v>11982</v>
      </c>
      <c r="D13430" t="s">
        <v>12122</v>
      </c>
    </row>
    <row r="13431" spans="1:4" x14ac:dyDescent="0.4">
      <c r="A13431" s="1" t="s">
        <v>12123</v>
      </c>
      <c r="B13431" t="s">
        <v>11981</v>
      </c>
      <c r="C13431" t="s">
        <v>11982</v>
      </c>
      <c r="D13431" t="s">
        <v>12124</v>
      </c>
    </row>
    <row r="13432" spans="1:4" x14ac:dyDescent="0.4">
      <c r="A13432" s="1" t="s">
        <v>12125</v>
      </c>
      <c r="B13432" t="s">
        <v>11981</v>
      </c>
      <c r="C13432" t="s">
        <v>11982</v>
      </c>
      <c r="D13432" t="s">
        <v>12126</v>
      </c>
    </row>
    <row r="13433" spans="1:4" x14ac:dyDescent="0.4">
      <c r="A13433" s="1" t="s">
        <v>12127</v>
      </c>
      <c r="B13433" t="s">
        <v>11981</v>
      </c>
      <c r="C13433" t="s">
        <v>11982</v>
      </c>
      <c r="D13433" t="s">
        <v>12128</v>
      </c>
    </row>
    <row r="13434" spans="1:4" x14ac:dyDescent="0.4">
      <c r="A13434" s="1" t="s">
        <v>12129</v>
      </c>
      <c r="B13434" t="s">
        <v>11981</v>
      </c>
      <c r="C13434" t="s">
        <v>11982</v>
      </c>
      <c r="D13434" t="s">
        <v>12130</v>
      </c>
    </row>
    <row r="13435" spans="1:4" x14ac:dyDescent="0.4">
      <c r="A13435" s="1" t="s">
        <v>12131</v>
      </c>
      <c r="B13435" t="s">
        <v>11981</v>
      </c>
      <c r="C13435" t="s">
        <v>11982</v>
      </c>
      <c r="D13435" t="s">
        <v>12132</v>
      </c>
    </row>
    <row r="13436" spans="1:4" x14ac:dyDescent="0.4">
      <c r="A13436" s="1" t="s">
        <v>12133</v>
      </c>
      <c r="B13436" t="s">
        <v>11981</v>
      </c>
      <c r="C13436" t="s">
        <v>11982</v>
      </c>
      <c r="D13436" t="s">
        <v>12134</v>
      </c>
    </row>
    <row r="13437" spans="1:4" x14ac:dyDescent="0.4">
      <c r="A13437" s="1" t="s">
        <v>12135</v>
      </c>
      <c r="B13437" t="s">
        <v>11981</v>
      </c>
      <c r="C13437" t="s">
        <v>11982</v>
      </c>
      <c r="D13437" t="s">
        <v>12136</v>
      </c>
    </row>
    <row r="13438" spans="1:4" x14ac:dyDescent="0.4">
      <c r="A13438" s="1" t="s">
        <v>12137</v>
      </c>
      <c r="B13438" t="s">
        <v>11981</v>
      </c>
      <c r="C13438" t="s">
        <v>11982</v>
      </c>
      <c r="D13438" t="s">
        <v>12138</v>
      </c>
    </row>
    <row r="13439" spans="1:4" x14ac:dyDescent="0.4">
      <c r="A13439" s="1" t="s">
        <v>12139</v>
      </c>
      <c r="B13439" t="s">
        <v>11981</v>
      </c>
      <c r="C13439" t="s">
        <v>11982</v>
      </c>
      <c r="D13439" t="s">
        <v>12140</v>
      </c>
    </row>
    <row r="13440" spans="1:4" x14ac:dyDescent="0.4">
      <c r="A13440" s="1" t="s">
        <v>12141</v>
      </c>
      <c r="B13440" t="s">
        <v>11981</v>
      </c>
      <c r="C13440" t="s">
        <v>11982</v>
      </c>
      <c r="D13440" t="s">
        <v>12142</v>
      </c>
    </row>
    <row r="13441" spans="1:4" x14ac:dyDescent="0.4">
      <c r="A13441" s="1" t="s">
        <v>12143</v>
      </c>
      <c r="B13441" t="s">
        <v>11981</v>
      </c>
      <c r="C13441" t="s">
        <v>11982</v>
      </c>
      <c r="D13441" t="s">
        <v>12144</v>
      </c>
    </row>
    <row r="13442" spans="1:4" x14ac:dyDescent="0.4">
      <c r="A13442" s="1" t="s">
        <v>12145</v>
      </c>
      <c r="B13442" t="s">
        <v>11981</v>
      </c>
      <c r="C13442" t="s">
        <v>11982</v>
      </c>
      <c r="D13442" t="s">
        <v>12146</v>
      </c>
    </row>
    <row r="13443" spans="1:4" x14ac:dyDescent="0.4">
      <c r="A13443" s="1" t="s">
        <v>12147</v>
      </c>
      <c r="B13443" t="s">
        <v>11981</v>
      </c>
      <c r="C13443" t="s">
        <v>11982</v>
      </c>
      <c r="D13443" t="s">
        <v>12148</v>
      </c>
    </row>
    <row r="13444" spans="1:4" x14ac:dyDescent="0.4">
      <c r="A13444" s="1" t="s">
        <v>12149</v>
      </c>
      <c r="B13444" t="s">
        <v>11981</v>
      </c>
      <c r="C13444" t="s">
        <v>11982</v>
      </c>
      <c r="D13444" t="s">
        <v>12150</v>
      </c>
    </row>
    <row r="13445" spans="1:4" x14ac:dyDescent="0.4">
      <c r="A13445" s="1" t="s">
        <v>12151</v>
      </c>
      <c r="B13445" t="s">
        <v>11981</v>
      </c>
      <c r="C13445" t="s">
        <v>11982</v>
      </c>
      <c r="D13445" t="s">
        <v>12152</v>
      </c>
    </row>
    <row r="13446" spans="1:4" x14ac:dyDescent="0.4">
      <c r="A13446" s="1" t="s">
        <v>12153</v>
      </c>
      <c r="B13446" t="s">
        <v>11981</v>
      </c>
      <c r="C13446" t="s">
        <v>11982</v>
      </c>
      <c r="D13446" t="s">
        <v>12154</v>
      </c>
    </row>
    <row r="13447" spans="1:4" x14ac:dyDescent="0.4">
      <c r="A13447" s="1" t="s">
        <v>12155</v>
      </c>
      <c r="B13447" t="s">
        <v>11981</v>
      </c>
      <c r="C13447" t="s">
        <v>11982</v>
      </c>
      <c r="D13447" t="s">
        <v>12156</v>
      </c>
    </row>
    <row r="13448" spans="1:4" x14ac:dyDescent="0.4">
      <c r="A13448" s="1" t="s">
        <v>12157</v>
      </c>
      <c r="B13448" t="s">
        <v>11981</v>
      </c>
      <c r="C13448" t="s">
        <v>11982</v>
      </c>
      <c r="D13448" t="s">
        <v>12158</v>
      </c>
    </row>
    <row r="13449" spans="1:4" x14ac:dyDescent="0.4">
      <c r="A13449" s="1" t="s">
        <v>12159</v>
      </c>
      <c r="B13449" t="s">
        <v>11981</v>
      </c>
      <c r="C13449" t="s">
        <v>11982</v>
      </c>
      <c r="D13449" t="s">
        <v>2631</v>
      </c>
    </row>
    <row r="13450" spans="1:4" x14ac:dyDescent="0.4">
      <c r="A13450" s="1" t="s">
        <v>12160</v>
      </c>
      <c r="B13450" t="s">
        <v>11981</v>
      </c>
      <c r="C13450" t="s">
        <v>11982</v>
      </c>
      <c r="D13450" t="s">
        <v>12161</v>
      </c>
    </row>
    <row r="13451" spans="1:4" x14ac:dyDescent="0.4">
      <c r="A13451" s="1" t="s">
        <v>12162</v>
      </c>
      <c r="B13451" t="s">
        <v>11981</v>
      </c>
      <c r="C13451" t="s">
        <v>11982</v>
      </c>
      <c r="D13451" t="s">
        <v>12163</v>
      </c>
    </row>
    <row r="13452" spans="1:4" x14ac:dyDescent="0.4">
      <c r="A13452" s="1" t="s">
        <v>12164</v>
      </c>
      <c r="B13452" t="s">
        <v>11981</v>
      </c>
      <c r="C13452" t="s">
        <v>11982</v>
      </c>
      <c r="D13452" t="s">
        <v>12165</v>
      </c>
    </row>
    <row r="13453" spans="1:4" x14ac:dyDescent="0.4">
      <c r="A13453" s="1" t="s">
        <v>12166</v>
      </c>
      <c r="B13453" t="s">
        <v>11981</v>
      </c>
      <c r="C13453" t="s">
        <v>11982</v>
      </c>
      <c r="D13453" t="s">
        <v>1582</v>
      </c>
    </row>
    <row r="13454" spans="1:4" x14ac:dyDescent="0.4">
      <c r="A13454" s="1" t="s">
        <v>12167</v>
      </c>
      <c r="B13454" t="s">
        <v>11981</v>
      </c>
      <c r="C13454" t="s">
        <v>11982</v>
      </c>
      <c r="D13454" t="s">
        <v>12168</v>
      </c>
    </row>
    <row r="13455" spans="1:4" x14ac:dyDescent="0.4">
      <c r="A13455" s="1" t="s">
        <v>12169</v>
      </c>
      <c r="B13455" t="s">
        <v>11981</v>
      </c>
      <c r="C13455" t="s">
        <v>11982</v>
      </c>
      <c r="D13455" t="s">
        <v>12170</v>
      </c>
    </row>
    <row r="13456" spans="1:4" x14ac:dyDescent="0.4">
      <c r="A13456" s="1" t="s">
        <v>12171</v>
      </c>
      <c r="B13456" t="s">
        <v>11981</v>
      </c>
      <c r="C13456" t="s">
        <v>11982</v>
      </c>
      <c r="D13456" t="s">
        <v>12172</v>
      </c>
    </row>
    <row r="13457" spans="1:4" x14ac:dyDescent="0.4">
      <c r="A13457" s="1" t="s">
        <v>12173</v>
      </c>
      <c r="B13457" t="s">
        <v>11981</v>
      </c>
      <c r="C13457" t="s">
        <v>11982</v>
      </c>
      <c r="D13457" t="s">
        <v>194</v>
      </c>
    </row>
    <row r="13458" spans="1:4" x14ac:dyDescent="0.4">
      <c r="A13458" s="1" t="s">
        <v>12174</v>
      </c>
      <c r="B13458" t="s">
        <v>11981</v>
      </c>
      <c r="C13458" t="s">
        <v>11982</v>
      </c>
      <c r="D13458" t="s">
        <v>12175</v>
      </c>
    </row>
    <row r="13459" spans="1:4" x14ac:dyDescent="0.4">
      <c r="A13459" s="1" t="s">
        <v>12176</v>
      </c>
      <c r="B13459" t="s">
        <v>11981</v>
      </c>
      <c r="C13459" t="s">
        <v>11982</v>
      </c>
      <c r="D13459" t="s">
        <v>12177</v>
      </c>
    </row>
    <row r="13460" spans="1:4" x14ac:dyDescent="0.4">
      <c r="A13460" s="1" t="s">
        <v>12178</v>
      </c>
      <c r="B13460" t="s">
        <v>11981</v>
      </c>
      <c r="C13460" t="s">
        <v>11982</v>
      </c>
      <c r="D13460" t="s">
        <v>12179</v>
      </c>
    </row>
    <row r="13461" spans="1:4" x14ac:dyDescent="0.4">
      <c r="A13461" s="1" t="s">
        <v>12180</v>
      </c>
      <c r="B13461" t="s">
        <v>11981</v>
      </c>
      <c r="C13461" t="s">
        <v>11982</v>
      </c>
      <c r="D13461" t="s">
        <v>12181</v>
      </c>
    </row>
    <row r="13462" spans="1:4" x14ac:dyDescent="0.4">
      <c r="A13462" s="1" t="s">
        <v>12182</v>
      </c>
      <c r="B13462" t="s">
        <v>11981</v>
      </c>
      <c r="C13462" t="s">
        <v>11982</v>
      </c>
      <c r="D13462" t="s">
        <v>12183</v>
      </c>
    </row>
    <row r="13463" spans="1:4" x14ac:dyDescent="0.4">
      <c r="A13463" s="1" t="s">
        <v>12184</v>
      </c>
      <c r="B13463" t="s">
        <v>11981</v>
      </c>
      <c r="C13463" t="s">
        <v>11982</v>
      </c>
      <c r="D13463" t="s">
        <v>12185</v>
      </c>
    </row>
    <row r="13464" spans="1:4" x14ac:dyDescent="0.4">
      <c r="A13464" s="1" t="s">
        <v>12186</v>
      </c>
      <c r="B13464" t="s">
        <v>11981</v>
      </c>
      <c r="C13464" t="s">
        <v>11982</v>
      </c>
      <c r="D13464" t="s">
        <v>12187</v>
      </c>
    </row>
    <row r="13465" spans="1:4" x14ac:dyDescent="0.4">
      <c r="A13465" s="1" t="s">
        <v>12188</v>
      </c>
      <c r="B13465" t="s">
        <v>11981</v>
      </c>
      <c r="C13465" t="s">
        <v>11982</v>
      </c>
      <c r="D13465" t="s">
        <v>12189</v>
      </c>
    </row>
    <row r="13466" spans="1:4" x14ac:dyDescent="0.4">
      <c r="A13466" s="1" t="s">
        <v>12190</v>
      </c>
      <c r="B13466" t="s">
        <v>11981</v>
      </c>
      <c r="C13466" t="s">
        <v>11982</v>
      </c>
      <c r="D13466" t="s">
        <v>12191</v>
      </c>
    </row>
    <row r="13467" spans="1:4" x14ac:dyDescent="0.4">
      <c r="A13467" s="1" t="s">
        <v>12192</v>
      </c>
      <c r="B13467" t="s">
        <v>11981</v>
      </c>
      <c r="C13467" t="s">
        <v>11982</v>
      </c>
      <c r="D13467" t="s">
        <v>12193</v>
      </c>
    </row>
    <row r="13468" spans="1:4" x14ac:dyDescent="0.4">
      <c r="A13468" s="1" t="s">
        <v>12194</v>
      </c>
      <c r="B13468" t="s">
        <v>11981</v>
      </c>
      <c r="C13468" t="s">
        <v>11982</v>
      </c>
      <c r="D13468" t="s">
        <v>12195</v>
      </c>
    </row>
    <row r="13469" spans="1:4" x14ac:dyDescent="0.4">
      <c r="A13469" s="1" t="s">
        <v>12196</v>
      </c>
      <c r="B13469" t="s">
        <v>11981</v>
      </c>
      <c r="C13469" t="s">
        <v>11982</v>
      </c>
      <c r="D13469" t="s">
        <v>12197</v>
      </c>
    </row>
    <row r="13470" spans="1:4" x14ac:dyDescent="0.4">
      <c r="A13470" s="1" t="s">
        <v>12198</v>
      </c>
      <c r="B13470" t="s">
        <v>11981</v>
      </c>
      <c r="C13470" t="s">
        <v>11982</v>
      </c>
      <c r="D13470" t="s">
        <v>12199</v>
      </c>
    </row>
    <row r="13471" spans="1:4" x14ac:dyDescent="0.4">
      <c r="A13471" s="1" t="s">
        <v>12200</v>
      </c>
      <c r="B13471" t="s">
        <v>11981</v>
      </c>
      <c r="C13471" t="s">
        <v>11982</v>
      </c>
      <c r="D13471" t="s">
        <v>12201</v>
      </c>
    </row>
    <row r="13472" spans="1:4" x14ac:dyDescent="0.4">
      <c r="A13472" s="1" t="s">
        <v>12202</v>
      </c>
      <c r="B13472" t="s">
        <v>11981</v>
      </c>
      <c r="C13472" t="s">
        <v>11982</v>
      </c>
      <c r="D13472" t="s">
        <v>12203</v>
      </c>
    </row>
    <row r="13473" spans="1:4" x14ac:dyDescent="0.4">
      <c r="A13473" s="1" t="s">
        <v>12204</v>
      </c>
      <c r="B13473" t="s">
        <v>11981</v>
      </c>
      <c r="C13473" t="s">
        <v>11982</v>
      </c>
      <c r="D13473" t="s">
        <v>479</v>
      </c>
    </row>
    <row r="13474" spans="1:4" x14ac:dyDescent="0.4">
      <c r="A13474" s="1" t="s">
        <v>12205</v>
      </c>
      <c r="B13474" t="s">
        <v>11981</v>
      </c>
      <c r="C13474" t="s">
        <v>11982</v>
      </c>
      <c r="D13474" t="s">
        <v>12206</v>
      </c>
    </row>
    <row r="13475" spans="1:4" x14ac:dyDescent="0.4">
      <c r="A13475" s="1" t="s">
        <v>12207</v>
      </c>
      <c r="B13475" t="s">
        <v>11981</v>
      </c>
      <c r="C13475" t="s">
        <v>11982</v>
      </c>
      <c r="D13475" t="s">
        <v>2478</v>
      </c>
    </row>
    <row r="13476" spans="1:4" x14ac:dyDescent="0.4">
      <c r="A13476" s="1" t="s">
        <v>12208</v>
      </c>
      <c r="B13476" t="s">
        <v>11981</v>
      </c>
      <c r="C13476" t="s">
        <v>11982</v>
      </c>
      <c r="D13476" t="s">
        <v>12209</v>
      </c>
    </row>
    <row r="13477" spans="1:4" x14ac:dyDescent="0.4">
      <c r="A13477" s="1" t="s">
        <v>12210</v>
      </c>
      <c r="B13477" t="s">
        <v>11981</v>
      </c>
      <c r="C13477" t="s">
        <v>11982</v>
      </c>
      <c r="D13477" t="s">
        <v>12211</v>
      </c>
    </row>
    <row r="13478" spans="1:4" x14ac:dyDescent="0.4">
      <c r="A13478" s="1" t="s">
        <v>12212</v>
      </c>
      <c r="B13478" t="s">
        <v>11981</v>
      </c>
      <c r="C13478" t="s">
        <v>11982</v>
      </c>
      <c r="D13478" t="s">
        <v>12213</v>
      </c>
    </row>
    <row r="13479" spans="1:4" x14ac:dyDescent="0.4">
      <c r="A13479" s="1" t="s">
        <v>12214</v>
      </c>
      <c r="B13479" t="s">
        <v>11981</v>
      </c>
      <c r="C13479" t="s">
        <v>11982</v>
      </c>
      <c r="D13479" t="s">
        <v>12215</v>
      </c>
    </row>
    <row r="13480" spans="1:4" x14ac:dyDescent="0.4">
      <c r="A13480" s="1" t="s">
        <v>12216</v>
      </c>
      <c r="B13480" t="s">
        <v>11981</v>
      </c>
      <c r="C13480" t="s">
        <v>11982</v>
      </c>
      <c r="D13480" t="s">
        <v>12217</v>
      </c>
    </row>
    <row r="13481" spans="1:4" x14ac:dyDescent="0.4">
      <c r="A13481" s="1" t="s">
        <v>12218</v>
      </c>
      <c r="B13481" t="s">
        <v>11981</v>
      </c>
      <c r="C13481" t="s">
        <v>11982</v>
      </c>
      <c r="D13481" t="s">
        <v>1601</v>
      </c>
    </row>
    <row r="13482" spans="1:4" x14ac:dyDescent="0.4">
      <c r="A13482" s="1" t="s">
        <v>12219</v>
      </c>
      <c r="B13482" t="s">
        <v>11981</v>
      </c>
      <c r="C13482" t="s">
        <v>11982</v>
      </c>
      <c r="D13482" t="s">
        <v>12220</v>
      </c>
    </row>
    <row r="13483" spans="1:4" x14ac:dyDescent="0.4">
      <c r="A13483" s="1" t="s">
        <v>12221</v>
      </c>
      <c r="B13483" t="s">
        <v>11981</v>
      </c>
      <c r="C13483" t="s">
        <v>11982</v>
      </c>
      <c r="D13483" t="s">
        <v>12222</v>
      </c>
    </row>
    <row r="13484" spans="1:4" x14ac:dyDescent="0.4">
      <c r="A13484" s="1" t="s">
        <v>12223</v>
      </c>
      <c r="B13484" t="s">
        <v>11981</v>
      </c>
      <c r="C13484" t="s">
        <v>11982</v>
      </c>
      <c r="D13484" t="s">
        <v>12224</v>
      </c>
    </row>
    <row r="13485" spans="1:4" x14ac:dyDescent="0.4">
      <c r="A13485" s="1" t="s">
        <v>12225</v>
      </c>
      <c r="B13485" t="s">
        <v>11981</v>
      </c>
      <c r="C13485" t="s">
        <v>11982</v>
      </c>
      <c r="D13485" t="s">
        <v>12226</v>
      </c>
    </row>
    <row r="13486" spans="1:4" x14ac:dyDescent="0.4">
      <c r="A13486" s="1" t="s">
        <v>12227</v>
      </c>
      <c r="B13486" t="s">
        <v>11981</v>
      </c>
      <c r="C13486" t="s">
        <v>11982</v>
      </c>
      <c r="D13486" t="s">
        <v>486</v>
      </c>
    </row>
    <row r="13487" spans="1:4" x14ac:dyDescent="0.4">
      <c r="A13487" s="1" t="s">
        <v>12228</v>
      </c>
      <c r="B13487" t="s">
        <v>11981</v>
      </c>
      <c r="C13487" t="s">
        <v>11982</v>
      </c>
      <c r="D13487" t="s">
        <v>12229</v>
      </c>
    </row>
    <row r="13488" spans="1:4" x14ac:dyDescent="0.4">
      <c r="A13488" s="1" t="s">
        <v>12230</v>
      </c>
      <c r="B13488" t="s">
        <v>11981</v>
      </c>
      <c r="C13488" t="s">
        <v>11982</v>
      </c>
      <c r="D13488" t="s">
        <v>8722</v>
      </c>
    </row>
    <row r="13489" spans="1:4" x14ac:dyDescent="0.4">
      <c r="A13489" s="1" t="s">
        <v>12231</v>
      </c>
      <c r="B13489" t="s">
        <v>11981</v>
      </c>
      <c r="C13489" t="s">
        <v>11982</v>
      </c>
      <c r="D13489" t="s">
        <v>12232</v>
      </c>
    </row>
    <row r="13490" spans="1:4" x14ac:dyDescent="0.4">
      <c r="A13490" s="1" t="s">
        <v>12233</v>
      </c>
      <c r="B13490" t="s">
        <v>11981</v>
      </c>
      <c r="C13490" t="s">
        <v>11982</v>
      </c>
      <c r="D13490" t="s">
        <v>12234</v>
      </c>
    </row>
    <row r="13491" spans="1:4" x14ac:dyDescent="0.4">
      <c r="A13491" s="1" t="s">
        <v>12235</v>
      </c>
      <c r="B13491" t="s">
        <v>11981</v>
      </c>
      <c r="C13491" t="s">
        <v>11982</v>
      </c>
      <c r="D13491" t="s">
        <v>12236</v>
      </c>
    </row>
    <row r="13492" spans="1:4" x14ac:dyDescent="0.4">
      <c r="A13492" s="1" t="s">
        <v>12237</v>
      </c>
      <c r="B13492" t="s">
        <v>11981</v>
      </c>
      <c r="C13492" t="s">
        <v>11982</v>
      </c>
      <c r="D13492" t="s">
        <v>12238</v>
      </c>
    </row>
    <row r="13493" spans="1:4" x14ac:dyDescent="0.4">
      <c r="A13493" s="1" t="s">
        <v>12239</v>
      </c>
      <c r="B13493" t="s">
        <v>11981</v>
      </c>
      <c r="C13493" t="s">
        <v>11982</v>
      </c>
      <c r="D13493" t="s">
        <v>12240</v>
      </c>
    </row>
    <row r="13494" spans="1:4" x14ac:dyDescent="0.4">
      <c r="A13494" s="1" t="s">
        <v>12241</v>
      </c>
      <c r="B13494" t="s">
        <v>11981</v>
      </c>
      <c r="C13494" t="s">
        <v>11982</v>
      </c>
      <c r="D13494" t="s">
        <v>12242</v>
      </c>
    </row>
    <row r="13495" spans="1:4" x14ac:dyDescent="0.4">
      <c r="A13495" s="1" t="s">
        <v>12243</v>
      </c>
      <c r="B13495" t="s">
        <v>11981</v>
      </c>
      <c r="C13495" t="s">
        <v>11982</v>
      </c>
      <c r="D13495" t="s">
        <v>693</v>
      </c>
    </row>
    <row r="13496" spans="1:4" x14ac:dyDescent="0.4">
      <c r="A13496" s="1" t="s">
        <v>12244</v>
      </c>
      <c r="B13496" t="s">
        <v>11981</v>
      </c>
      <c r="C13496" t="s">
        <v>11982</v>
      </c>
      <c r="D13496" t="s">
        <v>12245</v>
      </c>
    </row>
    <row r="13497" spans="1:4" x14ac:dyDescent="0.4">
      <c r="A13497" s="1" t="s">
        <v>12246</v>
      </c>
      <c r="B13497" t="s">
        <v>11981</v>
      </c>
      <c r="C13497" t="s">
        <v>11982</v>
      </c>
      <c r="D13497" t="s">
        <v>12247</v>
      </c>
    </row>
    <row r="13498" spans="1:4" x14ac:dyDescent="0.4">
      <c r="A13498" s="1" t="s">
        <v>12248</v>
      </c>
      <c r="B13498" t="s">
        <v>11981</v>
      </c>
      <c r="C13498" t="s">
        <v>11982</v>
      </c>
      <c r="D13498" t="s">
        <v>12249</v>
      </c>
    </row>
    <row r="13499" spans="1:4" x14ac:dyDescent="0.4">
      <c r="A13499" s="1" t="s">
        <v>12250</v>
      </c>
      <c r="B13499" t="s">
        <v>11981</v>
      </c>
      <c r="C13499" t="s">
        <v>11982</v>
      </c>
      <c r="D13499" t="s">
        <v>12251</v>
      </c>
    </row>
    <row r="13500" spans="1:4" x14ac:dyDescent="0.4">
      <c r="A13500" s="1" t="s">
        <v>12252</v>
      </c>
      <c r="B13500" t="s">
        <v>11981</v>
      </c>
      <c r="C13500" t="s">
        <v>11982</v>
      </c>
      <c r="D13500" t="s">
        <v>12253</v>
      </c>
    </row>
    <row r="13501" spans="1:4" x14ac:dyDescent="0.4">
      <c r="A13501" s="1" t="s">
        <v>12254</v>
      </c>
      <c r="B13501" t="s">
        <v>11981</v>
      </c>
      <c r="C13501" t="s">
        <v>11982</v>
      </c>
      <c r="D13501" t="s">
        <v>12255</v>
      </c>
    </row>
    <row r="13502" spans="1:4" x14ac:dyDescent="0.4">
      <c r="A13502" s="1" t="s">
        <v>12256</v>
      </c>
      <c r="B13502" t="s">
        <v>11981</v>
      </c>
      <c r="C13502" t="s">
        <v>11982</v>
      </c>
      <c r="D13502" t="s">
        <v>12257</v>
      </c>
    </row>
    <row r="13503" spans="1:4" x14ac:dyDescent="0.4">
      <c r="A13503" s="1" t="s">
        <v>12258</v>
      </c>
      <c r="B13503" t="s">
        <v>11981</v>
      </c>
      <c r="C13503" t="s">
        <v>11982</v>
      </c>
      <c r="D13503" t="s">
        <v>12259</v>
      </c>
    </row>
    <row r="13504" spans="1:4" x14ac:dyDescent="0.4">
      <c r="A13504" s="1" t="s">
        <v>12260</v>
      </c>
      <c r="B13504" t="s">
        <v>11981</v>
      </c>
      <c r="C13504" t="s">
        <v>11982</v>
      </c>
      <c r="D13504" t="s">
        <v>12261</v>
      </c>
    </row>
    <row r="13505" spans="1:4" x14ac:dyDescent="0.4">
      <c r="A13505" s="1" t="s">
        <v>12262</v>
      </c>
      <c r="B13505" t="s">
        <v>11981</v>
      </c>
      <c r="C13505" t="s">
        <v>11982</v>
      </c>
      <c r="D13505" t="s">
        <v>12263</v>
      </c>
    </row>
    <row r="13506" spans="1:4" x14ac:dyDescent="0.4">
      <c r="A13506" s="1" t="s">
        <v>12264</v>
      </c>
      <c r="B13506" t="s">
        <v>11981</v>
      </c>
      <c r="C13506" t="s">
        <v>11982</v>
      </c>
      <c r="D13506" t="s">
        <v>12265</v>
      </c>
    </row>
    <row r="13507" spans="1:4" x14ac:dyDescent="0.4">
      <c r="A13507" s="1" t="s">
        <v>12266</v>
      </c>
      <c r="B13507" t="s">
        <v>11981</v>
      </c>
      <c r="C13507" t="s">
        <v>11982</v>
      </c>
      <c r="D13507" t="s">
        <v>12267</v>
      </c>
    </row>
    <row r="13508" spans="1:4" x14ac:dyDescent="0.4">
      <c r="A13508" s="1" t="s">
        <v>12268</v>
      </c>
      <c r="B13508" t="s">
        <v>11981</v>
      </c>
      <c r="C13508" t="s">
        <v>11982</v>
      </c>
      <c r="D13508" t="s">
        <v>12269</v>
      </c>
    </row>
    <row r="13509" spans="1:4" x14ac:dyDescent="0.4">
      <c r="A13509" s="1" t="s">
        <v>12270</v>
      </c>
      <c r="B13509" t="s">
        <v>11981</v>
      </c>
      <c r="C13509" t="s">
        <v>11982</v>
      </c>
      <c r="D13509" t="s">
        <v>12271</v>
      </c>
    </row>
    <row r="13510" spans="1:4" x14ac:dyDescent="0.4">
      <c r="A13510" s="1" t="s">
        <v>12272</v>
      </c>
      <c r="B13510" t="s">
        <v>11981</v>
      </c>
      <c r="C13510" t="s">
        <v>11982</v>
      </c>
      <c r="D13510" t="s">
        <v>12273</v>
      </c>
    </row>
    <row r="13511" spans="1:4" x14ac:dyDescent="0.4">
      <c r="A13511" s="1" t="s">
        <v>12274</v>
      </c>
      <c r="B13511" t="s">
        <v>11981</v>
      </c>
      <c r="C13511" t="s">
        <v>11982</v>
      </c>
      <c r="D13511" t="s">
        <v>12275</v>
      </c>
    </row>
    <row r="13512" spans="1:4" x14ac:dyDescent="0.4">
      <c r="A13512" s="1" t="s">
        <v>12276</v>
      </c>
      <c r="B13512" t="s">
        <v>11981</v>
      </c>
      <c r="C13512" t="s">
        <v>11982</v>
      </c>
      <c r="D13512" t="s">
        <v>12277</v>
      </c>
    </row>
    <row r="13513" spans="1:4" x14ac:dyDescent="0.4">
      <c r="A13513" s="1" t="s">
        <v>12278</v>
      </c>
      <c r="B13513" t="s">
        <v>11981</v>
      </c>
      <c r="C13513" t="s">
        <v>11982</v>
      </c>
      <c r="D13513" t="s">
        <v>12279</v>
      </c>
    </row>
    <row r="13514" spans="1:4" x14ac:dyDescent="0.4">
      <c r="A13514" s="1" t="s">
        <v>12280</v>
      </c>
      <c r="B13514" t="s">
        <v>11981</v>
      </c>
      <c r="C13514" t="s">
        <v>12281</v>
      </c>
    </row>
    <row r="13515" spans="1:4" x14ac:dyDescent="0.4">
      <c r="A13515" s="1" t="s">
        <v>12282</v>
      </c>
      <c r="B13515" t="s">
        <v>11981</v>
      </c>
      <c r="C13515" t="s">
        <v>12281</v>
      </c>
      <c r="D13515" t="s">
        <v>12283</v>
      </c>
    </row>
    <row r="13516" spans="1:4" x14ac:dyDescent="0.4">
      <c r="A13516" s="1" t="s">
        <v>12284</v>
      </c>
      <c r="B13516" t="s">
        <v>11981</v>
      </c>
      <c r="C13516" t="s">
        <v>12281</v>
      </c>
      <c r="D13516" t="s">
        <v>4075</v>
      </c>
    </row>
    <row r="13517" spans="1:4" x14ac:dyDescent="0.4">
      <c r="A13517" s="1" t="s">
        <v>12285</v>
      </c>
      <c r="B13517" t="s">
        <v>11981</v>
      </c>
      <c r="C13517" t="s">
        <v>12281</v>
      </c>
      <c r="D13517" t="s">
        <v>367</v>
      </c>
    </row>
    <row r="13518" spans="1:4" x14ac:dyDescent="0.4">
      <c r="A13518" s="1" t="s">
        <v>12286</v>
      </c>
      <c r="B13518" t="s">
        <v>11981</v>
      </c>
      <c r="C13518" t="s">
        <v>12281</v>
      </c>
      <c r="D13518" t="s">
        <v>1528</v>
      </c>
    </row>
    <row r="13519" spans="1:4" x14ac:dyDescent="0.4">
      <c r="A13519" s="1" t="s">
        <v>12287</v>
      </c>
      <c r="B13519" t="s">
        <v>11981</v>
      </c>
      <c r="C13519" t="s">
        <v>12281</v>
      </c>
      <c r="D13519" t="s">
        <v>12288</v>
      </c>
    </row>
    <row r="13520" spans="1:4" x14ac:dyDescent="0.4">
      <c r="A13520" s="1" t="s">
        <v>12289</v>
      </c>
      <c r="B13520" t="s">
        <v>11981</v>
      </c>
      <c r="C13520" t="s">
        <v>12281</v>
      </c>
      <c r="D13520" t="s">
        <v>140</v>
      </c>
    </row>
    <row r="13521" spans="1:4" x14ac:dyDescent="0.4">
      <c r="A13521" s="1" t="s">
        <v>12290</v>
      </c>
      <c r="B13521" t="s">
        <v>11981</v>
      </c>
      <c r="C13521" t="s">
        <v>12281</v>
      </c>
      <c r="D13521" t="s">
        <v>12016</v>
      </c>
    </row>
    <row r="13522" spans="1:4" x14ac:dyDescent="0.4">
      <c r="A13522" s="1" t="s">
        <v>12291</v>
      </c>
      <c r="B13522" t="s">
        <v>11981</v>
      </c>
      <c r="C13522" t="s">
        <v>12281</v>
      </c>
      <c r="D13522" t="s">
        <v>12292</v>
      </c>
    </row>
    <row r="13523" spans="1:4" x14ac:dyDescent="0.4">
      <c r="A13523" s="1" t="s">
        <v>12293</v>
      </c>
      <c r="B13523" t="s">
        <v>11981</v>
      </c>
      <c r="C13523" t="s">
        <v>12281</v>
      </c>
      <c r="D13523" t="s">
        <v>12294</v>
      </c>
    </row>
    <row r="13524" spans="1:4" x14ac:dyDescent="0.4">
      <c r="A13524" s="1" t="s">
        <v>12295</v>
      </c>
      <c r="B13524" t="s">
        <v>11981</v>
      </c>
      <c r="C13524" t="s">
        <v>12281</v>
      </c>
      <c r="D13524" t="s">
        <v>4507</v>
      </c>
    </row>
    <row r="13525" spans="1:4" x14ac:dyDescent="0.4">
      <c r="A13525" s="1" t="s">
        <v>12296</v>
      </c>
      <c r="B13525" t="s">
        <v>11981</v>
      </c>
      <c r="C13525" t="s">
        <v>12281</v>
      </c>
      <c r="D13525" t="s">
        <v>12297</v>
      </c>
    </row>
    <row r="13526" spans="1:4" x14ac:dyDescent="0.4">
      <c r="A13526">
        <v>1706022</v>
      </c>
      <c r="B13526" t="s">
        <v>815</v>
      </c>
      <c r="C13526" t="s">
        <v>1319</v>
      </c>
      <c r="D13526" t="s">
        <v>12298</v>
      </c>
    </row>
    <row r="13527" spans="1:4" x14ac:dyDescent="0.4">
      <c r="A13527">
        <v>1706023</v>
      </c>
      <c r="B13527" t="s">
        <v>815</v>
      </c>
      <c r="C13527" t="s">
        <v>1319</v>
      </c>
      <c r="D13527" t="s">
        <v>12299</v>
      </c>
    </row>
    <row r="13528" spans="1:4" x14ac:dyDescent="0.4">
      <c r="A13528">
        <v>1706024</v>
      </c>
      <c r="B13528" t="s">
        <v>815</v>
      </c>
      <c r="C13528" t="s">
        <v>1319</v>
      </c>
      <c r="D13528" t="s">
        <v>12300</v>
      </c>
    </row>
    <row r="13529" spans="1:4" x14ac:dyDescent="0.4">
      <c r="A13529">
        <v>1706025</v>
      </c>
      <c r="B13529" t="s">
        <v>815</v>
      </c>
      <c r="C13529" t="s">
        <v>1319</v>
      </c>
      <c r="D13529" t="s">
        <v>12301</v>
      </c>
    </row>
    <row r="13530" spans="1:4" x14ac:dyDescent="0.4">
      <c r="A13530">
        <v>1706026</v>
      </c>
      <c r="B13530" t="s">
        <v>815</v>
      </c>
      <c r="C13530" t="s">
        <v>1319</v>
      </c>
      <c r="D13530" t="s">
        <v>12302</v>
      </c>
    </row>
    <row r="13531" spans="1:4" x14ac:dyDescent="0.4">
      <c r="A13531">
        <v>1706027</v>
      </c>
      <c r="B13531" t="s">
        <v>815</v>
      </c>
      <c r="C13531" t="s">
        <v>1319</v>
      </c>
      <c r="D13531" t="s">
        <v>12303</v>
      </c>
    </row>
    <row r="13532" spans="1:4" x14ac:dyDescent="0.4">
      <c r="A13532">
        <v>1706028</v>
      </c>
      <c r="B13532" t="s">
        <v>815</v>
      </c>
      <c r="C13532" t="s">
        <v>1319</v>
      </c>
      <c r="D13532" t="s">
        <v>12304</v>
      </c>
    </row>
    <row r="13533" spans="1:4" x14ac:dyDescent="0.4">
      <c r="A13533">
        <v>1706029</v>
      </c>
      <c r="B13533" t="s">
        <v>815</v>
      </c>
      <c r="C13533" t="s">
        <v>1319</v>
      </c>
      <c r="D13533" t="s">
        <v>12305</v>
      </c>
    </row>
    <row r="13534" spans="1:4" x14ac:dyDescent="0.4">
      <c r="A13534">
        <v>1706030</v>
      </c>
      <c r="B13534" t="s">
        <v>815</v>
      </c>
      <c r="C13534" t="s">
        <v>1319</v>
      </c>
      <c r="D13534" t="s">
        <v>12306</v>
      </c>
    </row>
    <row r="13535" spans="1:4" x14ac:dyDescent="0.4">
      <c r="A13535">
        <v>1706031</v>
      </c>
      <c r="B13535" t="s">
        <v>815</v>
      </c>
      <c r="C13535" t="s">
        <v>1319</v>
      </c>
      <c r="D13535" t="s">
        <v>12307</v>
      </c>
    </row>
    <row r="13536" spans="1:4" x14ac:dyDescent="0.4">
      <c r="A13536">
        <v>1706032</v>
      </c>
      <c r="B13536" t="s">
        <v>815</v>
      </c>
      <c r="C13536" t="s">
        <v>1319</v>
      </c>
      <c r="D13536" t="s">
        <v>12308</v>
      </c>
    </row>
    <row r="13537" spans="1:4" x14ac:dyDescent="0.4">
      <c r="A13537">
        <v>1706033</v>
      </c>
      <c r="B13537" t="s">
        <v>815</v>
      </c>
      <c r="C13537" t="s">
        <v>1319</v>
      </c>
      <c r="D13537" t="s">
        <v>12309</v>
      </c>
    </row>
    <row r="13538" spans="1:4" x14ac:dyDescent="0.4">
      <c r="A13538">
        <v>1706034</v>
      </c>
      <c r="B13538" t="s">
        <v>815</v>
      </c>
      <c r="C13538" t="s">
        <v>1319</v>
      </c>
      <c r="D13538" t="s">
        <v>12310</v>
      </c>
    </row>
    <row r="13539" spans="1:4" x14ac:dyDescent="0.4">
      <c r="A13539">
        <v>1706035</v>
      </c>
      <c r="B13539" t="s">
        <v>815</v>
      </c>
      <c r="C13539" t="s">
        <v>1319</v>
      </c>
      <c r="D13539" t="s">
        <v>12311</v>
      </c>
    </row>
    <row r="13540" spans="1:4" x14ac:dyDescent="0.4">
      <c r="A13540">
        <v>1706036</v>
      </c>
      <c r="B13540" t="s">
        <v>815</v>
      </c>
      <c r="C13540" t="s">
        <v>1319</v>
      </c>
      <c r="D13540" t="s">
        <v>12312</v>
      </c>
    </row>
    <row r="13541" spans="1:4" x14ac:dyDescent="0.4">
      <c r="A13541">
        <v>1706037</v>
      </c>
      <c r="B13541" t="s">
        <v>815</v>
      </c>
      <c r="C13541" t="s">
        <v>1319</v>
      </c>
      <c r="D13541" t="s">
        <v>12313</v>
      </c>
    </row>
    <row r="13542" spans="1:4" x14ac:dyDescent="0.4">
      <c r="A13542">
        <v>1706038</v>
      </c>
      <c r="B13542" t="s">
        <v>815</v>
      </c>
      <c r="C13542" t="s">
        <v>1319</v>
      </c>
      <c r="D13542" t="s">
        <v>12314</v>
      </c>
    </row>
    <row r="13543" spans="1:4" x14ac:dyDescent="0.4">
      <c r="A13543">
        <v>1706039</v>
      </c>
      <c r="B13543" t="s">
        <v>815</v>
      </c>
      <c r="C13543" t="s">
        <v>1319</v>
      </c>
      <c r="D13543" t="s">
        <v>12315</v>
      </c>
    </row>
    <row r="13544" spans="1:4" x14ac:dyDescent="0.4">
      <c r="A13544">
        <v>1706040</v>
      </c>
      <c r="B13544" t="s">
        <v>815</v>
      </c>
      <c r="C13544" t="s">
        <v>1319</v>
      </c>
      <c r="D13544" t="s">
        <v>12316</v>
      </c>
    </row>
    <row r="13545" spans="1:4" x14ac:dyDescent="0.4">
      <c r="A13545">
        <v>1706041</v>
      </c>
      <c r="B13545" t="s">
        <v>815</v>
      </c>
      <c r="C13545" t="s">
        <v>1319</v>
      </c>
      <c r="D13545" t="s">
        <v>12317</v>
      </c>
    </row>
    <row r="13546" spans="1:4" x14ac:dyDescent="0.4">
      <c r="A13546">
        <v>1706042</v>
      </c>
      <c r="B13546" t="s">
        <v>815</v>
      </c>
      <c r="C13546" t="s">
        <v>1319</v>
      </c>
      <c r="D13546" t="s">
        <v>12318</v>
      </c>
    </row>
    <row r="13547" spans="1:4" x14ac:dyDescent="0.4">
      <c r="A13547">
        <v>1706043</v>
      </c>
      <c r="B13547" t="s">
        <v>815</v>
      </c>
      <c r="C13547" t="s">
        <v>1319</v>
      </c>
      <c r="D13547" t="s">
        <v>12319</v>
      </c>
    </row>
    <row r="13548" spans="1:4" x14ac:dyDescent="0.4">
      <c r="A13548">
        <v>1706044</v>
      </c>
      <c r="B13548" t="s">
        <v>815</v>
      </c>
      <c r="C13548" t="s">
        <v>1319</v>
      </c>
      <c r="D13548" t="s">
        <v>12320</v>
      </c>
    </row>
    <row r="13549" spans="1:4" x14ac:dyDescent="0.4">
      <c r="A13549">
        <v>1706045</v>
      </c>
      <c r="B13549" t="s">
        <v>815</v>
      </c>
      <c r="C13549" t="s">
        <v>1319</v>
      </c>
      <c r="D13549" t="s">
        <v>12321</v>
      </c>
    </row>
    <row r="13550" spans="1:4" x14ac:dyDescent="0.4">
      <c r="A13550">
        <v>1706046</v>
      </c>
      <c r="B13550" t="s">
        <v>815</v>
      </c>
      <c r="C13550" t="s">
        <v>1319</v>
      </c>
      <c r="D13550" t="s">
        <v>12322</v>
      </c>
    </row>
    <row r="13551" spans="1:4" x14ac:dyDescent="0.4">
      <c r="A13551">
        <v>1706047</v>
      </c>
      <c r="B13551" t="s">
        <v>815</v>
      </c>
      <c r="C13551" t="s">
        <v>1319</v>
      </c>
      <c r="D13551" t="s">
        <v>12323</v>
      </c>
    </row>
    <row r="13552" spans="1:4" x14ac:dyDescent="0.4">
      <c r="A13552">
        <v>1706048</v>
      </c>
      <c r="B13552" t="s">
        <v>815</v>
      </c>
      <c r="C13552" t="s">
        <v>1319</v>
      </c>
      <c r="D13552" t="s">
        <v>12324</v>
      </c>
    </row>
    <row r="13553" spans="1:4" x14ac:dyDescent="0.4">
      <c r="A13553">
        <v>1706049</v>
      </c>
      <c r="B13553" t="s">
        <v>815</v>
      </c>
      <c r="C13553" t="s">
        <v>1319</v>
      </c>
      <c r="D13553" t="s">
        <v>12325</v>
      </c>
    </row>
    <row r="13554" spans="1:4" x14ac:dyDescent="0.4">
      <c r="A13554">
        <v>1706050</v>
      </c>
      <c r="B13554" t="s">
        <v>815</v>
      </c>
      <c r="C13554" t="s">
        <v>1319</v>
      </c>
      <c r="D13554" t="s">
        <v>12326</v>
      </c>
    </row>
    <row r="13555" spans="1:4" x14ac:dyDescent="0.4">
      <c r="A13555">
        <v>1706051</v>
      </c>
      <c r="B13555" t="s">
        <v>815</v>
      </c>
      <c r="C13555" t="s">
        <v>1319</v>
      </c>
      <c r="D13555" t="s">
        <v>12327</v>
      </c>
    </row>
    <row r="13556" spans="1:4" x14ac:dyDescent="0.4">
      <c r="A13556">
        <v>1706052</v>
      </c>
      <c r="B13556" t="s">
        <v>815</v>
      </c>
      <c r="C13556" t="s">
        <v>1319</v>
      </c>
      <c r="D13556" t="s">
        <v>12328</v>
      </c>
    </row>
    <row r="13557" spans="1:4" x14ac:dyDescent="0.4">
      <c r="A13557">
        <v>1706053</v>
      </c>
      <c r="B13557" t="s">
        <v>815</v>
      </c>
      <c r="C13557" t="s">
        <v>1319</v>
      </c>
      <c r="D13557" t="s">
        <v>12329</v>
      </c>
    </row>
    <row r="13558" spans="1:4" x14ac:dyDescent="0.4">
      <c r="A13558">
        <v>1706054</v>
      </c>
      <c r="B13558" t="s">
        <v>815</v>
      </c>
      <c r="C13558" t="s">
        <v>1319</v>
      </c>
      <c r="D13558" t="s">
        <v>12330</v>
      </c>
    </row>
    <row r="13559" spans="1:4" x14ac:dyDescent="0.4">
      <c r="A13559">
        <v>1706055</v>
      </c>
      <c r="B13559" t="s">
        <v>815</v>
      </c>
      <c r="C13559" t="s">
        <v>1319</v>
      </c>
      <c r="D13559" t="s">
        <v>12331</v>
      </c>
    </row>
    <row r="13560" spans="1:4" x14ac:dyDescent="0.4">
      <c r="A13560">
        <v>1706056</v>
      </c>
      <c r="B13560" t="s">
        <v>815</v>
      </c>
      <c r="C13560" t="s">
        <v>1319</v>
      </c>
      <c r="D13560" t="s">
        <v>12332</v>
      </c>
    </row>
    <row r="13561" spans="1:4" x14ac:dyDescent="0.4">
      <c r="A13561">
        <v>1706057</v>
      </c>
      <c r="B13561" t="s">
        <v>815</v>
      </c>
      <c r="C13561" t="s">
        <v>1319</v>
      </c>
      <c r="D13561" t="s">
        <v>12333</v>
      </c>
    </row>
    <row r="13562" spans="1:4" x14ac:dyDescent="0.4">
      <c r="A13562">
        <v>1706058</v>
      </c>
      <c r="B13562" t="s">
        <v>815</v>
      </c>
      <c r="C13562" t="s">
        <v>1319</v>
      </c>
      <c r="D13562" t="s">
        <v>12334</v>
      </c>
    </row>
    <row r="13563" spans="1:4" x14ac:dyDescent="0.4">
      <c r="A13563">
        <v>1706059</v>
      </c>
      <c r="B13563" t="s">
        <v>815</v>
      </c>
      <c r="C13563" t="s">
        <v>1319</v>
      </c>
      <c r="D13563" t="s">
        <v>12335</v>
      </c>
    </row>
    <row r="13564" spans="1:4" x14ac:dyDescent="0.4">
      <c r="A13564">
        <v>1706060</v>
      </c>
      <c r="B13564" t="s">
        <v>815</v>
      </c>
      <c r="C13564" t="s">
        <v>1319</v>
      </c>
      <c r="D13564" t="s">
        <v>12336</v>
      </c>
    </row>
    <row r="13565" spans="1:4" x14ac:dyDescent="0.4">
      <c r="A13565">
        <v>1710022</v>
      </c>
      <c r="B13565" t="s">
        <v>815</v>
      </c>
      <c r="C13565" t="s">
        <v>1319</v>
      </c>
      <c r="D13565" t="s">
        <v>12337</v>
      </c>
    </row>
    <row r="13566" spans="1:4" x14ac:dyDescent="0.4">
      <c r="A13566">
        <v>1700005</v>
      </c>
      <c r="B13566" t="s">
        <v>815</v>
      </c>
      <c r="C13566" t="s">
        <v>1319</v>
      </c>
      <c r="D13566" t="s">
        <v>10652</v>
      </c>
    </row>
    <row r="13567" spans="1:4" x14ac:dyDescent="0.4">
      <c r="A13567">
        <v>1710052</v>
      </c>
      <c r="B13567" t="s">
        <v>815</v>
      </c>
      <c r="C13567" t="s">
        <v>1319</v>
      </c>
      <c r="D13567" t="s">
        <v>12338</v>
      </c>
    </row>
    <row r="13568" spans="1:4" x14ac:dyDescent="0.4">
      <c r="A13568">
        <v>1710031</v>
      </c>
      <c r="B13568" t="s">
        <v>815</v>
      </c>
      <c r="C13568" t="s">
        <v>1319</v>
      </c>
      <c r="D13568" t="s">
        <v>12339</v>
      </c>
    </row>
    <row r="13569" spans="1:4" x14ac:dyDescent="0.4">
      <c r="A13569">
        <v>1140000</v>
      </c>
      <c r="B13569" t="s">
        <v>815</v>
      </c>
      <c r="C13569" t="s">
        <v>12340</v>
      </c>
    </row>
    <row r="13570" spans="1:4" x14ac:dyDescent="0.4">
      <c r="A13570">
        <v>1150045</v>
      </c>
      <c r="B13570" t="s">
        <v>815</v>
      </c>
      <c r="C13570" t="s">
        <v>12340</v>
      </c>
      <c r="D13570" t="s">
        <v>12341</v>
      </c>
    </row>
    <row r="13571" spans="1:4" x14ac:dyDescent="0.4">
      <c r="A13571">
        <v>1150053</v>
      </c>
      <c r="B13571" t="s">
        <v>815</v>
      </c>
      <c r="C13571" t="s">
        <v>12340</v>
      </c>
      <c r="D13571" t="s">
        <v>12342</v>
      </c>
    </row>
    <row r="13572" spans="1:4" x14ac:dyDescent="0.4">
      <c r="A13572">
        <v>1150055</v>
      </c>
      <c r="B13572" t="s">
        <v>815</v>
      </c>
      <c r="C13572" t="s">
        <v>12340</v>
      </c>
      <c r="D13572" t="s">
        <v>12343</v>
      </c>
    </row>
    <row r="13573" spans="1:4" x14ac:dyDescent="0.4">
      <c r="A13573">
        <v>1150044</v>
      </c>
      <c r="B13573" t="s">
        <v>815</v>
      </c>
      <c r="C13573" t="s">
        <v>12340</v>
      </c>
      <c r="D13573" t="s">
        <v>12344</v>
      </c>
    </row>
    <row r="13574" spans="1:4" x14ac:dyDescent="0.4">
      <c r="A13574">
        <v>1150052</v>
      </c>
      <c r="B13574" t="s">
        <v>815</v>
      </c>
      <c r="C13574" t="s">
        <v>12340</v>
      </c>
      <c r="D13574" t="s">
        <v>12345</v>
      </c>
    </row>
    <row r="13575" spans="1:4" x14ac:dyDescent="0.4">
      <c r="A13575">
        <v>1150041</v>
      </c>
      <c r="B13575" t="s">
        <v>815</v>
      </c>
      <c r="C13575" t="s">
        <v>12340</v>
      </c>
      <c r="D13575" t="s">
        <v>12346</v>
      </c>
    </row>
    <row r="13576" spans="1:4" x14ac:dyDescent="0.4">
      <c r="A13576">
        <v>1150051</v>
      </c>
      <c r="B13576" t="s">
        <v>815</v>
      </c>
      <c r="C13576" t="s">
        <v>12340</v>
      </c>
      <c r="D13576" t="s">
        <v>12347</v>
      </c>
    </row>
    <row r="13577" spans="1:4" x14ac:dyDescent="0.4">
      <c r="A13577">
        <v>1140002</v>
      </c>
      <c r="B13577" t="s">
        <v>815</v>
      </c>
      <c r="C13577" t="s">
        <v>12340</v>
      </c>
      <c r="D13577" t="s">
        <v>8422</v>
      </c>
    </row>
    <row r="13578" spans="1:4" x14ac:dyDescent="0.4">
      <c r="A13578">
        <v>1140022</v>
      </c>
      <c r="B13578" t="s">
        <v>815</v>
      </c>
      <c r="C13578" t="s">
        <v>12340</v>
      </c>
      <c r="D13578" t="s">
        <v>12348</v>
      </c>
    </row>
    <row r="13579" spans="1:4" x14ac:dyDescent="0.4">
      <c r="A13579">
        <v>1140034</v>
      </c>
      <c r="B13579" t="s">
        <v>815</v>
      </c>
      <c r="C13579" t="s">
        <v>12340</v>
      </c>
      <c r="D13579" t="s">
        <v>12349</v>
      </c>
    </row>
    <row r="13580" spans="1:4" x14ac:dyDescent="0.4">
      <c r="A13580">
        <v>1140016</v>
      </c>
      <c r="B13580" t="s">
        <v>815</v>
      </c>
      <c r="C13580" t="s">
        <v>12340</v>
      </c>
      <c r="D13580" t="s">
        <v>12350</v>
      </c>
    </row>
    <row r="13581" spans="1:4" x14ac:dyDescent="0.4">
      <c r="A13581">
        <v>1150043</v>
      </c>
      <c r="B13581" t="s">
        <v>815</v>
      </c>
      <c r="C13581" t="s">
        <v>12340</v>
      </c>
      <c r="D13581" t="s">
        <v>12351</v>
      </c>
    </row>
    <row r="13582" spans="1:4" x14ac:dyDescent="0.4">
      <c r="A13582">
        <v>1140021</v>
      </c>
      <c r="B13582" t="s">
        <v>815</v>
      </c>
      <c r="C13582" t="s">
        <v>12340</v>
      </c>
      <c r="D13582" t="s">
        <v>1830</v>
      </c>
    </row>
    <row r="13583" spans="1:4" x14ac:dyDescent="0.4">
      <c r="A13583">
        <v>1150054</v>
      </c>
      <c r="B13583" t="s">
        <v>815</v>
      </c>
      <c r="C13583" t="s">
        <v>12340</v>
      </c>
      <c r="D13583" t="s">
        <v>12352</v>
      </c>
    </row>
    <row r="13584" spans="1:4" x14ac:dyDescent="0.4">
      <c r="A13584">
        <v>1140005</v>
      </c>
      <c r="B13584" t="s">
        <v>815</v>
      </c>
      <c r="C13584" t="s">
        <v>12340</v>
      </c>
      <c r="D13584" t="s">
        <v>255</v>
      </c>
    </row>
    <row r="13585" spans="1:4" x14ac:dyDescent="0.4">
      <c r="A13585">
        <v>1150042</v>
      </c>
      <c r="B13585" t="s">
        <v>815</v>
      </c>
      <c r="C13585" t="s">
        <v>12340</v>
      </c>
      <c r="D13585" t="s">
        <v>3570</v>
      </c>
    </row>
    <row r="13586" spans="1:4" x14ac:dyDescent="0.4">
      <c r="A13586">
        <v>1140033</v>
      </c>
      <c r="B13586" t="s">
        <v>815</v>
      </c>
      <c r="C13586" t="s">
        <v>12340</v>
      </c>
      <c r="D13586" t="s">
        <v>12353</v>
      </c>
    </row>
    <row r="13587" spans="1:4" x14ac:dyDescent="0.4">
      <c r="A13587">
        <v>1140031</v>
      </c>
      <c r="B13587" t="s">
        <v>815</v>
      </c>
      <c r="C13587" t="s">
        <v>12340</v>
      </c>
      <c r="D13587" t="s">
        <v>12354</v>
      </c>
    </row>
    <row r="13588" spans="1:4" x14ac:dyDescent="0.4">
      <c r="A13588">
        <v>1140011</v>
      </c>
      <c r="B13588" t="s">
        <v>815</v>
      </c>
      <c r="C13588" t="s">
        <v>12340</v>
      </c>
      <c r="D13588" t="s">
        <v>2500</v>
      </c>
    </row>
    <row r="13589" spans="1:4" x14ac:dyDescent="0.4">
      <c r="A13589">
        <v>1140023</v>
      </c>
      <c r="B13589" t="s">
        <v>815</v>
      </c>
      <c r="C13589" t="s">
        <v>12340</v>
      </c>
      <c r="D13589" t="s">
        <v>12355</v>
      </c>
    </row>
    <row r="13590" spans="1:4" x14ac:dyDescent="0.4">
      <c r="A13590">
        <v>1140014</v>
      </c>
      <c r="B13590" t="s">
        <v>815</v>
      </c>
      <c r="C13590" t="s">
        <v>12340</v>
      </c>
      <c r="D13590" t="s">
        <v>8596</v>
      </c>
    </row>
    <row r="13591" spans="1:4" x14ac:dyDescent="0.4">
      <c r="A13591">
        <v>1140012</v>
      </c>
      <c r="B13591" t="s">
        <v>815</v>
      </c>
      <c r="C13591" t="s">
        <v>12340</v>
      </c>
      <c r="D13591" t="s">
        <v>12356</v>
      </c>
    </row>
    <row r="13592" spans="1:4" x14ac:dyDescent="0.4">
      <c r="A13592">
        <v>1140003</v>
      </c>
      <c r="B13592" t="s">
        <v>815</v>
      </c>
      <c r="C13592" t="s">
        <v>12340</v>
      </c>
      <c r="D13592" t="s">
        <v>12357</v>
      </c>
    </row>
    <row r="13593" spans="1:4" x14ac:dyDescent="0.4">
      <c r="A13593">
        <v>1140015</v>
      </c>
      <c r="B13593" t="s">
        <v>815</v>
      </c>
      <c r="C13593" t="s">
        <v>12340</v>
      </c>
      <c r="D13593" t="s">
        <v>191</v>
      </c>
    </row>
    <row r="13594" spans="1:4" x14ac:dyDescent="0.4">
      <c r="A13594">
        <v>1140032</v>
      </c>
      <c r="B13594" t="s">
        <v>815</v>
      </c>
      <c r="C13594" t="s">
        <v>12340</v>
      </c>
      <c r="D13594" t="s">
        <v>12358</v>
      </c>
    </row>
    <row r="13595" spans="1:4" x14ac:dyDescent="0.4">
      <c r="A13595">
        <v>1150056</v>
      </c>
      <c r="B13595" t="s">
        <v>815</v>
      </c>
      <c r="C13595" t="s">
        <v>12340</v>
      </c>
      <c r="D13595" t="s">
        <v>12359</v>
      </c>
    </row>
    <row r="13596" spans="1:4" x14ac:dyDescent="0.4">
      <c r="A13596">
        <v>1140024</v>
      </c>
      <c r="B13596" t="s">
        <v>815</v>
      </c>
      <c r="C13596" t="s">
        <v>12340</v>
      </c>
      <c r="D13596" t="s">
        <v>12360</v>
      </c>
    </row>
    <row r="13597" spans="1:4" x14ac:dyDescent="0.4">
      <c r="A13597">
        <v>1140001</v>
      </c>
      <c r="B13597" t="s">
        <v>815</v>
      </c>
      <c r="C13597" t="s">
        <v>12340</v>
      </c>
      <c r="D13597" t="s">
        <v>12361</v>
      </c>
    </row>
    <row r="13598" spans="1:4" x14ac:dyDescent="0.4">
      <c r="A13598">
        <v>1140013</v>
      </c>
      <c r="B13598" t="s">
        <v>815</v>
      </c>
      <c r="C13598" t="s">
        <v>12340</v>
      </c>
      <c r="D13598" t="s">
        <v>12362</v>
      </c>
    </row>
    <row r="13599" spans="1:4" x14ac:dyDescent="0.4">
      <c r="A13599">
        <v>1140004</v>
      </c>
      <c r="B13599" t="s">
        <v>815</v>
      </c>
      <c r="C13599" t="s">
        <v>12340</v>
      </c>
      <c r="D13599" t="s">
        <v>12363</v>
      </c>
    </row>
    <row r="13600" spans="1:4" x14ac:dyDescent="0.4">
      <c r="A13600">
        <v>1160000</v>
      </c>
      <c r="B13600" t="s">
        <v>815</v>
      </c>
      <c r="C13600" t="s">
        <v>12364</v>
      </c>
    </row>
    <row r="13601" spans="1:4" x14ac:dyDescent="0.4">
      <c r="A13601">
        <v>1160002</v>
      </c>
      <c r="B13601" t="s">
        <v>815</v>
      </c>
      <c r="C13601" t="s">
        <v>12364</v>
      </c>
      <c r="D13601" t="s">
        <v>529</v>
      </c>
    </row>
    <row r="13602" spans="1:4" x14ac:dyDescent="0.4">
      <c r="A13602">
        <v>1160011</v>
      </c>
      <c r="B13602" t="s">
        <v>815</v>
      </c>
      <c r="C13602" t="s">
        <v>12364</v>
      </c>
      <c r="D13602" t="s">
        <v>12365</v>
      </c>
    </row>
    <row r="13603" spans="1:4" x14ac:dyDescent="0.4">
      <c r="A13603">
        <v>1160013</v>
      </c>
      <c r="B13603" t="s">
        <v>815</v>
      </c>
      <c r="C13603" t="s">
        <v>12364</v>
      </c>
      <c r="D13603" t="s">
        <v>12366</v>
      </c>
    </row>
    <row r="13604" spans="1:4" x14ac:dyDescent="0.4">
      <c r="A13604">
        <v>1160012</v>
      </c>
      <c r="B13604" t="s">
        <v>815</v>
      </c>
      <c r="C13604" t="s">
        <v>12364</v>
      </c>
      <c r="D13604" t="s">
        <v>12367</v>
      </c>
    </row>
    <row r="13605" spans="1:4" x14ac:dyDescent="0.4">
      <c r="A13605">
        <v>1160014</v>
      </c>
      <c r="B13605" t="s">
        <v>815</v>
      </c>
      <c r="C13605" t="s">
        <v>12364</v>
      </c>
      <c r="D13605" t="s">
        <v>12368</v>
      </c>
    </row>
    <row r="13606" spans="1:4" x14ac:dyDescent="0.4">
      <c r="A13606">
        <v>1160001</v>
      </c>
      <c r="B13606" t="s">
        <v>815</v>
      </c>
      <c r="C13606" t="s">
        <v>12364</v>
      </c>
      <c r="D13606" t="s">
        <v>10422</v>
      </c>
    </row>
    <row r="13607" spans="1:4" x14ac:dyDescent="0.4">
      <c r="A13607">
        <v>1160003</v>
      </c>
      <c r="B13607" t="s">
        <v>815</v>
      </c>
      <c r="C13607" t="s">
        <v>12364</v>
      </c>
      <c r="D13607" t="s">
        <v>12369</v>
      </c>
    </row>
    <row r="13608" spans="1:4" x14ac:dyDescent="0.4">
      <c r="A13608">
        <v>1740000</v>
      </c>
      <c r="B13608" t="s">
        <v>815</v>
      </c>
      <c r="C13608" t="s">
        <v>12370</v>
      </c>
    </row>
    <row r="13609" spans="1:4" x14ac:dyDescent="0.4">
      <c r="A13609">
        <v>1740044</v>
      </c>
      <c r="B13609" t="s">
        <v>815</v>
      </c>
      <c r="C13609" t="s">
        <v>12370</v>
      </c>
      <c r="D13609" t="s">
        <v>2447</v>
      </c>
    </row>
    <row r="13610" spans="1:4" x14ac:dyDescent="0.4">
      <c r="A13610">
        <v>1750092</v>
      </c>
      <c r="B13610" t="s">
        <v>815</v>
      </c>
      <c r="C13610" t="s">
        <v>12370</v>
      </c>
      <c r="D13610" t="s">
        <v>12371</v>
      </c>
    </row>
    <row r="13611" spans="1:4" x14ac:dyDescent="0.4">
      <c r="A13611">
        <v>1750093</v>
      </c>
      <c r="B13611" t="s">
        <v>815</v>
      </c>
      <c r="C13611" t="s">
        <v>12370</v>
      </c>
      <c r="D13611" t="s">
        <v>12372</v>
      </c>
    </row>
    <row r="13612" spans="1:4" x14ac:dyDescent="0.4">
      <c r="A13612">
        <v>1740051</v>
      </c>
      <c r="B13612" t="s">
        <v>815</v>
      </c>
      <c r="C13612" t="s">
        <v>12370</v>
      </c>
      <c r="D13612" t="s">
        <v>12373</v>
      </c>
    </row>
    <row r="13613" spans="1:4" x14ac:dyDescent="0.4">
      <c r="A13613">
        <v>1740055</v>
      </c>
      <c r="B13613" t="s">
        <v>815</v>
      </c>
      <c r="C13613" t="s">
        <v>12370</v>
      </c>
      <c r="D13613" t="s">
        <v>1528</v>
      </c>
    </row>
    <row r="13614" spans="1:4" x14ac:dyDescent="0.4">
      <c r="A13614">
        <v>1730004</v>
      </c>
      <c r="B13614" t="s">
        <v>815</v>
      </c>
      <c r="C13614" t="s">
        <v>12370</v>
      </c>
      <c r="D13614" t="s">
        <v>8169</v>
      </c>
    </row>
    <row r="13615" spans="1:4" x14ac:dyDescent="0.4">
      <c r="A13615">
        <v>1730002</v>
      </c>
      <c r="B13615" t="s">
        <v>815</v>
      </c>
      <c r="C13615" t="s">
        <v>12370</v>
      </c>
      <c r="D13615" t="s">
        <v>314</v>
      </c>
    </row>
    <row r="13616" spans="1:4" x14ac:dyDescent="0.4">
      <c r="A13616">
        <v>1740061</v>
      </c>
      <c r="B13616" t="s">
        <v>815</v>
      </c>
      <c r="C13616" t="s">
        <v>12370</v>
      </c>
      <c r="D13616" t="s">
        <v>12374</v>
      </c>
    </row>
    <row r="13617" spans="1:4" x14ac:dyDescent="0.4">
      <c r="A13617">
        <v>1730035</v>
      </c>
      <c r="B13617" t="s">
        <v>815</v>
      </c>
      <c r="C13617" t="s">
        <v>12370</v>
      </c>
      <c r="D13617" t="s">
        <v>226</v>
      </c>
    </row>
    <row r="13618" spans="1:4" x14ac:dyDescent="0.4">
      <c r="A13618">
        <v>1730032</v>
      </c>
      <c r="B13618" t="s">
        <v>815</v>
      </c>
      <c r="C13618" t="s">
        <v>12370</v>
      </c>
      <c r="D13618" t="s">
        <v>12375</v>
      </c>
    </row>
    <row r="13619" spans="1:4" x14ac:dyDescent="0.4">
      <c r="A13619">
        <v>1730031</v>
      </c>
      <c r="B13619" t="s">
        <v>815</v>
      </c>
      <c r="C13619" t="s">
        <v>12370</v>
      </c>
      <c r="D13619" t="s">
        <v>12376</v>
      </c>
    </row>
    <row r="13620" spans="1:4" x14ac:dyDescent="0.4">
      <c r="A13620">
        <v>1730024</v>
      </c>
      <c r="B13620" t="s">
        <v>815</v>
      </c>
      <c r="C13620" t="s">
        <v>12370</v>
      </c>
      <c r="D13620" t="s">
        <v>12377</v>
      </c>
    </row>
    <row r="13621" spans="1:4" x14ac:dyDescent="0.4">
      <c r="A13621">
        <v>1730014</v>
      </c>
      <c r="B13621" t="s">
        <v>815</v>
      </c>
      <c r="C13621" t="s">
        <v>12370</v>
      </c>
      <c r="D13621" t="s">
        <v>12378</v>
      </c>
    </row>
    <row r="13622" spans="1:4" x14ac:dyDescent="0.4">
      <c r="A13622">
        <v>1730033</v>
      </c>
      <c r="B13622" t="s">
        <v>815</v>
      </c>
      <c r="C13622" t="s">
        <v>12370</v>
      </c>
      <c r="D13622" t="s">
        <v>12379</v>
      </c>
    </row>
    <row r="13623" spans="1:4" x14ac:dyDescent="0.4">
      <c r="A13623">
        <v>1730023</v>
      </c>
      <c r="B13623" t="s">
        <v>815</v>
      </c>
      <c r="C13623" t="s">
        <v>12370</v>
      </c>
      <c r="D13623" t="s">
        <v>8268</v>
      </c>
    </row>
    <row r="13624" spans="1:4" x14ac:dyDescent="0.4">
      <c r="A13624">
        <v>1730003</v>
      </c>
      <c r="B13624" t="s">
        <v>815</v>
      </c>
      <c r="C13624" t="s">
        <v>12370</v>
      </c>
      <c r="D13624" t="s">
        <v>1372</v>
      </c>
    </row>
    <row r="13625" spans="1:4" x14ac:dyDescent="0.4">
      <c r="A13625">
        <v>1740076</v>
      </c>
      <c r="B13625" t="s">
        <v>815</v>
      </c>
      <c r="C13625" t="s">
        <v>12370</v>
      </c>
      <c r="D13625" t="s">
        <v>12380</v>
      </c>
    </row>
    <row r="13626" spans="1:4" x14ac:dyDescent="0.4">
      <c r="A13626">
        <v>1730025</v>
      </c>
      <c r="B13626" t="s">
        <v>815</v>
      </c>
      <c r="C13626" t="s">
        <v>12370</v>
      </c>
      <c r="D13626" t="s">
        <v>9319</v>
      </c>
    </row>
    <row r="13627" spans="1:4" x14ac:dyDescent="0.4">
      <c r="A13627">
        <v>1730037</v>
      </c>
      <c r="B13627" t="s">
        <v>815</v>
      </c>
      <c r="C13627" t="s">
        <v>12370</v>
      </c>
      <c r="D13627" t="s">
        <v>12381</v>
      </c>
    </row>
    <row r="13628" spans="1:4" x14ac:dyDescent="0.4">
      <c r="A13628">
        <v>1730034</v>
      </c>
      <c r="B13628" t="s">
        <v>815</v>
      </c>
      <c r="C13628" t="s">
        <v>12370</v>
      </c>
      <c r="D13628" t="s">
        <v>72</v>
      </c>
    </row>
    <row r="13629" spans="1:4" x14ac:dyDescent="0.4">
      <c r="A13629">
        <v>1730015</v>
      </c>
      <c r="B13629" t="s">
        <v>815</v>
      </c>
      <c r="C13629" t="s">
        <v>12370</v>
      </c>
      <c r="D13629" t="s">
        <v>255</v>
      </c>
    </row>
    <row r="13630" spans="1:4" x14ac:dyDescent="0.4">
      <c r="A13630">
        <v>1740043</v>
      </c>
      <c r="B13630" t="s">
        <v>815</v>
      </c>
      <c r="C13630" t="s">
        <v>12370</v>
      </c>
      <c r="D13630" t="s">
        <v>12382</v>
      </c>
    </row>
    <row r="13631" spans="1:4" x14ac:dyDescent="0.4">
      <c r="A13631">
        <v>1740075</v>
      </c>
      <c r="B13631" t="s">
        <v>815</v>
      </c>
      <c r="C13631" t="s">
        <v>12370</v>
      </c>
      <c r="D13631" t="s">
        <v>4536</v>
      </c>
    </row>
    <row r="13632" spans="1:4" x14ac:dyDescent="0.4">
      <c r="A13632">
        <v>1740053</v>
      </c>
      <c r="B13632" t="s">
        <v>815</v>
      </c>
      <c r="C13632" t="s">
        <v>12370</v>
      </c>
      <c r="D13632" t="s">
        <v>4199</v>
      </c>
    </row>
    <row r="13633" spans="1:4" x14ac:dyDescent="0.4">
      <c r="A13633">
        <v>1740056</v>
      </c>
      <c r="B13633" t="s">
        <v>815</v>
      </c>
      <c r="C13633" t="s">
        <v>12370</v>
      </c>
      <c r="D13633" t="s">
        <v>12383</v>
      </c>
    </row>
    <row r="13634" spans="1:4" x14ac:dyDescent="0.4">
      <c r="A13634">
        <v>1750081</v>
      </c>
      <c r="B13634" t="s">
        <v>815</v>
      </c>
      <c r="C13634" t="s">
        <v>12370</v>
      </c>
      <c r="D13634" t="s">
        <v>12384</v>
      </c>
    </row>
    <row r="13635" spans="1:4" x14ac:dyDescent="0.4">
      <c r="A13635">
        <v>1750085</v>
      </c>
      <c r="B13635" t="s">
        <v>815</v>
      </c>
      <c r="C13635" t="s">
        <v>12370</v>
      </c>
      <c r="D13635" t="s">
        <v>1874</v>
      </c>
    </row>
    <row r="13636" spans="1:4" x14ac:dyDescent="0.4">
      <c r="A13636">
        <v>1750082</v>
      </c>
      <c r="B13636" t="s">
        <v>815</v>
      </c>
      <c r="C13636" t="s">
        <v>12370</v>
      </c>
      <c r="D13636" t="s">
        <v>12385</v>
      </c>
    </row>
    <row r="13637" spans="1:4" x14ac:dyDescent="0.4">
      <c r="A13637">
        <v>1740074</v>
      </c>
      <c r="B13637" t="s">
        <v>815</v>
      </c>
      <c r="C13637" t="s">
        <v>12370</v>
      </c>
      <c r="D13637" t="s">
        <v>5604</v>
      </c>
    </row>
    <row r="13638" spans="1:4" x14ac:dyDescent="0.4">
      <c r="A13638">
        <v>1740071</v>
      </c>
      <c r="B13638" t="s">
        <v>815</v>
      </c>
      <c r="C13638" t="s">
        <v>12370</v>
      </c>
      <c r="D13638" t="s">
        <v>3863</v>
      </c>
    </row>
    <row r="13639" spans="1:4" x14ac:dyDescent="0.4">
      <c r="A13639">
        <v>1750083</v>
      </c>
      <c r="B13639" t="s">
        <v>815</v>
      </c>
      <c r="C13639" t="s">
        <v>12370</v>
      </c>
      <c r="D13639" t="s">
        <v>12386</v>
      </c>
    </row>
    <row r="13640" spans="1:4" x14ac:dyDescent="0.4">
      <c r="A13640">
        <v>1730016</v>
      </c>
      <c r="B13640" t="s">
        <v>815</v>
      </c>
      <c r="C13640" t="s">
        <v>12370</v>
      </c>
      <c r="D13640" t="s">
        <v>12387</v>
      </c>
    </row>
    <row r="13641" spans="1:4" x14ac:dyDescent="0.4">
      <c r="A13641">
        <v>1730005</v>
      </c>
      <c r="B13641" t="s">
        <v>815</v>
      </c>
      <c r="C13641" t="s">
        <v>12370</v>
      </c>
      <c r="D13641" t="s">
        <v>12388</v>
      </c>
    </row>
    <row r="13642" spans="1:4" x14ac:dyDescent="0.4">
      <c r="A13642">
        <v>1740064</v>
      </c>
      <c r="B13642" t="s">
        <v>815</v>
      </c>
      <c r="C13642" t="s">
        <v>12370</v>
      </c>
      <c r="D13642" t="s">
        <v>2163</v>
      </c>
    </row>
    <row r="13643" spans="1:4" x14ac:dyDescent="0.4">
      <c r="A13643">
        <v>1730022</v>
      </c>
      <c r="B13643" t="s">
        <v>815</v>
      </c>
      <c r="C13643" t="s">
        <v>12370</v>
      </c>
      <c r="D13643" t="s">
        <v>802</v>
      </c>
    </row>
    <row r="13644" spans="1:4" x14ac:dyDescent="0.4">
      <c r="A13644">
        <v>1730026</v>
      </c>
      <c r="B13644" t="s">
        <v>815</v>
      </c>
      <c r="C13644" t="s">
        <v>12370</v>
      </c>
      <c r="D13644" t="s">
        <v>12389</v>
      </c>
    </row>
    <row r="13645" spans="1:4" x14ac:dyDescent="0.4">
      <c r="A13645">
        <v>1750094</v>
      </c>
      <c r="B13645" t="s">
        <v>815</v>
      </c>
      <c r="C13645" t="s">
        <v>12370</v>
      </c>
      <c r="D13645" t="s">
        <v>12390</v>
      </c>
    </row>
    <row r="13646" spans="1:4" x14ac:dyDescent="0.4">
      <c r="A13646">
        <v>1740045</v>
      </c>
      <c r="B13646" t="s">
        <v>815</v>
      </c>
      <c r="C13646" t="s">
        <v>12370</v>
      </c>
      <c r="D13646" t="s">
        <v>12391</v>
      </c>
    </row>
    <row r="13647" spans="1:4" x14ac:dyDescent="0.4">
      <c r="A13647">
        <v>1750045</v>
      </c>
      <c r="B13647" t="s">
        <v>815</v>
      </c>
      <c r="C13647" t="s">
        <v>12370</v>
      </c>
      <c r="D13647" t="s">
        <v>12392</v>
      </c>
    </row>
    <row r="13648" spans="1:4" x14ac:dyDescent="0.4">
      <c r="A13648">
        <v>1740052</v>
      </c>
      <c r="B13648" t="s">
        <v>815</v>
      </c>
      <c r="C13648" t="s">
        <v>12370</v>
      </c>
      <c r="D13648" t="s">
        <v>12393</v>
      </c>
    </row>
    <row r="13649" spans="1:4" x14ac:dyDescent="0.4">
      <c r="A13649">
        <v>1740046</v>
      </c>
      <c r="B13649" t="s">
        <v>815</v>
      </c>
      <c r="C13649" t="s">
        <v>12370</v>
      </c>
      <c r="D13649" t="s">
        <v>12394</v>
      </c>
    </row>
    <row r="13650" spans="1:4" x14ac:dyDescent="0.4">
      <c r="A13650">
        <v>1730013</v>
      </c>
      <c r="B13650" t="s">
        <v>815</v>
      </c>
      <c r="C13650" t="s">
        <v>12370</v>
      </c>
      <c r="D13650" t="s">
        <v>1692</v>
      </c>
    </row>
    <row r="13651" spans="1:4" x14ac:dyDescent="0.4">
      <c r="A13651">
        <v>1740042</v>
      </c>
      <c r="B13651" t="s">
        <v>815</v>
      </c>
      <c r="C13651" t="s">
        <v>12370</v>
      </c>
      <c r="D13651" t="s">
        <v>12395</v>
      </c>
    </row>
    <row r="13652" spans="1:4" x14ac:dyDescent="0.4">
      <c r="A13652">
        <v>1740073</v>
      </c>
      <c r="B13652" t="s">
        <v>815</v>
      </c>
      <c r="C13652" t="s">
        <v>12370</v>
      </c>
      <c r="D13652" t="s">
        <v>12396</v>
      </c>
    </row>
    <row r="13653" spans="1:4" x14ac:dyDescent="0.4">
      <c r="A13653">
        <v>1740062</v>
      </c>
      <c r="B13653" t="s">
        <v>815</v>
      </c>
      <c r="C13653" t="s">
        <v>12370</v>
      </c>
      <c r="D13653" t="s">
        <v>1605</v>
      </c>
    </row>
    <row r="13654" spans="1:4" x14ac:dyDescent="0.4">
      <c r="A13654">
        <v>1730011</v>
      </c>
      <c r="B13654" t="s">
        <v>815</v>
      </c>
      <c r="C13654" t="s">
        <v>12370</v>
      </c>
      <c r="D13654" t="s">
        <v>7562</v>
      </c>
    </row>
    <row r="13655" spans="1:4" x14ac:dyDescent="0.4">
      <c r="A13655">
        <v>1740041</v>
      </c>
      <c r="B13655" t="s">
        <v>815</v>
      </c>
      <c r="C13655" t="s">
        <v>12370</v>
      </c>
      <c r="D13655" t="s">
        <v>12397</v>
      </c>
    </row>
    <row r="13656" spans="1:4" x14ac:dyDescent="0.4">
      <c r="A13656">
        <v>1730001</v>
      </c>
      <c r="B13656" t="s">
        <v>815</v>
      </c>
      <c r="C13656" t="s">
        <v>12370</v>
      </c>
      <c r="D13656" t="s">
        <v>403</v>
      </c>
    </row>
    <row r="13657" spans="1:4" x14ac:dyDescent="0.4">
      <c r="A13657">
        <v>1740063</v>
      </c>
      <c r="B13657" t="s">
        <v>815</v>
      </c>
      <c r="C13657" t="s">
        <v>12370</v>
      </c>
      <c r="D13657" t="s">
        <v>12398</v>
      </c>
    </row>
    <row r="13658" spans="1:4" x14ac:dyDescent="0.4">
      <c r="A13658">
        <v>1750091</v>
      </c>
      <c r="B13658" t="s">
        <v>815</v>
      </c>
      <c r="C13658" t="s">
        <v>12370</v>
      </c>
      <c r="D13658" t="s">
        <v>12399</v>
      </c>
    </row>
    <row r="13659" spans="1:4" x14ac:dyDescent="0.4">
      <c r="A13659">
        <v>1730027</v>
      </c>
      <c r="B13659" t="s">
        <v>815</v>
      </c>
      <c r="C13659" t="s">
        <v>12370</v>
      </c>
      <c r="D13659" t="s">
        <v>1615</v>
      </c>
    </row>
    <row r="13660" spans="1:4" x14ac:dyDescent="0.4">
      <c r="A13660">
        <v>1740072</v>
      </c>
      <c r="B13660" t="s">
        <v>815</v>
      </c>
      <c r="C13660" t="s">
        <v>12370</v>
      </c>
      <c r="D13660" t="s">
        <v>12400</v>
      </c>
    </row>
    <row r="13661" spans="1:4" x14ac:dyDescent="0.4">
      <c r="A13661">
        <v>1740054</v>
      </c>
      <c r="B13661" t="s">
        <v>815</v>
      </c>
      <c r="C13661" t="s">
        <v>12370</v>
      </c>
      <c r="D13661" t="s">
        <v>5844</v>
      </c>
    </row>
    <row r="13662" spans="1:4" x14ac:dyDescent="0.4">
      <c r="A13662">
        <v>1730036</v>
      </c>
      <c r="B13662" t="s">
        <v>815</v>
      </c>
      <c r="C13662" t="s">
        <v>12370</v>
      </c>
      <c r="D13662" t="s">
        <v>2268</v>
      </c>
    </row>
    <row r="13663" spans="1:4" x14ac:dyDescent="0.4">
      <c r="A13663">
        <v>1730012</v>
      </c>
      <c r="B13663" t="s">
        <v>815</v>
      </c>
      <c r="C13663" t="s">
        <v>12370</v>
      </c>
      <c r="D13663" t="s">
        <v>6393</v>
      </c>
    </row>
    <row r="13664" spans="1:4" x14ac:dyDescent="0.4">
      <c r="A13664">
        <v>1730021</v>
      </c>
      <c r="B13664" t="s">
        <v>815</v>
      </c>
      <c r="C13664" t="s">
        <v>12370</v>
      </c>
      <c r="D13664" t="s">
        <v>518</v>
      </c>
    </row>
    <row r="13665" spans="1:4" x14ac:dyDescent="0.4">
      <c r="A13665">
        <v>1750084</v>
      </c>
      <c r="B13665" t="s">
        <v>815</v>
      </c>
      <c r="C13665" t="s">
        <v>12370</v>
      </c>
      <c r="D13665" t="s">
        <v>12401</v>
      </c>
    </row>
    <row r="13666" spans="1:4" x14ac:dyDescent="0.4">
      <c r="A13666">
        <v>1740065</v>
      </c>
      <c r="B13666" t="s">
        <v>815</v>
      </c>
      <c r="C13666" t="s">
        <v>12370</v>
      </c>
      <c r="D13666" t="s">
        <v>12402</v>
      </c>
    </row>
    <row r="13667" spans="1:4" x14ac:dyDescent="0.4">
      <c r="A13667">
        <v>1760000</v>
      </c>
      <c r="B13667" t="s">
        <v>815</v>
      </c>
      <c r="C13667" t="s">
        <v>1326</v>
      </c>
    </row>
    <row r="13668" spans="1:4" x14ac:dyDescent="0.4">
      <c r="A13668">
        <v>1760005</v>
      </c>
      <c r="B13668" t="s">
        <v>815</v>
      </c>
      <c r="C13668" t="s">
        <v>1326</v>
      </c>
      <c r="D13668" t="s">
        <v>12403</v>
      </c>
    </row>
    <row r="13669" spans="1:4" x14ac:dyDescent="0.4">
      <c r="A13669">
        <v>1790071</v>
      </c>
      <c r="B13669" t="s">
        <v>815</v>
      </c>
      <c r="C13669" t="s">
        <v>1326</v>
      </c>
      <c r="D13669" t="s">
        <v>222</v>
      </c>
    </row>
    <row r="13670" spans="1:4" x14ac:dyDescent="0.4">
      <c r="A13670">
        <v>1780061</v>
      </c>
      <c r="B13670" t="s">
        <v>815</v>
      </c>
      <c r="C13670" t="s">
        <v>1326</v>
      </c>
      <c r="D13670" t="s">
        <v>12404</v>
      </c>
    </row>
    <row r="13671" spans="1:4" x14ac:dyDescent="0.4">
      <c r="A13671">
        <v>1780062</v>
      </c>
      <c r="B13671" t="s">
        <v>815</v>
      </c>
      <c r="C13671" t="s">
        <v>1326</v>
      </c>
      <c r="D13671" t="s">
        <v>12405</v>
      </c>
    </row>
    <row r="13672" spans="1:4" x14ac:dyDescent="0.4">
      <c r="A13672">
        <v>1790074</v>
      </c>
      <c r="B13672" t="s">
        <v>815</v>
      </c>
      <c r="C13672" t="s">
        <v>1326</v>
      </c>
      <c r="D13672" t="s">
        <v>3605</v>
      </c>
    </row>
    <row r="13673" spans="1:4" x14ac:dyDescent="0.4">
      <c r="A13673">
        <v>1770044</v>
      </c>
      <c r="B13673" t="s">
        <v>815</v>
      </c>
      <c r="C13673" t="s">
        <v>1326</v>
      </c>
      <c r="D13673" t="s">
        <v>12406</v>
      </c>
    </row>
    <row r="13674" spans="1:4" x14ac:dyDescent="0.4">
      <c r="A13674">
        <v>1770043</v>
      </c>
      <c r="B13674" t="s">
        <v>815</v>
      </c>
      <c r="C13674" t="s">
        <v>1326</v>
      </c>
      <c r="D13674" t="s">
        <v>12407</v>
      </c>
    </row>
    <row r="13675" spans="1:4" x14ac:dyDescent="0.4">
      <c r="A13675">
        <v>1790081</v>
      </c>
      <c r="B13675" t="s">
        <v>815</v>
      </c>
      <c r="C13675" t="s">
        <v>1326</v>
      </c>
      <c r="D13675" t="s">
        <v>3548</v>
      </c>
    </row>
    <row r="13676" spans="1:4" x14ac:dyDescent="0.4">
      <c r="A13676">
        <v>1760022</v>
      </c>
      <c r="B13676" t="s">
        <v>815</v>
      </c>
      <c r="C13676" t="s">
        <v>1326</v>
      </c>
      <c r="D13676" t="s">
        <v>7457</v>
      </c>
    </row>
    <row r="13677" spans="1:4" x14ac:dyDescent="0.4">
      <c r="A13677">
        <v>1760004</v>
      </c>
      <c r="B13677" t="s">
        <v>815</v>
      </c>
      <c r="C13677" t="s">
        <v>1326</v>
      </c>
      <c r="D13677" t="s">
        <v>12408</v>
      </c>
    </row>
    <row r="13678" spans="1:4" x14ac:dyDescent="0.4">
      <c r="A13678">
        <v>1760006</v>
      </c>
      <c r="B13678" t="s">
        <v>815</v>
      </c>
      <c r="C13678" t="s">
        <v>1326</v>
      </c>
      <c r="D13678" t="s">
        <v>255</v>
      </c>
    </row>
    <row r="13679" spans="1:4" x14ac:dyDescent="0.4">
      <c r="A13679">
        <v>1760002</v>
      </c>
      <c r="B13679" t="s">
        <v>815</v>
      </c>
      <c r="C13679" t="s">
        <v>1326</v>
      </c>
      <c r="D13679" t="s">
        <v>2016</v>
      </c>
    </row>
    <row r="13680" spans="1:4" x14ac:dyDescent="0.4">
      <c r="A13680">
        <v>1770042</v>
      </c>
      <c r="B13680" t="s">
        <v>815</v>
      </c>
      <c r="C13680" t="s">
        <v>1326</v>
      </c>
      <c r="D13680" t="s">
        <v>12409</v>
      </c>
    </row>
    <row r="13681" spans="1:4" x14ac:dyDescent="0.4">
      <c r="A13681">
        <v>3600245</v>
      </c>
      <c r="B13681" t="s">
        <v>1636</v>
      </c>
      <c r="C13681" t="s">
        <v>10665</v>
      </c>
      <c r="D13681" t="s">
        <v>12410</v>
      </c>
    </row>
    <row r="13682" spans="1:4" x14ac:dyDescent="0.4">
      <c r="A13682">
        <v>3600241</v>
      </c>
      <c r="B13682" t="s">
        <v>1636</v>
      </c>
      <c r="C13682" t="s">
        <v>10665</v>
      </c>
      <c r="D13682" t="s">
        <v>12411</v>
      </c>
    </row>
    <row r="13683" spans="1:4" x14ac:dyDescent="0.4">
      <c r="A13683">
        <v>3600204</v>
      </c>
      <c r="B13683" t="s">
        <v>1636</v>
      </c>
      <c r="C13683" t="s">
        <v>10665</v>
      </c>
      <c r="D13683" t="s">
        <v>12412</v>
      </c>
    </row>
    <row r="13684" spans="1:4" x14ac:dyDescent="0.4">
      <c r="A13684">
        <v>3600238</v>
      </c>
      <c r="B13684" t="s">
        <v>1636</v>
      </c>
      <c r="C13684" t="s">
        <v>10665</v>
      </c>
      <c r="D13684" t="s">
        <v>12413</v>
      </c>
    </row>
    <row r="13685" spans="1:4" x14ac:dyDescent="0.4">
      <c r="A13685">
        <v>3600202</v>
      </c>
      <c r="B13685" t="s">
        <v>1636</v>
      </c>
      <c r="C13685" t="s">
        <v>10665</v>
      </c>
      <c r="D13685" t="s">
        <v>12414</v>
      </c>
    </row>
    <row r="13686" spans="1:4" x14ac:dyDescent="0.4">
      <c r="A13686">
        <v>3600164</v>
      </c>
      <c r="B13686" t="s">
        <v>1636</v>
      </c>
      <c r="C13686" t="s">
        <v>10665</v>
      </c>
      <c r="D13686" t="s">
        <v>12415</v>
      </c>
    </row>
    <row r="13687" spans="1:4" x14ac:dyDescent="0.4">
      <c r="A13687">
        <v>3600233</v>
      </c>
      <c r="B13687" t="s">
        <v>1636</v>
      </c>
      <c r="C13687" t="s">
        <v>10665</v>
      </c>
      <c r="D13687" t="s">
        <v>12416</v>
      </c>
    </row>
    <row r="13688" spans="1:4" x14ac:dyDescent="0.4">
      <c r="A13688">
        <v>3600218</v>
      </c>
      <c r="B13688" t="s">
        <v>1636</v>
      </c>
      <c r="C13688" t="s">
        <v>10665</v>
      </c>
      <c r="D13688" t="s">
        <v>12417</v>
      </c>
    </row>
    <row r="13689" spans="1:4" x14ac:dyDescent="0.4">
      <c r="A13689">
        <v>3600203</v>
      </c>
      <c r="B13689" t="s">
        <v>1636</v>
      </c>
      <c r="C13689" t="s">
        <v>10665</v>
      </c>
      <c r="D13689" t="s">
        <v>12418</v>
      </c>
    </row>
    <row r="13690" spans="1:4" x14ac:dyDescent="0.4">
      <c r="A13690">
        <v>3600044</v>
      </c>
      <c r="B13690" t="s">
        <v>1636</v>
      </c>
      <c r="C13690" t="s">
        <v>10665</v>
      </c>
      <c r="D13690" t="s">
        <v>824</v>
      </c>
    </row>
    <row r="13691" spans="1:4" x14ac:dyDescent="0.4">
      <c r="A13691">
        <v>3320000</v>
      </c>
      <c r="B13691" t="s">
        <v>1636</v>
      </c>
      <c r="C13691" t="s">
        <v>1639</v>
      </c>
    </row>
    <row r="13692" spans="1:4" x14ac:dyDescent="0.4">
      <c r="A13692">
        <v>3320031</v>
      </c>
      <c r="B13692" t="s">
        <v>1636</v>
      </c>
      <c r="C13692" t="s">
        <v>1639</v>
      </c>
      <c r="D13692" t="s">
        <v>2072</v>
      </c>
    </row>
    <row r="13693" spans="1:4" x14ac:dyDescent="0.4">
      <c r="A13693">
        <v>3340073</v>
      </c>
      <c r="B13693" t="s">
        <v>1636</v>
      </c>
      <c r="C13693" t="s">
        <v>1639</v>
      </c>
      <c r="D13693" t="s">
        <v>12419</v>
      </c>
    </row>
    <row r="13694" spans="1:4" x14ac:dyDescent="0.4">
      <c r="A13694">
        <v>3330824</v>
      </c>
      <c r="B13694" t="s">
        <v>1636</v>
      </c>
      <c r="C13694" t="s">
        <v>1639</v>
      </c>
      <c r="D13694" t="s">
        <v>12420</v>
      </c>
    </row>
    <row r="13695" spans="1:4" x14ac:dyDescent="0.4">
      <c r="A13695">
        <v>3330825</v>
      </c>
      <c r="B13695" t="s">
        <v>1636</v>
      </c>
      <c r="C13695" t="s">
        <v>1639</v>
      </c>
      <c r="D13695" t="s">
        <v>12421</v>
      </c>
    </row>
    <row r="13696" spans="1:4" x14ac:dyDescent="0.4">
      <c r="A13696">
        <v>3320001</v>
      </c>
      <c r="B13696" t="s">
        <v>1636</v>
      </c>
      <c r="C13696" t="s">
        <v>1639</v>
      </c>
      <c r="D13696" t="s">
        <v>1937</v>
      </c>
    </row>
    <row r="13697" spans="1:4" x14ac:dyDescent="0.4">
      <c r="A13697">
        <v>3330826</v>
      </c>
      <c r="B13697" t="s">
        <v>1636</v>
      </c>
      <c r="C13697" t="s">
        <v>1639</v>
      </c>
      <c r="D13697" t="s">
        <v>12422</v>
      </c>
    </row>
    <row r="13698" spans="1:4" x14ac:dyDescent="0.4">
      <c r="A13698">
        <v>3320005</v>
      </c>
      <c r="B13698" t="s">
        <v>1636</v>
      </c>
      <c r="C13698" t="s">
        <v>1639</v>
      </c>
      <c r="D13698" t="s">
        <v>9489</v>
      </c>
    </row>
    <row r="13699" spans="1:4" x14ac:dyDescent="0.4">
      <c r="A13699">
        <v>3320029</v>
      </c>
      <c r="B13699" t="s">
        <v>1636</v>
      </c>
      <c r="C13699" t="s">
        <v>1639</v>
      </c>
      <c r="D13699" t="s">
        <v>11220</v>
      </c>
    </row>
    <row r="13700" spans="1:4" x14ac:dyDescent="0.4">
      <c r="A13700">
        <v>3340059</v>
      </c>
      <c r="B13700" t="s">
        <v>1636</v>
      </c>
      <c r="C13700" t="s">
        <v>1639</v>
      </c>
      <c r="D13700" t="s">
        <v>12423</v>
      </c>
    </row>
    <row r="13701" spans="1:4" x14ac:dyDescent="0.4">
      <c r="A13701">
        <v>3340054</v>
      </c>
      <c r="B13701" t="s">
        <v>1636</v>
      </c>
      <c r="C13701" t="s">
        <v>1639</v>
      </c>
      <c r="D13701" t="s">
        <v>12424</v>
      </c>
    </row>
    <row r="13702" spans="1:4" x14ac:dyDescent="0.4">
      <c r="A13702">
        <v>3340053</v>
      </c>
      <c r="B13702" t="s">
        <v>1636</v>
      </c>
      <c r="C13702" t="s">
        <v>1639</v>
      </c>
      <c r="D13702" t="s">
        <v>12425</v>
      </c>
    </row>
    <row r="13703" spans="1:4" x14ac:dyDescent="0.4">
      <c r="A13703">
        <v>3340055</v>
      </c>
      <c r="B13703" t="s">
        <v>1636</v>
      </c>
      <c r="C13703" t="s">
        <v>1639</v>
      </c>
      <c r="D13703" t="s">
        <v>12426</v>
      </c>
    </row>
    <row r="13704" spans="1:4" x14ac:dyDescent="0.4">
      <c r="A13704">
        <v>3340071</v>
      </c>
      <c r="B13704" t="s">
        <v>1636</v>
      </c>
      <c r="C13704" t="s">
        <v>1639</v>
      </c>
      <c r="D13704" t="s">
        <v>12427</v>
      </c>
    </row>
    <row r="13705" spans="1:4" x14ac:dyDescent="0.4">
      <c r="A13705">
        <v>3340051</v>
      </c>
      <c r="B13705" t="s">
        <v>1636</v>
      </c>
      <c r="C13705" t="s">
        <v>1639</v>
      </c>
      <c r="D13705" t="s">
        <v>12428</v>
      </c>
    </row>
    <row r="13706" spans="1:4" x14ac:dyDescent="0.4">
      <c r="A13706">
        <v>3330812</v>
      </c>
      <c r="B13706" t="s">
        <v>1636</v>
      </c>
      <c r="C13706" t="s">
        <v>1639</v>
      </c>
      <c r="D13706" t="s">
        <v>12429</v>
      </c>
    </row>
    <row r="13707" spans="1:4" x14ac:dyDescent="0.4">
      <c r="A13707">
        <v>3340057</v>
      </c>
      <c r="B13707" t="s">
        <v>1636</v>
      </c>
      <c r="C13707" t="s">
        <v>1639</v>
      </c>
      <c r="D13707" t="s">
        <v>12430</v>
      </c>
    </row>
    <row r="13708" spans="1:4" x14ac:dyDescent="0.4">
      <c r="A13708">
        <v>3340072</v>
      </c>
      <c r="B13708" t="s">
        <v>1636</v>
      </c>
      <c r="C13708" t="s">
        <v>1639</v>
      </c>
      <c r="D13708" t="s">
        <v>12431</v>
      </c>
    </row>
    <row r="13709" spans="1:4" x14ac:dyDescent="0.4">
      <c r="A13709">
        <v>3340058</v>
      </c>
      <c r="B13709" t="s">
        <v>1636</v>
      </c>
      <c r="C13709" t="s">
        <v>1639</v>
      </c>
      <c r="D13709" t="s">
        <v>12432</v>
      </c>
    </row>
    <row r="13710" spans="1:4" x14ac:dyDescent="0.4">
      <c r="A13710">
        <v>3340052</v>
      </c>
      <c r="B13710" t="s">
        <v>1636</v>
      </c>
      <c r="C13710" t="s">
        <v>1639</v>
      </c>
      <c r="D13710" t="s">
        <v>12433</v>
      </c>
    </row>
    <row r="13711" spans="1:4" x14ac:dyDescent="0.4">
      <c r="A13711">
        <v>3330836</v>
      </c>
      <c r="B13711" t="s">
        <v>1636</v>
      </c>
      <c r="C13711" t="s">
        <v>1639</v>
      </c>
      <c r="D13711" t="s">
        <v>12434</v>
      </c>
    </row>
    <row r="13712" spans="1:4" x14ac:dyDescent="0.4">
      <c r="A13712">
        <v>3330834</v>
      </c>
      <c r="B13712" t="s">
        <v>1636</v>
      </c>
      <c r="C13712" t="s">
        <v>1639</v>
      </c>
      <c r="D13712" t="s">
        <v>12435</v>
      </c>
    </row>
    <row r="13713" spans="1:4" x14ac:dyDescent="0.4">
      <c r="A13713">
        <v>3320023</v>
      </c>
      <c r="B13713" t="s">
        <v>1636</v>
      </c>
      <c r="C13713" t="s">
        <v>1639</v>
      </c>
      <c r="D13713" t="s">
        <v>310</v>
      </c>
    </row>
    <row r="13714" spans="1:4" x14ac:dyDescent="0.4">
      <c r="A13714">
        <v>3320024</v>
      </c>
      <c r="B13714" t="s">
        <v>1636</v>
      </c>
      <c r="C13714" t="s">
        <v>1639</v>
      </c>
      <c r="D13714" t="s">
        <v>12436</v>
      </c>
    </row>
    <row r="13715" spans="1:4" x14ac:dyDescent="0.4">
      <c r="A13715">
        <v>3330865</v>
      </c>
      <c r="B13715" t="s">
        <v>1636</v>
      </c>
      <c r="C13715" t="s">
        <v>1639</v>
      </c>
      <c r="D13715" t="s">
        <v>12437</v>
      </c>
    </row>
    <row r="13716" spans="1:4" x14ac:dyDescent="0.4">
      <c r="A13716">
        <v>3330823</v>
      </c>
      <c r="B13716" t="s">
        <v>1636</v>
      </c>
      <c r="C13716" t="s">
        <v>1639</v>
      </c>
      <c r="D13716" t="s">
        <v>595</v>
      </c>
    </row>
    <row r="13717" spans="1:4" x14ac:dyDescent="0.4">
      <c r="A13717">
        <v>3340074</v>
      </c>
      <c r="B13717" t="s">
        <v>1636</v>
      </c>
      <c r="C13717" t="s">
        <v>1639</v>
      </c>
      <c r="D13717" t="s">
        <v>12438</v>
      </c>
    </row>
    <row r="13718" spans="1:4" x14ac:dyDescent="0.4">
      <c r="A13718">
        <v>3340075</v>
      </c>
      <c r="B13718" t="s">
        <v>1636</v>
      </c>
      <c r="C13718" t="s">
        <v>1639</v>
      </c>
      <c r="D13718" t="s">
        <v>12439</v>
      </c>
    </row>
    <row r="13719" spans="1:4" x14ac:dyDescent="0.4">
      <c r="A13719">
        <v>3340067</v>
      </c>
      <c r="B13719" t="s">
        <v>1636</v>
      </c>
      <c r="C13719" t="s">
        <v>1639</v>
      </c>
      <c r="D13719" t="s">
        <v>2183</v>
      </c>
    </row>
    <row r="13720" spans="1:4" x14ac:dyDescent="0.4">
      <c r="A13720">
        <v>3320014</v>
      </c>
      <c r="B13720" t="s">
        <v>1636</v>
      </c>
      <c r="C13720" t="s">
        <v>1639</v>
      </c>
      <c r="D13720" t="s">
        <v>4282</v>
      </c>
    </row>
    <row r="13721" spans="1:4" x14ac:dyDescent="0.4">
      <c r="A13721">
        <v>3330844</v>
      </c>
      <c r="B13721" t="s">
        <v>1636</v>
      </c>
      <c r="C13721" t="s">
        <v>1639</v>
      </c>
      <c r="D13721" t="s">
        <v>12440</v>
      </c>
    </row>
    <row r="13722" spans="1:4" x14ac:dyDescent="0.4">
      <c r="A13722">
        <v>3330845</v>
      </c>
      <c r="B13722" t="s">
        <v>1636</v>
      </c>
      <c r="C13722" t="s">
        <v>1639</v>
      </c>
      <c r="D13722" t="s">
        <v>12441</v>
      </c>
    </row>
    <row r="13723" spans="1:4" x14ac:dyDescent="0.4">
      <c r="A13723">
        <v>3320015</v>
      </c>
      <c r="B13723" t="s">
        <v>1636</v>
      </c>
      <c r="C13723" t="s">
        <v>1639</v>
      </c>
      <c r="D13723" t="s">
        <v>3749</v>
      </c>
    </row>
    <row r="13724" spans="1:4" x14ac:dyDescent="0.4">
      <c r="A13724">
        <v>3320007</v>
      </c>
      <c r="B13724" t="s">
        <v>1636</v>
      </c>
      <c r="C13724" t="s">
        <v>1639</v>
      </c>
      <c r="D13724" t="s">
        <v>4844</v>
      </c>
    </row>
    <row r="13725" spans="1:4" x14ac:dyDescent="0.4">
      <c r="A13725">
        <v>3330831</v>
      </c>
      <c r="B13725" t="s">
        <v>1636</v>
      </c>
      <c r="C13725" t="s">
        <v>1639</v>
      </c>
      <c r="D13725" t="s">
        <v>12442</v>
      </c>
    </row>
    <row r="13726" spans="1:4" x14ac:dyDescent="0.4">
      <c r="A13726">
        <v>3330862</v>
      </c>
      <c r="B13726" t="s">
        <v>1636</v>
      </c>
      <c r="C13726" t="s">
        <v>1639</v>
      </c>
      <c r="D13726" t="s">
        <v>12443</v>
      </c>
    </row>
    <row r="13727" spans="1:4" x14ac:dyDescent="0.4">
      <c r="A13727">
        <v>3330815</v>
      </c>
      <c r="B13727" t="s">
        <v>1636</v>
      </c>
      <c r="C13727" t="s">
        <v>1639</v>
      </c>
      <c r="D13727" t="s">
        <v>12444</v>
      </c>
    </row>
    <row r="13728" spans="1:4" x14ac:dyDescent="0.4">
      <c r="A13728">
        <v>3330804</v>
      </c>
      <c r="B13728" t="s">
        <v>1636</v>
      </c>
      <c r="C13728" t="s">
        <v>1639</v>
      </c>
      <c r="D13728" t="s">
        <v>12445</v>
      </c>
    </row>
    <row r="13729" spans="1:4" x14ac:dyDescent="0.4">
      <c r="A13729">
        <v>3330814</v>
      </c>
      <c r="B13729" t="s">
        <v>1636</v>
      </c>
      <c r="C13729" t="s">
        <v>1639</v>
      </c>
      <c r="D13729" t="s">
        <v>12446</v>
      </c>
    </row>
    <row r="13730" spans="1:4" x14ac:dyDescent="0.4">
      <c r="A13730">
        <v>3330822</v>
      </c>
      <c r="B13730" t="s">
        <v>1636</v>
      </c>
      <c r="C13730" t="s">
        <v>1639</v>
      </c>
      <c r="D13730" t="s">
        <v>12447</v>
      </c>
    </row>
    <row r="13731" spans="1:4" x14ac:dyDescent="0.4">
      <c r="A13731">
        <v>3330832</v>
      </c>
      <c r="B13731" t="s">
        <v>1636</v>
      </c>
      <c r="C13731" t="s">
        <v>1639</v>
      </c>
      <c r="D13731" t="s">
        <v>6130</v>
      </c>
    </row>
    <row r="13732" spans="1:4" x14ac:dyDescent="0.4">
      <c r="A13732">
        <v>3330857</v>
      </c>
      <c r="B13732" t="s">
        <v>1636</v>
      </c>
      <c r="C13732" t="s">
        <v>1639</v>
      </c>
      <c r="D13732" t="s">
        <v>12448</v>
      </c>
    </row>
    <row r="13733" spans="1:4" x14ac:dyDescent="0.4">
      <c r="A13733">
        <v>3330863</v>
      </c>
      <c r="B13733" t="s">
        <v>1636</v>
      </c>
      <c r="C13733" t="s">
        <v>1639</v>
      </c>
      <c r="D13733" t="s">
        <v>12449</v>
      </c>
    </row>
    <row r="13734" spans="1:4" x14ac:dyDescent="0.4">
      <c r="A13734">
        <v>3320016</v>
      </c>
      <c r="B13734" t="s">
        <v>1636</v>
      </c>
      <c r="C13734" t="s">
        <v>1639</v>
      </c>
      <c r="D13734" t="s">
        <v>72</v>
      </c>
    </row>
    <row r="13735" spans="1:4" x14ac:dyDescent="0.4">
      <c r="A13735">
        <v>3320017</v>
      </c>
      <c r="B13735" t="s">
        <v>1636</v>
      </c>
      <c r="C13735" t="s">
        <v>1639</v>
      </c>
      <c r="D13735" t="s">
        <v>255</v>
      </c>
    </row>
    <row r="13736" spans="1:4" x14ac:dyDescent="0.4">
      <c r="A13736">
        <v>3330816</v>
      </c>
      <c r="B13736" t="s">
        <v>1636</v>
      </c>
      <c r="C13736" t="s">
        <v>1639</v>
      </c>
      <c r="D13736" t="s">
        <v>12450</v>
      </c>
    </row>
    <row r="13737" spans="1:4" x14ac:dyDescent="0.4">
      <c r="A13737">
        <v>3330866</v>
      </c>
      <c r="B13737" t="s">
        <v>1636</v>
      </c>
      <c r="C13737" t="s">
        <v>1639</v>
      </c>
      <c r="D13737" t="s">
        <v>7684</v>
      </c>
    </row>
    <row r="13738" spans="1:4" x14ac:dyDescent="0.4">
      <c r="A13738">
        <v>3330848</v>
      </c>
      <c r="B13738" t="s">
        <v>1636</v>
      </c>
      <c r="C13738" t="s">
        <v>1639</v>
      </c>
      <c r="D13738" t="s">
        <v>12451</v>
      </c>
    </row>
    <row r="13739" spans="1:4" x14ac:dyDescent="0.4">
      <c r="A13739">
        <v>3330851</v>
      </c>
      <c r="B13739" t="s">
        <v>1636</v>
      </c>
      <c r="C13739" t="s">
        <v>1639</v>
      </c>
      <c r="D13739" t="s">
        <v>12452</v>
      </c>
    </row>
    <row r="13740" spans="1:4" x14ac:dyDescent="0.4">
      <c r="A13740">
        <v>3330853</v>
      </c>
      <c r="B13740" t="s">
        <v>1636</v>
      </c>
      <c r="C13740" t="s">
        <v>1639</v>
      </c>
      <c r="D13740" t="s">
        <v>12453</v>
      </c>
    </row>
    <row r="13741" spans="1:4" x14ac:dyDescent="0.4">
      <c r="A13741">
        <v>3330868</v>
      </c>
      <c r="B13741" t="s">
        <v>1636</v>
      </c>
      <c r="C13741" t="s">
        <v>1639</v>
      </c>
      <c r="D13741" t="s">
        <v>12454</v>
      </c>
    </row>
    <row r="13742" spans="1:4" x14ac:dyDescent="0.4">
      <c r="A13742">
        <v>3330856</v>
      </c>
      <c r="B13742" t="s">
        <v>1636</v>
      </c>
      <c r="C13742" t="s">
        <v>1639</v>
      </c>
      <c r="D13742" t="s">
        <v>12455</v>
      </c>
    </row>
    <row r="13743" spans="1:4" x14ac:dyDescent="0.4">
      <c r="A13743">
        <v>3330847</v>
      </c>
      <c r="B13743" t="s">
        <v>1636</v>
      </c>
      <c r="C13743" t="s">
        <v>1639</v>
      </c>
      <c r="D13743" t="s">
        <v>12456</v>
      </c>
    </row>
    <row r="13744" spans="1:4" x14ac:dyDescent="0.4">
      <c r="A13744">
        <v>3330855</v>
      </c>
      <c r="B13744" t="s">
        <v>1636</v>
      </c>
      <c r="C13744" t="s">
        <v>1639</v>
      </c>
      <c r="D13744" t="s">
        <v>12457</v>
      </c>
    </row>
    <row r="13745" spans="1:4" x14ac:dyDescent="0.4">
      <c r="A13745">
        <v>3330867</v>
      </c>
      <c r="B13745" t="s">
        <v>1636</v>
      </c>
      <c r="C13745" t="s">
        <v>1639</v>
      </c>
      <c r="D13745" t="s">
        <v>12458</v>
      </c>
    </row>
    <row r="13746" spans="1:4" x14ac:dyDescent="0.4">
      <c r="A13746">
        <v>3330852</v>
      </c>
      <c r="B13746" t="s">
        <v>1636</v>
      </c>
      <c r="C13746" t="s">
        <v>1639</v>
      </c>
      <c r="D13746" t="s">
        <v>12459</v>
      </c>
    </row>
    <row r="13747" spans="1:4" x14ac:dyDescent="0.4">
      <c r="A13747">
        <v>3330854</v>
      </c>
      <c r="B13747" t="s">
        <v>1636</v>
      </c>
      <c r="C13747" t="s">
        <v>1639</v>
      </c>
      <c r="D13747" t="s">
        <v>12460</v>
      </c>
    </row>
    <row r="13748" spans="1:4" x14ac:dyDescent="0.4">
      <c r="A13748">
        <v>3330869</v>
      </c>
      <c r="B13748" t="s">
        <v>1636</v>
      </c>
      <c r="C13748" t="s">
        <v>1639</v>
      </c>
      <c r="D13748" t="s">
        <v>12461</v>
      </c>
    </row>
    <row r="13749" spans="1:4" x14ac:dyDescent="0.4">
      <c r="A13749">
        <v>3320006</v>
      </c>
      <c r="B13749" t="s">
        <v>1636</v>
      </c>
      <c r="C13749" t="s">
        <v>1639</v>
      </c>
      <c r="D13749" t="s">
        <v>4970</v>
      </c>
    </row>
    <row r="13750" spans="1:4" x14ac:dyDescent="0.4">
      <c r="A13750">
        <v>3330807</v>
      </c>
      <c r="B13750" t="s">
        <v>1636</v>
      </c>
      <c r="C13750" t="s">
        <v>1639</v>
      </c>
      <c r="D13750" t="s">
        <v>12462</v>
      </c>
    </row>
    <row r="13751" spans="1:4" x14ac:dyDescent="0.4">
      <c r="A13751">
        <v>3330808</v>
      </c>
      <c r="B13751" t="s">
        <v>1636</v>
      </c>
      <c r="C13751" t="s">
        <v>1639</v>
      </c>
      <c r="D13751" t="s">
        <v>12463</v>
      </c>
    </row>
    <row r="13752" spans="1:4" x14ac:dyDescent="0.4">
      <c r="A13752">
        <v>3330803</v>
      </c>
      <c r="B13752" t="s">
        <v>1636</v>
      </c>
      <c r="C13752" t="s">
        <v>1639</v>
      </c>
      <c r="D13752" t="s">
        <v>12464</v>
      </c>
    </row>
    <row r="13753" spans="1:4" x14ac:dyDescent="0.4">
      <c r="A13753">
        <v>3330811</v>
      </c>
      <c r="B13753" t="s">
        <v>1636</v>
      </c>
      <c r="C13753" t="s">
        <v>1639</v>
      </c>
      <c r="D13753" t="s">
        <v>12465</v>
      </c>
    </row>
    <row r="13754" spans="1:4" x14ac:dyDescent="0.4">
      <c r="A13754">
        <v>3330806</v>
      </c>
      <c r="B13754" t="s">
        <v>1636</v>
      </c>
      <c r="C13754" t="s">
        <v>1639</v>
      </c>
      <c r="D13754" t="s">
        <v>12466</v>
      </c>
    </row>
    <row r="13755" spans="1:4" x14ac:dyDescent="0.4">
      <c r="A13755">
        <v>3330805</v>
      </c>
      <c r="B13755" t="s">
        <v>1636</v>
      </c>
      <c r="C13755" t="s">
        <v>1639</v>
      </c>
      <c r="D13755" t="s">
        <v>12467</v>
      </c>
    </row>
    <row r="13756" spans="1:4" x14ac:dyDescent="0.4">
      <c r="A13756">
        <v>3330802</v>
      </c>
      <c r="B13756" t="s">
        <v>1636</v>
      </c>
      <c r="C13756" t="s">
        <v>1639</v>
      </c>
      <c r="D13756" t="s">
        <v>12468</v>
      </c>
    </row>
    <row r="13757" spans="1:4" x14ac:dyDescent="0.4">
      <c r="A13757">
        <v>3320032</v>
      </c>
      <c r="B13757" t="s">
        <v>1636</v>
      </c>
      <c r="C13757" t="s">
        <v>1639</v>
      </c>
      <c r="D13757" t="s">
        <v>12469</v>
      </c>
    </row>
    <row r="13758" spans="1:4" x14ac:dyDescent="0.4">
      <c r="A13758">
        <v>3320022</v>
      </c>
      <c r="B13758" t="s">
        <v>1636</v>
      </c>
      <c r="C13758" t="s">
        <v>1639</v>
      </c>
      <c r="D13758" t="s">
        <v>802</v>
      </c>
    </row>
    <row r="13759" spans="1:4" x14ac:dyDescent="0.4">
      <c r="A13759">
        <v>3320034</v>
      </c>
      <c r="B13759" t="s">
        <v>1636</v>
      </c>
      <c r="C13759" t="s">
        <v>1639</v>
      </c>
      <c r="D13759" t="s">
        <v>745</v>
      </c>
    </row>
    <row r="13760" spans="1:4" x14ac:dyDescent="0.4">
      <c r="A13760">
        <v>3320033</v>
      </c>
      <c r="B13760" t="s">
        <v>1636</v>
      </c>
      <c r="C13760" t="s">
        <v>1639</v>
      </c>
      <c r="D13760" t="s">
        <v>12470</v>
      </c>
    </row>
    <row r="13761" spans="1:4" x14ac:dyDescent="0.4">
      <c r="A13761">
        <v>3340061</v>
      </c>
      <c r="B13761" t="s">
        <v>1636</v>
      </c>
      <c r="C13761" t="s">
        <v>1639</v>
      </c>
      <c r="D13761" t="s">
        <v>1493</v>
      </c>
    </row>
    <row r="13762" spans="1:4" x14ac:dyDescent="0.4">
      <c r="A13762">
        <v>3340068</v>
      </c>
      <c r="B13762" t="s">
        <v>1636</v>
      </c>
      <c r="C13762" t="s">
        <v>1639</v>
      </c>
      <c r="D13762" t="s">
        <v>12471</v>
      </c>
    </row>
    <row r="13763" spans="1:4" x14ac:dyDescent="0.4">
      <c r="A13763">
        <v>3320035</v>
      </c>
      <c r="B13763" t="s">
        <v>1636</v>
      </c>
      <c r="C13763" t="s">
        <v>1639</v>
      </c>
      <c r="D13763" t="s">
        <v>12472</v>
      </c>
    </row>
    <row r="13764" spans="1:4" x14ac:dyDescent="0.4">
      <c r="A13764">
        <v>3330833</v>
      </c>
      <c r="B13764" t="s">
        <v>1636</v>
      </c>
      <c r="C13764" t="s">
        <v>1639</v>
      </c>
      <c r="D13764" t="s">
        <v>12473</v>
      </c>
    </row>
    <row r="13765" spans="1:4" x14ac:dyDescent="0.4">
      <c r="A13765">
        <v>3320021</v>
      </c>
      <c r="B13765" t="s">
        <v>1636</v>
      </c>
      <c r="C13765" t="s">
        <v>1639</v>
      </c>
      <c r="D13765" t="s">
        <v>12474</v>
      </c>
    </row>
    <row r="13766" spans="1:4" x14ac:dyDescent="0.4">
      <c r="A13766">
        <v>3330813</v>
      </c>
      <c r="B13766" t="s">
        <v>1636</v>
      </c>
      <c r="C13766" t="s">
        <v>1639</v>
      </c>
      <c r="D13766" t="s">
        <v>12475</v>
      </c>
    </row>
    <row r="13767" spans="1:4" x14ac:dyDescent="0.4">
      <c r="A13767">
        <v>3340062</v>
      </c>
      <c r="B13767" t="s">
        <v>1636</v>
      </c>
      <c r="C13767" t="s">
        <v>1639</v>
      </c>
      <c r="D13767" t="s">
        <v>12476</v>
      </c>
    </row>
    <row r="13768" spans="1:4" x14ac:dyDescent="0.4">
      <c r="A13768">
        <v>3340064</v>
      </c>
      <c r="B13768" t="s">
        <v>1636</v>
      </c>
      <c r="C13768" t="s">
        <v>1639</v>
      </c>
      <c r="D13768" t="s">
        <v>1764</v>
      </c>
    </row>
    <row r="13769" spans="1:4" x14ac:dyDescent="0.4">
      <c r="A13769">
        <v>3320025</v>
      </c>
      <c r="B13769" t="s">
        <v>1636</v>
      </c>
      <c r="C13769" t="s">
        <v>1639</v>
      </c>
      <c r="D13769" t="s">
        <v>26</v>
      </c>
    </row>
    <row r="13770" spans="1:4" x14ac:dyDescent="0.4">
      <c r="A13770">
        <v>1006918</v>
      </c>
      <c r="B13770" t="s">
        <v>815</v>
      </c>
      <c r="C13770" t="s">
        <v>816</v>
      </c>
      <c r="D13770" t="s">
        <v>12477</v>
      </c>
    </row>
    <row r="13771" spans="1:4" x14ac:dyDescent="0.4">
      <c r="A13771">
        <v>1006919</v>
      </c>
      <c r="B13771" t="s">
        <v>815</v>
      </c>
      <c r="C13771" t="s">
        <v>816</v>
      </c>
      <c r="D13771" t="s">
        <v>12478</v>
      </c>
    </row>
    <row r="13772" spans="1:4" x14ac:dyDescent="0.4">
      <c r="A13772">
        <v>1006920</v>
      </c>
      <c r="B13772" t="s">
        <v>815</v>
      </c>
      <c r="C13772" t="s">
        <v>816</v>
      </c>
      <c r="D13772" t="s">
        <v>12479</v>
      </c>
    </row>
    <row r="13773" spans="1:4" x14ac:dyDescent="0.4">
      <c r="A13773">
        <v>1006921</v>
      </c>
      <c r="B13773" t="s">
        <v>815</v>
      </c>
      <c r="C13773" t="s">
        <v>816</v>
      </c>
      <c r="D13773" t="s">
        <v>12480</v>
      </c>
    </row>
    <row r="13774" spans="1:4" x14ac:dyDescent="0.4">
      <c r="A13774">
        <v>1006922</v>
      </c>
      <c r="B13774" t="s">
        <v>815</v>
      </c>
      <c r="C13774" t="s">
        <v>816</v>
      </c>
      <c r="D13774" t="s">
        <v>12481</v>
      </c>
    </row>
    <row r="13775" spans="1:4" x14ac:dyDescent="0.4">
      <c r="A13775">
        <v>1006923</v>
      </c>
      <c r="B13775" t="s">
        <v>815</v>
      </c>
      <c r="C13775" t="s">
        <v>816</v>
      </c>
      <c r="D13775" t="s">
        <v>12482</v>
      </c>
    </row>
    <row r="13776" spans="1:4" x14ac:dyDescent="0.4">
      <c r="A13776">
        <v>1006924</v>
      </c>
      <c r="B13776" t="s">
        <v>815</v>
      </c>
      <c r="C13776" t="s">
        <v>816</v>
      </c>
      <c r="D13776" t="s">
        <v>12483</v>
      </c>
    </row>
    <row r="13777" spans="1:4" x14ac:dyDescent="0.4">
      <c r="A13777">
        <v>1006925</v>
      </c>
      <c r="B13777" t="s">
        <v>815</v>
      </c>
      <c r="C13777" t="s">
        <v>816</v>
      </c>
      <c r="D13777" t="s">
        <v>12484</v>
      </c>
    </row>
    <row r="13778" spans="1:4" x14ac:dyDescent="0.4">
      <c r="A13778">
        <v>1006926</v>
      </c>
      <c r="B13778" t="s">
        <v>815</v>
      </c>
      <c r="C13778" t="s">
        <v>816</v>
      </c>
      <c r="D13778" t="s">
        <v>12485</v>
      </c>
    </row>
    <row r="13779" spans="1:4" x14ac:dyDescent="0.4">
      <c r="A13779">
        <v>1006927</v>
      </c>
      <c r="B13779" t="s">
        <v>815</v>
      </c>
      <c r="C13779" t="s">
        <v>816</v>
      </c>
      <c r="D13779" t="s">
        <v>12486</v>
      </c>
    </row>
    <row r="13780" spans="1:4" x14ac:dyDescent="0.4">
      <c r="A13780">
        <v>1006928</v>
      </c>
      <c r="B13780" t="s">
        <v>815</v>
      </c>
      <c r="C13780" t="s">
        <v>816</v>
      </c>
      <c r="D13780" t="s">
        <v>12487</v>
      </c>
    </row>
    <row r="13781" spans="1:4" x14ac:dyDescent="0.4">
      <c r="A13781">
        <v>1006929</v>
      </c>
      <c r="B13781" t="s">
        <v>815</v>
      </c>
      <c r="C13781" t="s">
        <v>816</v>
      </c>
      <c r="D13781" t="s">
        <v>12488</v>
      </c>
    </row>
    <row r="13782" spans="1:4" x14ac:dyDescent="0.4">
      <c r="A13782">
        <v>1006930</v>
      </c>
      <c r="B13782" t="s">
        <v>815</v>
      </c>
      <c r="C13782" t="s">
        <v>816</v>
      </c>
      <c r="D13782" t="s">
        <v>12489</v>
      </c>
    </row>
    <row r="13783" spans="1:4" x14ac:dyDescent="0.4">
      <c r="A13783">
        <v>1006931</v>
      </c>
      <c r="B13783" t="s">
        <v>815</v>
      </c>
      <c r="C13783" t="s">
        <v>816</v>
      </c>
      <c r="D13783" t="s">
        <v>12490</v>
      </c>
    </row>
    <row r="13784" spans="1:4" x14ac:dyDescent="0.4">
      <c r="A13784">
        <v>1006932</v>
      </c>
      <c r="B13784" t="s">
        <v>815</v>
      </c>
      <c r="C13784" t="s">
        <v>816</v>
      </c>
      <c r="D13784" t="s">
        <v>12491</v>
      </c>
    </row>
    <row r="13785" spans="1:4" x14ac:dyDescent="0.4">
      <c r="A13785">
        <v>1006933</v>
      </c>
      <c r="B13785" t="s">
        <v>815</v>
      </c>
      <c r="C13785" t="s">
        <v>816</v>
      </c>
      <c r="D13785" t="s">
        <v>12492</v>
      </c>
    </row>
    <row r="13786" spans="1:4" x14ac:dyDescent="0.4">
      <c r="A13786">
        <v>1006934</v>
      </c>
      <c r="B13786" t="s">
        <v>815</v>
      </c>
      <c r="C13786" t="s">
        <v>816</v>
      </c>
      <c r="D13786" t="s">
        <v>12493</v>
      </c>
    </row>
    <row r="13787" spans="1:4" x14ac:dyDescent="0.4">
      <c r="A13787">
        <v>1006390</v>
      </c>
      <c r="B13787" t="s">
        <v>815</v>
      </c>
      <c r="C13787" t="s">
        <v>816</v>
      </c>
      <c r="D13787" t="s">
        <v>12494</v>
      </c>
    </row>
    <row r="13788" spans="1:4" x14ac:dyDescent="0.4">
      <c r="A13788">
        <v>1006301</v>
      </c>
      <c r="B13788" t="s">
        <v>815</v>
      </c>
      <c r="C13788" t="s">
        <v>816</v>
      </c>
      <c r="D13788" t="s">
        <v>12495</v>
      </c>
    </row>
    <row r="13789" spans="1:4" x14ac:dyDescent="0.4">
      <c r="A13789">
        <v>1006302</v>
      </c>
      <c r="B13789" t="s">
        <v>815</v>
      </c>
      <c r="C13789" t="s">
        <v>816</v>
      </c>
      <c r="D13789" t="s">
        <v>12496</v>
      </c>
    </row>
    <row r="13790" spans="1:4" x14ac:dyDescent="0.4">
      <c r="A13790">
        <v>1006303</v>
      </c>
      <c r="B13790" t="s">
        <v>815</v>
      </c>
      <c r="C13790" t="s">
        <v>816</v>
      </c>
      <c r="D13790" t="s">
        <v>12497</v>
      </c>
    </row>
    <row r="13791" spans="1:4" x14ac:dyDescent="0.4">
      <c r="A13791">
        <v>1006304</v>
      </c>
      <c r="B13791" t="s">
        <v>815</v>
      </c>
      <c r="C13791" t="s">
        <v>816</v>
      </c>
      <c r="D13791" t="s">
        <v>12498</v>
      </c>
    </row>
    <row r="13792" spans="1:4" x14ac:dyDescent="0.4">
      <c r="A13792">
        <v>1006305</v>
      </c>
      <c r="B13792" t="s">
        <v>815</v>
      </c>
      <c r="C13792" t="s">
        <v>816</v>
      </c>
      <c r="D13792" t="s">
        <v>12499</v>
      </c>
    </row>
    <row r="13793" spans="1:4" x14ac:dyDescent="0.4">
      <c r="A13793">
        <v>1006306</v>
      </c>
      <c r="B13793" t="s">
        <v>815</v>
      </c>
      <c r="C13793" t="s">
        <v>816</v>
      </c>
      <c r="D13793" t="s">
        <v>12500</v>
      </c>
    </row>
    <row r="13794" spans="1:4" x14ac:dyDescent="0.4">
      <c r="A13794">
        <v>1006307</v>
      </c>
      <c r="B13794" t="s">
        <v>815</v>
      </c>
      <c r="C13794" t="s">
        <v>816</v>
      </c>
      <c r="D13794" t="s">
        <v>12501</v>
      </c>
    </row>
    <row r="13795" spans="1:4" x14ac:dyDescent="0.4">
      <c r="A13795">
        <v>1006308</v>
      </c>
      <c r="B13795" t="s">
        <v>815</v>
      </c>
      <c r="C13795" t="s">
        <v>816</v>
      </c>
      <c r="D13795" t="s">
        <v>12502</v>
      </c>
    </row>
    <row r="13796" spans="1:4" x14ac:dyDescent="0.4">
      <c r="A13796">
        <v>1006309</v>
      </c>
      <c r="B13796" t="s">
        <v>815</v>
      </c>
      <c r="C13796" t="s">
        <v>816</v>
      </c>
      <c r="D13796" t="s">
        <v>12503</v>
      </c>
    </row>
    <row r="13797" spans="1:4" x14ac:dyDescent="0.4">
      <c r="A13797">
        <v>1006310</v>
      </c>
      <c r="B13797" t="s">
        <v>815</v>
      </c>
      <c r="C13797" t="s">
        <v>816</v>
      </c>
      <c r="D13797" t="s">
        <v>12504</v>
      </c>
    </row>
    <row r="13798" spans="1:4" x14ac:dyDescent="0.4">
      <c r="A13798">
        <v>1006311</v>
      </c>
      <c r="B13798" t="s">
        <v>815</v>
      </c>
      <c r="C13798" t="s">
        <v>816</v>
      </c>
      <c r="D13798" t="s">
        <v>12505</v>
      </c>
    </row>
    <row r="13799" spans="1:4" x14ac:dyDescent="0.4">
      <c r="A13799">
        <v>1006312</v>
      </c>
      <c r="B13799" t="s">
        <v>815</v>
      </c>
      <c r="C13799" t="s">
        <v>816</v>
      </c>
      <c r="D13799" t="s">
        <v>12506</v>
      </c>
    </row>
    <row r="13800" spans="1:4" x14ac:dyDescent="0.4">
      <c r="A13800">
        <v>1006313</v>
      </c>
      <c r="B13800" t="s">
        <v>815</v>
      </c>
      <c r="C13800" t="s">
        <v>816</v>
      </c>
      <c r="D13800" t="s">
        <v>12507</v>
      </c>
    </row>
    <row r="13801" spans="1:4" x14ac:dyDescent="0.4">
      <c r="A13801">
        <v>1006314</v>
      </c>
      <c r="B13801" t="s">
        <v>815</v>
      </c>
      <c r="C13801" t="s">
        <v>816</v>
      </c>
      <c r="D13801" t="s">
        <v>12508</v>
      </c>
    </row>
    <row r="13802" spans="1:4" x14ac:dyDescent="0.4">
      <c r="A13802">
        <v>1006315</v>
      </c>
      <c r="B13802" t="s">
        <v>815</v>
      </c>
      <c r="C13802" t="s">
        <v>816</v>
      </c>
      <c r="D13802" t="s">
        <v>12509</v>
      </c>
    </row>
    <row r="13803" spans="1:4" x14ac:dyDescent="0.4">
      <c r="A13803">
        <v>1006316</v>
      </c>
      <c r="B13803" t="s">
        <v>815</v>
      </c>
      <c r="C13803" t="s">
        <v>816</v>
      </c>
      <c r="D13803" t="s">
        <v>12510</v>
      </c>
    </row>
    <row r="13804" spans="1:4" x14ac:dyDescent="0.4">
      <c r="A13804">
        <v>1006317</v>
      </c>
      <c r="B13804" t="s">
        <v>815</v>
      </c>
      <c r="C13804" t="s">
        <v>816</v>
      </c>
      <c r="D13804" t="s">
        <v>12511</v>
      </c>
    </row>
    <row r="13805" spans="1:4" x14ac:dyDescent="0.4">
      <c r="A13805">
        <v>3330821</v>
      </c>
      <c r="B13805" t="s">
        <v>1636</v>
      </c>
      <c r="C13805" t="s">
        <v>1639</v>
      </c>
      <c r="D13805" t="s">
        <v>12512</v>
      </c>
    </row>
    <row r="13806" spans="1:4" x14ac:dyDescent="0.4">
      <c r="A13806">
        <v>3340066</v>
      </c>
      <c r="B13806" t="s">
        <v>1636</v>
      </c>
      <c r="C13806" t="s">
        <v>1639</v>
      </c>
      <c r="D13806" t="s">
        <v>12513</v>
      </c>
    </row>
    <row r="13807" spans="1:4" x14ac:dyDescent="0.4">
      <c r="A13807">
        <v>3330801</v>
      </c>
      <c r="B13807" t="s">
        <v>1636</v>
      </c>
      <c r="C13807" t="s">
        <v>1639</v>
      </c>
      <c r="D13807" t="s">
        <v>12514</v>
      </c>
    </row>
    <row r="13808" spans="1:4" x14ac:dyDescent="0.4">
      <c r="A13808">
        <v>3340063</v>
      </c>
      <c r="B13808" t="s">
        <v>1636</v>
      </c>
      <c r="C13808" t="s">
        <v>1639</v>
      </c>
      <c r="D13808" t="s">
        <v>7944</v>
      </c>
    </row>
    <row r="13809" spans="1:4" x14ac:dyDescent="0.4">
      <c r="A13809">
        <v>3320003</v>
      </c>
      <c r="B13809" t="s">
        <v>1636</v>
      </c>
      <c r="C13809" t="s">
        <v>1639</v>
      </c>
      <c r="D13809" t="s">
        <v>12515</v>
      </c>
    </row>
    <row r="13810" spans="1:4" x14ac:dyDescent="0.4">
      <c r="A13810">
        <v>3320013</v>
      </c>
      <c r="B13810" t="s">
        <v>1636</v>
      </c>
      <c r="C13810" t="s">
        <v>1639</v>
      </c>
      <c r="D13810" t="s">
        <v>12516</v>
      </c>
    </row>
    <row r="13811" spans="1:4" x14ac:dyDescent="0.4">
      <c r="A13811">
        <v>3320012</v>
      </c>
      <c r="B13811" t="s">
        <v>1636</v>
      </c>
      <c r="C13811" t="s">
        <v>1639</v>
      </c>
      <c r="D13811" t="s">
        <v>403</v>
      </c>
    </row>
    <row r="13812" spans="1:4" x14ac:dyDescent="0.4">
      <c r="A13812">
        <v>3340076</v>
      </c>
      <c r="B13812" t="s">
        <v>1636</v>
      </c>
      <c r="C13812" t="s">
        <v>1639</v>
      </c>
      <c r="D13812" t="s">
        <v>12517</v>
      </c>
    </row>
    <row r="13813" spans="1:4" x14ac:dyDescent="0.4">
      <c r="A13813">
        <v>3330843</v>
      </c>
      <c r="B13813" t="s">
        <v>1636</v>
      </c>
      <c r="C13813" t="s">
        <v>1639</v>
      </c>
      <c r="D13813" t="s">
        <v>12518</v>
      </c>
    </row>
    <row r="13814" spans="1:4" x14ac:dyDescent="0.4">
      <c r="A13814">
        <v>3330842</v>
      </c>
      <c r="B13814" t="s">
        <v>1636</v>
      </c>
      <c r="C13814" t="s">
        <v>1639</v>
      </c>
      <c r="D13814" t="s">
        <v>8211</v>
      </c>
    </row>
    <row r="13815" spans="1:4" x14ac:dyDescent="0.4">
      <c r="A13815">
        <v>3330841</v>
      </c>
      <c r="B13815" t="s">
        <v>1636</v>
      </c>
      <c r="C13815" t="s">
        <v>1639</v>
      </c>
      <c r="D13815" t="s">
        <v>12519</v>
      </c>
    </row>
    <row r="13816" spans="1:4" x14ac:dyDescent="0.4">
      <c r="A13816">
        <v>3340065</v>
      </c>
      <c r="B13816" t="s">
        <v>1636</v>
      </c>
      <c r="C13816" t="s">
        <v>1639</v>
      </c>
      <c r="D13816" t="s">
        <v>12520</v>
      </c>
    </row>
    <row r="13817" spans="1:4" x14ac:dyDescent="0.4">
      <c r="A13817">
        <v>1006318</v>
      </c>
      <c r="B13817" t="s">
        <v>815</v>
      </c>
      <c r="C13817" t="s">
        <v>816</v>
      </c>
      <c r="D13817" t="s">
        <v>12521</v>
      </c>
    </row>
    <row r="13818" spans="1:4" x14ac:dyDescent="0.4">
      <c r="A13818">
        <v>1006319</v>
      </c>
      <c r="B13818" t="s">
        <v>815</v>
      </c>
      <c r="C13818" t="s">
        <v>816</v>
      </c>
      <c r="D13818" t="s">
        <v>12522</v>
      </c>
    </row>
    <row r="13819" spans="1:4" x14ac:dyDescent="0.4">
      <c r="A13819">
        <v>1006320</v>
      </c>
      <c r="B13819" t="s">
        <v>815</v>
      </c>
      <c r="C13819" t="s">
        <v>816</v>
      </c>
      <c r="D13819" t="s">
        <v>12523</v>
      </c>
    </row>
    <row r="13820" spans="1:4" x14ac:dyDescent="0.4">
      <c r="A13820">
        <v>1006321</v>
      </c>
      <c r="B13820" t="s">
        <v>815</v>
      </c>
      <c r="C13820" t="s">
        <v>816</v>
      </c>
      <c r="D13820" t="s">
        <v>12524</v>
      </c>
    </row>
    <row r="13821" spans="1:4" x14ac:dyDescent="0.4">
      <c r="A13821">
        <v>1006322</v>
      </c>
      <c r="B13821" t="s">
        <v>815</v>
      </c>
      <c r="C13821" t="s">
        <v>816</v>
      </c>
      <c r="D13821" t="s">
        <v>12525</v>
      </c>
    </row>
    <row r="13822" spans="1:4" x14ac:dyDescent="0.4">
      <c r="A13822">
        <v>1006323</v>
      </c>
      <c r="B13822" t="s">
        <v>815</v>
      </c>
      <c r="C13822" t="s">
        <v>816</v>
      </c>
      <c r="D13822" t="s">
        <v>12526</v>
      </c>
    </row>
    <row r="13823" spans="1:4" x14ac:dyDescent="0.4">
      <c r="A13823">
        <v>1006324</v>
      </c>
      <c r="B13823" t="s">
        <v>815</v>
      </c>
      <c r="C13823" t="s">
        <v>816</v>
      </c>
      <c r="D13823" t="s">
        <v>12527</v>
      </c>
    </row>
    <row r="13824" spans="1:4" x14ac:dyDescent="0.4">
      <c r="A13824">
        <v>1006325</v>
      </c>
      <c r="B13824" t="s">
        <v>815</v>
      </c>
      <c r="C13824" t="s">
        <v>816</v>
      </c>
      <c r="D13824" t="s">
        <v>12528</v>
      </c>
    </row>
    <row r="13825" spans="1:4" x14ac:dyDescent="0.4">
      <c r="A13825" s="1" t="s">
        <v>11971</v>
      </c>
      <c r="B13825" t="s">
        <v>4451</v>
      </c>
      <c r="C13825" t="s">
        <v>11542</v>
      </c>
      <c r="D13825" t="s">
        <v>12529</v>
      </c>
    </row>
    <row r="13826" spans="1:4" x14ac:dyDescent="0.4">
      <c r="A13826" s="1" t="s">
        <v>11971</v>
      </c>
      <c r="B13826" t="s">
        <v>4451</v>
      </c>
      <c r="C13826" t="s">
        <v>11542</v>
      </c>
      <c r="D13826" t="s">
        <v>12530</v>
      </c>
    </row>
    <row r="13827" spans="1:4" x14ac:dyDescent="0.4">
      <c r="A13827" s="1" t="s">
        <v>12531</v>
      </c>
      <c r="B13827" t="s">
        <v>4451</v>
      </c>
      <c r="C13827" t="s">
        <v>11542</v>
      </c>
      <c r="D13827" t="s">
        <v>12532</v>
      </c>
    </row>
    <row r="13828" spans="1:4" x14ac:dyDescent="0.4">
      <c r="A13828" s="1" t="s">
        <v>12531</v>
      </c>
      <c r="B13828" t="s">
        <v>4451</v>
      </c>
      <c r="C13828" t="s">
        <v>11542</v>
      </c>
      <c r="D13828" t="s">
        <v>12533</v>
      </c>
    </row>
    <row r="13829" spans="1:4" x14ac:dyDescent="0.4">
      <c r="A13829" s="1" t="s">
        <v>12531</v>
      </c>
      <c r="B13829" t="s">
        <v>4451</v>
      </c>
      <c r="C13829" t="s">
        <v>11542</v>
      </c>
      <c r="D13829" t="s">
        <v>12534</v>
      </c>
    </row>
    <row r="13830" spans="1:4" x14ac:dyDescent="0.4">
      <c r="A13830" s="1" t="s">
        <v>12531</v>
      </c>
      <c r="B13830" t="s">
        <v>4451</v>
      </c>
      <c r="C13830" t="s">
        <v>11542</v>
      </c>
      <c r="D13830" t="s">
        <v>12535</v>
      </c>
    </row>
    <row r="13831" spans="1:4" x14ac:dyDescent="0.4">
      <c r="A13831" s="1" t="s">
        <v>12531</v>
      </c>
      <c r="B13831" t="s">
        <v>4451</v>
      </c>
      <c r="C13831" t="s">
        <v>11542</v>
      </c>
      <c r="D13831" t="s">
        <v>12536</v>
      </c>
    </row>
    <row r="13832" spans="1:4" x14ac:dyDescent="0.4">
      <c r="A13832" s="1" t="s">
        <v>12531</v>
      </c>
      <c r="B13832" t="s">
        <v>4451</v>
      </c>
      <c r="C13832" t="s">
        <v>11542</v>
      </c>
      <c r="D13832" t="s">
        <v>12537</v>
      </c>
    </row>
    <row r="13833" spans="1:4" x14ac:dyDescent="0.4">
      <c r="A13833" s="1" t="s">
        <v>12531</v>
      </c>
      <c r="B13833" t="s">
        <v>4451</v>
      </c>
      <c r="C13833" t="s">
        <v>11542</v>
      </c>
      <c r="D13833" t="s">
        <v>12538</v>
      </c>
    </row>
    <row r="13834" spans="1:4" x14ac:dyDescent="0.4">
      <c r="A13834" s="1" t="s">
        <v>12531</v>
      </c>
      <c r="B13834" t="s">
        <v>4451</v>
      </c>
      <c r="C13834" t="s">
        <v>11542</v>
      </c>
      <c r="D13834" t="s">
        <v>12539</v>
      </c>
    </row>
    <row r="13835" spans="1:4" x14ac:dyDescent="0.4">
      <c r="A13835" s="1" t="s">
        <v>12531</v>
      </c>
      <c r="B13835" t="s">
        <v>4451</v>
      </c>
      <c r="C13835" t="s">
        <v>11542</v>
      </c>
      <c r="D13835" t="s">
        <v>12540</v>
      </c>
    </row>
    <row r="13836" spans="1:4" x14ac:dyDescent="0.4">
      <c r="A13836" s="1" t="s">
        <v>12531</v>
      </c>
      <c r="B13836" t="s">
        <v>4451</v>
      </c>
      <c r="C13836" t="s">
        <v>11542</v>
      </c>
      <c r="D13836" t="s">
        <v>12541</v>
      </c>
    </row>
    <row r="13837" spans="1:4" x14ac:dyDescent="0.4">
      <c r="A13837" s="1" t="s">
        <v>12531</v>
      </c>
      <c r="B13837" t="s">
        <v>4451</v>
      </c>
      <c r="C13837" t="s">
        <v>11542</v>
      </c>
      <c r="D13837" t="s">
        <v>12542</v>
      </c>
    </row>
    <row r="13838" spans="1:4" x14ac:dyDescent="0.4">
      <c r="A13838" s="1" t="s">
        <v>12531</v>
      </c>
      <c r="B13838" t="s">
        <v>4451</v>
      </c>
      <c r="C13838" t="s">
        <v>11542</v>
      </c>
      <c r="D13838" t="s">
        <v>12543</v>
      </c>
    </row>
    <row r="13839" spans="1:4" x14ac:dyDescent="0.4">
      <c r="A13839" s="1" t="s">
        <v>12531</v>
      </c>
      <c r="B13839" t="s">
        <v>4451</v>
      </c>
      <c r="C13839" t="s">
        <v>11542</v>
      </c>
      <c r="D13839" t="s">
        <v>12544</v>
      </c>
    </row>
    <row r="13840" spans="1:4" x14ac:dyDescent="0.4">
      <c r="A13840" s="1" t="s">
        <v>12531</v>
      </c>
      <c r="B13840" t="s">
        <v>4451</v>
      </c>
      <c r="C13840" t="s">
        <v>11542</v>
      </c>
      <c r="D13840" t="s">
        <v>12545</v>
      </c>
    </row>
    <row r="13841" spans="1:4" x14ac:dyDescent="0.4">
      <c r="A13841" s="1" t="s">
        <v>12531</v>
      </c>
      <c r="B13841" t="s">
        <v>4451</v>
      </c>
      <c r="C13841" t="s">
        <v>11542</v>
      </c>
      <c r="D13841" t="s">
        <v>12546</v>
      </c>
    </row>
    <row r="13842" spans="1:4" x14ac:dyDescent="0.4">
      <c r="A13842" s="1" t="s">
        <v>12531</v>
      </c>
      <c r="B13842" t="s">
        <v>4451</v>
      </c>
      <c r="C13842" t="s">
        <v>11542</v>
      </c>
      <c r="D13842" t="s">
        <v>12547</v>
      </c>
    </row>
    <row r="13843" spans="1:4" x14ac:dyDescent="0.4">
      <c r="A13843" s="1" t="s">
        <v>12531</v>
      </c>
      <c r="B13843" t="s">
        <v>4451</v>
      </c>
      <c r="C13843" t="s">
        <v>11542</v>
      </c>
      <c r="D13843" t="s">
        <v>12548</v>
      </c>
    </row>
    <row r="13844" spans="1:4" x14ac:dyDescent="0.4">
      <c r="A13844" s="1" t="s">
        <v>12549</v>
      </c>
      <c r="B13844" t="s">
        <v>4451</v>
      </c>
      <c r="C13844" t="s">
        <v>11542</v>
      </c>
      <c r="D13844" t="s">
        <v>12550</v>
      </c>
    </row>
    <row r="13845" spans="1:4" x14ac:dyDescent="0.4">
      <c r="A13845" s="1" t="s">
        <v>12549</v>
      </c>
      <c r="B13845" t="s">
        <v>4451</v>
      </c>
      <c r="C13845" t="s">
        <v>11542</v>
      </c>
      <c r="D13845" t="s">
        <v>12551</v>
      </c>
    </row>
    <row r="13846" spans="1:4" x14ac:dyDescent="0.4">
      <c r="A13846" s="1" t="s">
        <v>12549</v>
      </c>
      <c r="B13846" t="s">
        <v>4451</v>
      </c>
      <c r="C13846" t="s">
        <v>11542</v>
      </c>
      <c r="D13846" t="s">
        <v>12552</v>
      </c>
    </row>
    <row r="13847" spans="1:4" x14ac:dyDescent="0.4">
      <c r="A13847" s="1" t="s">
        <v>12549</v>
      </c>
      <c r="B13847" t="s">
        <v>4451</v>
      </c>
      <c r="C13847" t="s">
        <v>11542</v>
      </c>
      <c r="D13847" t="s">
        <v>12553</v>
      </c>
    </row>
    <row r="13848" spans="1:4" x14ac:dyDescent="0.4">
      <c r="A13848" s="1" t="s">
        <v>12554</v>
      </c>
      <c r="B13848" t="s">
        <v>4451</v>
      </c>
      <c r="C13848" t="s">
        <v>11542</v>
      </c>
      <c r="D13848" t="s">
        <v>12555</v>
      </c>
    </row>
    <row r="13849" spans="1:4" x14ac:dyDescent="0.4">
      <c r="A13849" s="1" t="s">
        <v>12554</v>
      </c>
      <c r="B13849" t="s">
        <v>4451</v>
      </c>
      <c r="C13849" t="s">
        <v>11542</v>
      </c>
      <c r="D13849" t="s">
        <v>12556</v>
      </c>
    </row>
    <row r="13850" spans="1:4" x14ac:dyDescent="0.4">
      <c r="A13850" s="1" t="s">
        <v>12554</v>
      </c>
      <c r="B13850" t="s">
        <v>4451</v>
      </c>
      <c r="C13850" t="s">
        <v>11542</v>
      </c>
      <c r="D13850" t="s">
        <v>12557</v>
      </c>
    </row>
    <row r="13851" spans="1:4" x14ac:dyDescent="0.4">
      <c r="A13851" s="1" t="s">
        <v>12554</v>
      </c>
      <c r="B13851" t="s">
        <v>4451</v>
      </c>
      <c r="C13851" t="s">
        <v>11542</v>
      </c>
      <c r="D13851" t="s">
        <v>12558</v>
      </c>
    </row>
    <row r="13852" spans="1:4" x14ac:dyDescent="0.4">
      <c r="A13852" s="1" t="s">
        <v>12554</v>
      </c>
      <c r="B13852" t="s">
        <v>4451</v>
      </c>
      <c r="C13852" t="s">
        <v>11542</v>
      </c>
      <c r="D13852" t="s">
        <v>12559</v>
      </c>
    </row>
    <row r="13853" spans="1:4" x14ac:dyDescent="0.4">
      <c r="A13853" s="1" t="s">
        <v>12554</v>
      </c>
      <c r="B13853" t="s">
        <v>4451</v>
      </c>
      <c r="C13853" t="s">
        <v>11542</v>
      </c>
      <c r="D13853" t="s">
        <v>12560</v>
      </c>
    </row>
    <row r="13854" spans="1:4" x14ac:dyDescent="0.4">
      <c r="A13854" s="1" t="s">
        <v>12554</v>
      </c>
      <c r="B13854" t="s">
        <v>4451</v>
      </c>
      <c r="C13854" t="s">
        <v>11542</v>
      </c>
      <c r="D13854" t="s">
        <v>12561</v>
      </c>
    </row>
    <row r="13855" spans="1:4" x14ac:dyDescent="0.4">
      <c r="A13855" s="1" t="s">
        <v>12554</v>
      </c>
      <c r="B13855" t="s">
        <v>4451</v>
      </c>
      <c r="C13855" t="s">
        <v>11542</v>
      </c>
      <c r="D13855" t="s">
        <v>12562</v>
      </c>
    </row>
    <row r="13856" spans="1:4" x14ac:dyDescent="0.4">
      <c r="A13856" s="1" t="s">
        <v>12563</v>
      </c>
      <c r="B13856" t="s">
        <v>4451</v>
      </c>
      <c r="C13856" t="s">
        <v>11542</v>
      </c>
      <c r="D13856" t="s">
        <v>12564</v>
      </c>
    </row>
    <row r="13857" spans="1:4" x14ac:dyDescent="0.4">
      <c r="A13857" s="1" t="s">
        <v>12563</v>
      </c>
      <c r="B13857" t="s">
        <v>4451</v>
      </c>
      <c r="C13857" t="s">
        <v>11542</v>
      </c>
      <c r="D13857" t="s">
        <v>12565</v>
      </c>
    </row>
    <row r="13858" spans="1:4" x14ac:dyDescent="0.4">
      <c r="A13858" s="1" t="s">
        <v>12563</v>
      </c>
      <c r="B13858" t="s">
        <v>4451</v>
      </c>
      <c r="C13858" t="s">
        <v>11542</v>
      </c>
      <c r="D13858" t="s">
        <v>12566</v>
      </c>
    </row>
    <row r="13859" spans="1:4" x14ac:dyDescent="0.4">
      <c r="A13859" s="1" t="s">
        <v>12567</v>
      </c>
      <c r="B13859" t="s">
        <v>4451</v>
      </c>
      <c r="C13859" t="s">
        <v>11542</v>
      </c>
      <c r="D13859" t="s">
        <v>12568</v>
      </c>
    </row>
    <row r="13860" spans="1:4" x14ac:dyDescent="0.4">
      <c r="A13860" s="1" t="s">
        <v>12567</v>
      </c>
      <c r="B13860" t="s">
        <v>4451</v>
      </c>
      <c r="C13860" t="s">
        <v>11542</v>
      </c>
      <c r="D13860" t="s">
        <v>12569</v>
      </c>
    </row>
    <row r="13861" spans="1:4" x14ac:dyDescent="0.4">
      <c r="A13861" s="1" t="s">
        <v>12567</v>
      </c>
      <c r="B13861" t="s">
        <v>4451</v>
      </c>
      <c r="C13861" t="s">
        <v>11542</v>
      </c>
      <c r="D13861" t="s">
        <v>12570</v>
      </c>
    </row>
    <row r="13862" spans="1:4" x14ac:dyDescent="0.4">
      <c r="A13862" s="1" t="s">
        <v>12567</v>
      </c>
      <c r="B13862" t="s">
        <v>4451</v>
      </c>
      <c r="C13862" t="s">
        <v>11542</v>
      </c>
      <c r="D13862" t="s">
        <v>12571</v>
      </c>
    </row>
    <row r="13863" spans="1:4" x14ac:dyDescent="0.4">
      <c r="A13863" s="1" t="s">
        <v>12567</v>
      </c>
      <c r="B13863" t="s">
        <v>4451</v>
      </c>
      <c r="C13863" t="s">
        <v>11542</v>
      </c>
      <c r="D13863" t="s">
        <v>12572</v>
      </c>
    </row>
    <row r="13864" spans="1:4" x14ac:dyDescent="0.4">
      <c r="A13864" s="1" t="s">
        <v>12567</v>
      </c>
      <c r="B13864" t="s">
        <v>4451</v>
      </c>
      <c r="C13864" t="s">
        <v>11542</v>
      </c>
      <c r="D13864" t="s">
        <v>12573</v>
      </c>
    </row>
    <row r="13865" spans="1:4" x14ac:dyDescent="0.4">
      <c r="A13865" s="1" t="s">
        <v>12567</v>
      </c>
      <c r="B13865" t="s">
        <v>4451</v>
      </c>
      <c r="C13865" t="s">
        <v>11542</v>
      </c>
      <c r="D13865" t="s">
        <v>12574</v>
      </c>
    </row>
    <row r="13866" spans="1:4" x14ac:dyDescent="0.4">
      <c r="A13866" s="1" t="s">
        <v>12567</v>
      </c>
      <c r="B13866" t="s">
        <v>4451</v>
      </c>
      <c r="C13866" t="s">
        <v>11542</v>
      </c>
      <c r="D13866" t="s">
        <v>12575</v>
      </c>
    </row>
    <row r="13867" spans="1:4" x14ac:dyDescent="0.4">
      <c r="A13867" s="1" t="s">
        <v>12567</v>
      </c>
      <c r="B13867" t="s">
        <v>4451</v>
      </c>
      <c r="C13867" t="s">
        <v>11542</v>
      </c>
      <c r="D13867" t="s">
        <v>12576</v>
      </c>
    </row>
    <row r="13868" spans="1:4" x14ac:dyDescent="0.4">
      <c r="A13868" s="1" t="s">
        <v>12567</v>
      </c>
      <c r="B13868" t="s">
        <v>4451</v>
      </c>
      <c r="C13868" t="s">
        <v>11542</v>
      </c>
      <c r="D13868" t="s">
        <v>12577</v>
      </c>
    </row>
    <row r="13869" spans="1:4" x14ac:dyDescent="0.4">
      <c r="A13869" s="1" t="s">
        <v>12567</v>
      </c>
      <c r="B13869" t="s">
        <v>4451</v>
      </c>
      <c r="C13869" t="s">
        <v>11542</v>
      </c>
      <c r="D13869" t="s">
        <v>12578</v>
      </c>
    </row>
    <row r="13870" spans="1:4" x14ac:dyDescent="0.4">
      <c r="A13870" s="1" t="s">
        <v>12579</v>
      </c>
      <c r="B13870" t="s">
        <v>4451</v>
      </c>
      <c r="C13870" t="s">
        <v>11542</v>
      </c>
      <c r="D13870" t="s">
        <v>12580</v>
      </c>
    </row>
    <row r="13871" spans="1:4" x14ac:dyDescent="0.4">
      <c r="A13871" s="1" t="s">
        <v>12579</v>
      </c>
      <c r="B13871" t="s">
        <v>4451</v>
      </c>
      <c r="C13871" t="s">
        <v>11542</v>
      </c>
      <c r="D13871" t="s">
        <v>12581</v>
      </c>
    </row>
    <row r="13872" spans="1:4" x14ac:dyDescent="0.4">
      <c r="A13872" s="1" t="s">
        <v>12579</v>
      </c>
      <c r="B13872" t="s">
        <v>4451</v>
      </c>
      <c r="C13872" t="s">
        <v>11542</v>
      </c>
      <c r="D13872" t="s">
        <v>12582</v>
      </c>
    </row>
    <row r="13873" spans="1:4" x14ac:dyDescent="0.4">
      <c r="A13873" s="1" t="s">
        <v>12579</v>
      </c>
      <c r="B13873" t="s">
        <v>4451</v>
      </c>
      <c r="C13873" t="s">
        <v>11542</v>
      </c>
      <c r="D13873" t="s">
        <v>12583</v>
      </c>
    </row>
    <row r="13874" spans="1:4" x14ac:dyDescent="0.4">
      <c r="A13874" s="1" t="s">
        <v>12579</v>
      </c>
      <c r="B13874" t="s">
        <v>4451</v>
      </c>
      <c r="C13874" t="s">
        <v>11542</v>
      </c>
      <c r="D13874" t="s">
        <v>12584</v>
      </c>
    </row>
    <row r="13875" spans="1:4" x14ac:dyDescent="0.4">
      <c r="A13875" s="1" t="s">
        <v>12579</v>
      </c>
      <c r="B13875" t="s">
        <v>4451</v>
      </c>
      <c r="C13875" t="s">
        <v>11542</v>
      </c>
      <c r="D13875" t="s">
        <v>12585</v>
      </c>
    </row>
    <row r="13876" spans="1:4" x14ac:dyDescent="0.4">
      <c r="A13876" s="1" t="s">
        <v>12579</v>
      </c>
      <c r="B13876" t="s">
        <v>4451</v>
      </c>
      <c r="C13876" t="s">
        <v>11542</v>
      </c>
      <c r="D13876" t="s">
        <v>12586</v>
      </c>
    </row>
    <row r="13877" spans="1:4" x14ac:dyDescent="0.4">
      <c r="A13877" s="1" t="s">
        <v>12587</v>
      </c>
      <c r="B13877" t="s">
        <v>4451</v>
      </c>
      <c r="C13877" t="s">
        <v>11542</v>
      </c>
      <c r="D13877" t="s">
        <v>12588</v>
      </c>
    </row>
    <row r="13878" spans="1:4" x14ac:dyDescent="0.4">
      <c r="A13878" s="1" t="s">
        <v>12587</v>
      </c>
      <c r="B13878" t="s">
        <v>4451</v>
      </c>
      <c r="C13878" t="s">
        <v>11542</v>
      </c>
      <c r="D13878" t="s">
        <v>12589</v>
      </c>
    </row>
    <row r="13879" spans="1:4" x14ac:dyDescent="0.4">
      <c r="A13879" s="1" t="s">
        <v>12587</v>
      </c>
      <c r="B13879" t="s">
        <v>4451</v>
      </c>
      <c r="C13879" t="s">
        <v>11542</v>
      </c>
      <c r="D13879" t="s">
        <v>12590</v>
      </c>
    </row>
    <row r="13880" spans="1:4" x14ac:dyDescent="0.4">
      <c r="A13880" s="1" t="s">
        <v>12587</v>
      </c>
      <c r="B13880" t="s">
        <v>4451</v>
      </c>
      <c r="C13880" t="s">
        <v>11542</v>
      </c>
      <c r="D13880" t="s">
        <v>12591</v>
      </c>
    </row>
    <row r="13881" spans="1:4" x14ac:dyDescent="0.4">
      <c r="A13881" s="1" t="s">
        <v>12587</v>
      </c>
      <c r="B13881" t="s">
        <v>4451</v>
      </c>
      <c r="C13881" t="s">
        <v>11542</v>
      </c>
      <c r="D13881" t="s">
        <v>12592</v>
      </c>
    </row>
    <row r="13882" spans="1:4" x14ac:dyDescent="0.4">
      <c r="A13882" s="1" t="s">
        <v>12593</v>
      </c>
      <c r="B13882" t="s">
        <v>4451</v>
      </c>
      <c r="C13882" t="s">
        <v>11542</v>
      </c>
      <c r="D13882" t="s">
        <v>12594</v>
      </c>
    </row>
    <row r="13883" spans="1:4" x14ac:dyDescent="0.4">
      <c r="A13883" s="1" t="s">
        <v>12593</v>
      </c>
      <c r="B13883" t="s">
        <v>4451</v>
      </c>
      <c r="C13883" t="s">
        <v>11542</v>
      </c>
      <c r="D13883" t="s">
        <v>12595</v>
      </c>
    </row>
    <row r="13884" spans="1:4" x14ac:dyDescent="0.4">
      <c r="A13884" s="1" t="s">
        <v>12593</v>
      </c>
      <c r="B13884" t="s">
        <v>4451</v>
      </c>
      <c r="C13884" t="s">
        <v>11542</v>
      </c>
      <c r="D13884" t="s">
        <v>12596</v>
      </c>
    </row>
    <row r="13885" spans="1:4" x14ac:dyDescent="0.4">
      <c r="A13885" s="1" t="s">
        <v>12593</v>
      </c>
      <c r="B13885" t="s">
        <v>4451</v>
      </c>
      <c r="C13885" t="s">
        <v>11542</v>
      </c>
      <c r="D13885" t="s">
        <v>12597</v>
      </c>
    </row>
    <row r="13886" spans="1:4" x14ac:dyDescent="0.4">
      <c r="A13886" s="1" t="s">
        <v>12593</v>
      </c>
      <c r="B13886" t="s">
        <v>4451</v>
      </c>
      <c r="C13886" t="s">
        <v>11542</v>
      </c>
      <c r="D13886" t="s">
        <v>12598</v>
      </c>
    </row>
    <row r="13887" spans="1:4" x14ac:dyDescent="0.4">
      <c r="A13887" s="1" t="s">
        <v>12593</v>
      </c>
      <c r="B13887" t="s">
        <v>4451</v>
      </c>
      <c r="C13887" t="s">
        <v>11542</v>
      </c>
      <c r="D13887" t="s">
        <v>12599</v>
      </c>
    </row>
    <row r="13888" spans="1:4" x14ac:dyDescent="0.4">
      <c r="A13888" s="1" t="s">
        <v>12600</v>
      </c>
      <c r="B13888" t="s">
        <v>4451</v>
      </c>
      <c r="C13888" t="s">
        <v>11542</v>
      </c>
      <c r="D13888" t="s">
        <v>12601</v>
      </c>
    </row>
    <row r="13889" spans="1:4" x14ac:dyDescent="0.4">
      <c r="A13889" s="1" t="s">
        <v>12600</v>
      </c>
      <c r="B13889" t="s">
        <v>4451</v>
      </c>
      <c r="C13889" t="s">
        <v>11542</v>
      </c>
      <c r="D13889" t="s">
        <v>12602</v>
      </c>
    </row>
    <row r="13890" spans="1:4" x14ac:dyDescent="0.4">
      <c r="A13890" s="1" t="s">
        <v>12600</v>
      </c>
      <c r="B13890" t="s">
        <v>4451</v>
      </c>
      <c r="C13890" t="s">
        <v>11542</v>
      </c>
      <c r="D13890" t="s">
        <v>12603</v>
      </c>
    </row>
    <row r="13891" spans="1:4" x14ac:dyDescent="0.4">
      <c r="A13891" s="1" t="s">
        <v>12600</v>
      </c>
      <c r="B13891" t="s">
        <v>4451</v>
      </c>
      <c r="C13891" t="s">
        <v>11542</v>
      </c>
      <c r="D13891" t="s">
        <v>12604</v>
      </c>
    </row>
    <row r="13892" spans="1:4" x14ac:dyDescent="0.4">
      <c r="A13892" s="1" t="s">
        <v>12600</v>
      </c>
      <c r="B13892" t="s">
        <v>4451</v>
      </c>
      <c r="C13892" t="s">
        <v>11542</v>
      </c>
      <c r="D13892" t="s">
        <v>12605</v>
      </c>
    </row>
    <row r="13893" spans="1:4" x14ac:dyDescent="0.4">
      <c r="A13893" s="1" t="s">
        <v>12600</v>
      </c>
      <c r="B13893" t="s">
        <v>4451</v>
      </c>
      <c r="C13893" t="s">
        <v>11542</v>
      </c>
      <c r="D13893" t="s">
        <v>12606</v>
      </c>
    </row>
    <row r="13894" spans="1:4" x14ac:dyDescent="0.4">
      <c r="A13894" s="1" t="s">
        <v>12600</v>
      </c>
      <c r="B13894" t="s">
        <v>4451</v>
      </c>
      <c r="C13894" t="s">
        <v>11542</v>
      </c>
      <c r="D13894" t="s">
        <v>12607</v>
      </c>
    </row>
    <row r="13895" spans="1:4" x14ac:dyDescent="0.4">
      <c r="A13895" s="1" t="s">
        <v>12600</v>
      </c>
      <c r="B13895" t="s">
        <v>4451</v>
      </c>
      <c r="C13895" t="s">
        <v>11542</v>
      </c>
      <c r="D13895" t="s">
        <v>12608</v>
      </c>
    </row>
    <row r="13896" spans="1:4" x14ac:dyDescent="0.4">
      <c r="A13896" s="1" t="s">
        <v>12609</v>
      </c>
      <c r="B13896" t="s">
        <v>4451</v>
      </c>
      <c r="C13896" t="s">
        <v>11542</v>
      </c>
      <c r="D13896" t="s">
        <v>12610</v>
      </c>
    </row>
    <row r="13897" spans="1:4" x14ac:dyDescent="0.4">
      <c r="A13897" s="1" t="s">
        <v>12609</v>
      </c>
      <c r="B13897" t="s">
        <v>4451</v>
      </c>
      <c r="C13897" t="s">
        <v>11542</v>
      </c>
      <c r="D13897" t="s">
        <v>12611</v>
      </c>
    </row>
    <row r="13898" spans="1:4" x14ac:dyDescent="0.4">
      <c r="A13898" s="1" t="s">
        <v>12609</v>
      </c>
      <c r="B13898" t="s">
        <v>4451</v>
      </c>
      <c r="C13898" t="s">
        <v>11542</v>
      </c>
      <c r="D13898" t="s">
        <v>12612</v>
      </c>
    </row>
    <row r="13899" spans="1:4" x14ac:dyDescent="0.4">
      <c r="A13899" s="1" t="s">
        <v>12613</v>
      </c>
      <c r="B13899" t="s">
        <v>4451</v>
      </c>
      <c r="C13899" t="s">
        <v>11542</v>
      </c>
      <c r="D13899" t="s">
        <v>12614</v>
      </c>
    </row>
    <row r="13900" spans="1:4" x14ac:dyDescent="0.4">
      <c r="A13900" s="1" t="s">
        <v>12613</v>
      </c>
      <c r="B13900" t="s">
        <v>4451</v>
      </c>
      <c r="C13900" t="s">
        <v>11542</v>
      </c>
      <c r="D13900" t="s">
        <v>12615</v>
      </c>
    </row>
    <row r="13901" spans="1:4" x14ac:dyDescent="0.4">
      <c r="A13901" s="1" t="s">
        <v>12613</v>
      </c>
      <c r="B13901" t="s">
        <v>4451</v>
      </c>
      <c r="C13901" t="s">
        <v>11542</v>
      </c>
      <c r="D13901" t="s">
        <v>12616</v>
      </c>
    </row>
    <row r="13902" spans="1:4" x14ac:dyDescent="0.4">
      <c r="A13902" s="1" t="s">
        <v>12613</v>
      </c>
      <c r="B13902" t="s">
        <v>4451</v>
      </c>
      <c r="C13902" t="s">
        <v>11542</v>
      </c>
      <c r="D13902" t="s">
        <v>12617</v>
      </c>
    </row>
    <row r="13903" spans="1:4" x14ac:dyDescent="0.4">
      <c r="A13903" s="1" t="s">
        <v>12613</v>
      </c>
      <c r="B13903" t="s">
        <v>4451</v>
      </c>
      <c r="C13903" t="s">
        <v>11542</v>
      </c>
      <c r="D13903" t="s">
        <v>12618</v>
      </c>
    </row>
    <row r="13904" spans="1:4" x14ac:dyDescent="0.4">
      <c r="A13904" s="1" t="s">
        <v>12619</v>
      </c>
      <c r="B13904" t="s">
        <v>4451</v>
      </c>
      <c r="C13904" t="s">
        <v>11542</v>
      </c>
      <c r="D13904" t="s">
        <v>12620</v>
      </c>
    </row>
    <row r="13905" spans="1:4" x14ac:dyDescent="0.4">
      <c r="A13905" s="1" t="s">
        <v>12619</v>
      </c>
      <c r="B13905" t="s">
        <v>4451</v>
      </c>
      <c r="C13905" t="s">
        <v>11542</v>
      </c>
      <c r="D13905" t="s">
        <v>12621</v>
      </c>
    </row>
    <row r="13906" spans="1:4" x14ac:dyDescent="0.4">
      <c r="A13906" s="1" t="s">
        <v>12619</v>
      </c>
      <c r="B13906" t="s">
        <v>4451</v>
      </c>
      <c r="C13906" t="s">
        <v>11542</v>
      </c>
      <c r="D13906" t="s">
        <v>12622</v>
      </c>
    </row>
    <row r="13907" spans="1:4" x14ac:dyDescent="0.4">
      <c r="A13907" s="1" t="s">
        <v>12623</v>
      </c>
      <c r="B13907" t="s">
        <v>4451</v>
      </c>
      <c r="C13907" t="s">
        <v>11542</v>
      </c>
      <c r="D13907" t="s">
        <v>12624</v>
      </c>
    </row>
    <row r="13908" spans="1:4" x14ac:dyDescent="0.4">
      <c r="A13908" s="1" t="s">
        <v>12623</v>
      </c>
      <c r="B13908" t="s">
        <v>4451</v>
      </c>
      <c r="C13908" t="s">
        <v>11542</v>
      </c>
      <c r="D13908" t="s">
        <v>12625</v>
      </c>
    </row>
    <row r="13909" spans="1:4" x14ac:dyDescent="0.4">
      <c r="A13909" s="1" t="s">
        <v>12623</v>
      </c>
      <c r="B13909" t="s">
        <v>4451</v>
      </c>
      <c r="C13909" t="s">
        <v>11542</v>
      </c>
      <c r="D13909" t="s">
        <v>12626</v>
      </c>
    </row>
    <row r="13910" spans="1:4" x14ac:dyDescent="0.4">
      <c r="A13910" s="1" t="s">
        <v>12623</v>
      </c>
      <c r="B13910" t="s">
        <v>4451</v>
      </c>
      <c r="C13910" t="s">
        <v>11542</v>
      </c>
      <c r="D13910" t="s">
        <v>12627</v>
      </c>
    </row>
    <row r="13911" spans="1:4" x14ac:dyDescent="0.4">
      <c r="A13911" s="1" t="s">
        <v>12628</v>
      </c>
      <c r="B13911" t="s">
        <v>4451</v>
      </c>
      <c r="C13911" t="s">
        <v>11542</v>
      </c>
      <c r="D13911" t="s">
        <v>12629</v>
      </c>
    </row>
    <row r="13912" spans="1:4" x14ac:dyDescent="0.4">
      <c r="A13912" s="1" t="s">
        <v>12628</v>
      </c>
      <c r="B13912" t="s">
        <v>4451</v>
      </c>
      <c r="C13912" t="s">
        <v>11542</v>
      </c>
      <c r="D13912" t="s">
        <v>12630</v>
      </c>
    </row>
    <row r="13913" spans="1:4" x14ac:dyDescent="0.4">
      <c r="A13913" s="1" t="s">
        <v>12628</v>
      </c>
      <c r="B13913" t="s">
        <v>4451</v>
      </c>
      <c r="C13913" t="s">
        <v>11542</v>
      </c>
      <c r="D13913" t="s">
        <v>12631</v>
      </c>
    </row>
    <row r="13914" spans="1:4" x14ac:dyDescent="0.4">
      <c r="A13914" s="1" t="s">
        <v>12628</v>
      </c>
      <c r="B13914" t="s">
        <v>4451</v>
      </c>
      <c r="C13914" t="s">
        <v>11542</v>
      </c>
      <c r="D13914" t="s">
        <v>12632</v>
      </c>
    </row>
    <row r="13915" spans="1:4" x14ac:dyDescent="0.4">
      <c r="A13915" s="1" t="s">
        <v>12628</v>
      </c>
      <c r="B13915" t="s">
        <v>4451</v>
      </c>
      <c r="C13915" t="s">
        <v>11542</v>
      </c>
      <c r="D13915" t="s">
        <v>12633</v>
      </c>
    </row>
    <row r="13916" spans="1:4" x14ac:dyDescent="0.4">
      <c r="A13916" s="1" t="s">
        <v>12628</v>
      </c>
      <c r="B13916" t="s">
        <v>4451</v>
      </c>
      <c r="C13916" t="s">
        <v>11542</v>
      </c>
      <c r="D13916" t="s">
        <v>12634</v>
      </c>
    </row>
    <row r="13917" spans="1:4" x14ac:dyDescent="0.4">
      <c r="A13917" s="1" t="s">
        <v>12628</v>
      </c>
      <c r="B13917" t="s">
        <v>4451</v>
      </c>
      <c r="C13917" t="s">
        <v>11542</v>
      </c>
      <c r="D13917" t="s">
        <v>12635</v>
      </c>
    </row>
    <row r="13918" spans="1:4" x14ac:dyDescent="0.4">
      <c r="A13918" s="1" t="s">
        <v>12628</v>
      </c>
      <c r="B13918" t="s">
        <v>4451</v>
      </c>
      <c r="C13918" t="s">
        <v>11542</v>
      </c>
      <c r="D13918" t="s">
        <v>12636</v>
      </c>
    </row>
    <row r="13919" spans="1:4" x14ac:dyDescent="0.4">
      <c r="A13919" s="1" t="s">
        <v>12628</v>
      </c>
      <c r="B13919" t="s">
        <v>4451</v>
      </c>
      <c r="C13919" t="s">
        <v>11542</v>
      </c>
      <c r="D13919" t="s">
        <v>12637</v>
      </c>
    </row>
    <row r="13920" spans="1:4" x14ac:dyDescent="0.4">
      <c r="A13920" s="1" t="s">
        <v>12628</v>
      </c>
      <c r="B13920" t="s">
        <v>4451</v>
      </c>
      <c r="C13920" t="s">
        <v>11542</v>
      </c>
      <c r="D13920" t="s">
        <v>12638</v>
      </c>
    </row>
    <row r="13921" spans="1:4" x14ac:dyDescent="0.4">
      <c r="A13921" s="1" t="s">
        <v>12639</v>
      </c>
      <c r="B13921" t="s">
        <v>4451</v>
      </c>
      <c r="C13921" t="s">
        <v>11542</v>
      </c>
      <c r="D13921" t="s">
        <v>12640</v>
      </c>
    </row>
    <row r="13922" spans="1:4" x14ac:dyDescent="0.4">
      <c r="A13922" s="1" t="s">
        <v>12639</v>
      </c>
      <c r="B13922" t="s">
        <v>4451</v>
      </c>
      <c r="C13922" t="s">
        <v>11542</v>
      </c>
      <c r="D13922" t="s">
        <v>12641</v>
      </c>
    </row>
    <row r="13923" spans="1:4" x14ac:dyDescent="0.4">
      <c r="A13923" s="1" t="s">
        <v>12639</v>
      </c>
      <c r="B13923" t="s">
        <v>4451</v>
      </c>
      <c r="C13923" t="s">
        <v>11542</v>
      </c>
      <c r="D13923" t="s">
        <v>12642</v>
      </c>
    </row>
    <row r="13924" spans="1:4" x14ac:dyDescent="0.4">
      <c r="A13924" s="1" t="s">
        <v>12639</v>
      </c>
      <c r="B13924" t="s">
        <v>4451</v>
      </c>
      <c r="C13924" t="s">
        <v>11542</v>
      </c>
      <c r="D13924" t="s">
        <v>12643</v>
      </c>
    </row>
    <row r="13925" spans="1:4" x14ac:dyDescent="0.4">
      <c r="A13925" s="1" t="s">
        <v>12639</v>
      </c>
      <c r="B13925" t="s">
        <v>4451</v>
      </c>
      <c r="C13925" t="s">
        <v>11542</v>
      </c>
      <c r="D13925" t="s">
        <v>12644</v>
      </c>
    </row>
    <row r="13926" spans="1:4" x14ac:dyDescent="0.4">
      <c r="A13926" s="1" t="s">
        <v>12645</v>
      </c>
      <c r="B13926" t="s">
        <v>4451</v>
      </c>
      <c r="C13926" t="s">
        <v>11542</v>
      </c>
      <c r="D13926" t="s">
        <v>12646</v>
      </c>
    </row>
    <row r="13927" spans="1:4" x14ac:dyDescent="0.4">
      <c r="A13927" s="1" t="s">
        <v>12645</v>
      </c>
      <c r="B13927" t="s">
        <v>4451</v>
      </c>
      <c r="C13927" t="s">
        <v>11542</v>
      </c>
      <c r="D13927" t="s">
        <v>12647</v>
      </c>
    </row>
    <row r="13928" spans="1:4" x14ac:dyDescent="0.4">
      <c r="A13928" s="1" t="s">
        <v>12645</v>
      </c>
      <c r="B13928" t="s">
        <v>4451</v>
      </c>
      <c r="C13928" t="s">
        <v>11542</v>
      </c>
      <c r="D13928" t="s">
        <v>12648</v>
      </c>
    </row>
    <row r="13929" spans="1:4" x14ac:dyDescent="0.4">
      <c r="A13929" s="1" t="s">
        <v>12649</v>
      </c>
      <c r="B13929" t="s">
        <v>4451</v>
      </c>
      <c r="C13929" t="s">
        <v>11542</v>
      </c>
      <c r="D13929" t="s">
        <v>12650</v>
      </c>
    </row>
    <row r="13930" spans="1:4" x14ac:dyDescent="0.4">
      <c r="A13930" s="1" t="s">
        <v>12649</v>
      </c>
      <c r="B13930" t="s">
        <v>4451</v>
      </c>
      <c r="C13930" t="s">
        <v>11542</v>
      </c>
      <c r="D13930" t="s">
        <v>12651</v>
      </c>
    </row>
    <row r="13931" spans="1:4" x14ac:dyDescent="0.4">
      <c r="A13931" s="1" t="s">
        <v>12649</v>
      </c>
      <c r="B13931" t="s">
        <v>4451</v>
      </c>
      <c r="C13931" t="s">
        <v>11542</v>
      </c>
      <c r="D13931" t="s">
        <v>12652</v>
      </c>
    </row>
    <row r="13932" spans="1:4" x14ac:dyDescent="0.4">
      <c r="A13932" s="1" t="s">
        <v>12653</v>
      </c>
      <c r="B13932" t="s">
        <v>4451</v>
      </c>
      <c r="C13932" t="s">
        <v>11542</v>
      </c>
      <c r="D13932" t="s">
        <v>12654</v>
      </c>
    </row>
    <row r="13933" spans="1:4" x14ac:dyDescent="0.4">
      <c r="A13933" s="1" t="s">
        <v>12653</v>
      </c>
      <c r="B13933" t="s">
        <v>4451</v>
      </c>
      <c r="C13933" t="s">
        <v>11542</v>
      </c>
      <c r="D13933" t="s">
        <v>12655</v>
      </c>
    </row>
    <row r="13934" spans="1:4" x14ac:dyDescent="0.4">
      <c r="A13934" s="1" t="s">
        <v>12653</v>
      </c>
      <c r="B13934" t="s">
        <v>4451</v>
      </c>
      <c r="C13934" t="s">
        <v>11542</v>
      </c>
      <c r="D13934" t="s">
        <v>12656</v>
      </c>
    </row>
    <row r="13935" spans="1:4" x14ac:dyDescent="0.4">
      <c r="A13935" s="1" t="s">
        <v>12653</v>
      </c>
      <c r="B13935" t="s">
        <v>4451</v>
      </c>
      <c r="C13935" t="s">
        <v>11542</v>
      </c>
      <c r="D13935" t="s">
        <v>12657</v>
      </c>
    </row>
    <row r="13936" spans="1:4" x14ac:dyDescent="0.4">
      <c r="A13936" s="1" t="s">
        <v>12653</v>
      </c>
      <c r="B13936" t="s">
        <v>4451</v>
      </c>
      <c r="C13936" t="s">
        <v>11542</v>
      </c>
      <c r="D13936" t="s">
        <v>12658</v>
      </c>
    </row>
    <row r="13937" spans="1:4" x14ac:dyDescent="0.4">
      <c r="A13937" s="1" t="s">
        <v>12653</v>
      </c>
      <c r="B13937" t="s">
        <v>4451</v>
      </c>
      <c r="C13937" t="s">
        <v>11542</v>
      </c>
      <c r="D13937" t="s">
        <v>12659</v>
      </c>
    </row>
    <row r="13938" spans="1:4" x14ac:dyDescent="0.4">
      <c r="A13938" s="1" t="s">
        <v>12653</v>
      </c>
      <c r="B13938" t="s">
        <v>4451</v>
      </c>
      <c r="C13938" t="s">
        <v>11542</v>
      </c>
      <c r="D13938" t="s">
        <v>12660</v>
      </c>
    </row>
    <row r="13939" spans="1:4" x14ac:dyDescent="0.4">
      <c r="A13939" s="1" t="s">
        <v>12661</v>
      </c>
      <c r="B13939" t="s">
        <v>4451</v>
      </c>
      <c r="C13939" t="s">
        <v>11542</v>
      </c>
      <c r="D13939" t="s">
        <v>12662</v>
      </c>
    </row>
    <row r="13940" spans="1:4" x14ac:dyDescent="0.4">
      <c r="A13940" s="1" t="s">
        <v>12661</v>
      </c>
      <c r="B13940" t="s">
        <v>4451</v>
      </c>
      <c r="C13940" t="s">
        <v>11542</v>
      </c>
      <c r="D13940" t="s">
        <v>12663</v>
      </c>
    </row>
    <row r="13941" spans="1:4" x14ac:dyDescent="0.4">
      <c r="A13941" s="1" t="s">
        <v>12664</v>
      </c>
      <c r="B13941" t="s">
        <v>4451</v>
      </c>
      <c r="C13941" t="s">
        <v>11542</v>
      </c>
      <c r="D13941" t="s">
        <v>12665</v>
      </c>
    </row>
    <row r="13942" spans="1:4" x14ac:dyDescent="0.4">
      <c r="A13942" s="1" t="s">
        <v>12664</v>
      </c>
      <c r="B13942" t="s">
        <v>4451</v>
      </c>
      <c r="C13942" t="s">
        <v>11542</v>
      </c>
      <c r="D13942" t="s">
        <v>12666</v>
      </c>
    </row>
    <row r="13943" spans="1:4" x14ac:dyDescent="0.4">
      <c r="A13943" s="1" t="s">
        <v>12664</v>
      </c>
      <c r="B13943" t="s">
        <v>4451</v>
      </c>
      <c r="C13943" t="s">
        <v>11542</v>
      </c>
      <c r="D13943" t="s">
        <v>12667</v>
      </c>
    </row>
    <row r="13944" spans="1:4" x14ac:dyDescent="0.4">
      <c r="A13944" s="1" t="s">
        <v>12664</v>
      </c>
      <c r="B13944" t="s">
        <v>4451</v>
      </c>
      <c r="C13944" t="s">
        <v>11542</v>
      </c>
      <c r="D13944" t="s">
        <v>12668</v>
      </c>
    </row>
    <row r="13945" spans="1:4" x14ac:dyDescent="0.4">
      <c r="A13945" s="1" t="s">
        <v>12664</v>
      </c>
      <c r="B13945" t="s">
        <v>4451</v>
      </c>
      <c r="C13945" t="s">
        <v>11542</v>
      </c>
      <c r="D13945" t="s">
        <v>12669</v>
      </c>
    </row>
    <row r="13946" spans="1:4" x14ac:dyDescent="0.4">
      <c r="A13946" s="1" t="s">
        <v>12664</v>
      </c>
      <c r="B13946" t="s">
        <v>4451</v>
      </c>
      <c r="C13946" t="s">
        <v>11542</v>
      </c>
      <c r="D13946" t="s">
        <v>12670</v>
      </c>
    </row>
    <row r="13947" spans="1:4" x14ac:dyDescent="0.4">
      <c r="A13947" s="1" t="s">
        <v>12664</v>
      </c>
      <c r="B13947" t="s">
        <v>4451</v>
      </c>
      <c r="C13947" t="s">
        <v>11542</v>
      </c>
      <c r="D13947" t="s">
        <v>12671</v>
      </c>
    </row>
    <row r="13948" spans="1:4" x14ac:dyDescent="0.4">
      <c r="A13948" s="1" t="s">
        <v>12672</v>
      </c>
      <c r="B13948" t="s">
        <v>4451</v>
      </c>
      <c r="C13948" t="s">
        <v>11542</v>
      </c>
      <c r="D13948" t="s">
        <v>12673</v>
      </c>
    </row>
    <row r="13949" spans="1:4" x14ac:dyDescent="0.4">
      <c r="A13949" s="1" t="s">
        <v>12672</v>
      </c>
      <c r="B13949" t="s">
        <v>4451</v>
      </c>
      <c r="C13949" t="s">
        <v>11542</v>
      </c>
      <c r="D13949" t="s">
        <v>12674</v>
      </c>
    </row>
    <row r="13950" spans="1:4" x14ac:dyDescent="0.4">
      <c r="A13950" s="1" t="s">
        <v>12672</v>
      </c>
      <c r="B13950" t="s">
        <v>4451</v>
      </c>
      <c r="C13950" t="s">
        <v>11542</v>
      </c>
      <c r="D13950" t="s">
        <v>12675</v>
      </c>
    </row>
    <row r="13951" spans="1:4" x14ac:dyDescent="0.4">
      <c r="A13951" s="1" t="s">
        <v>12672</v>
      </c>
      <c r="B13951" t="s">
        <v>4451</v>
      </c>
      <c r="C13951" t="s">
        <v>11542</v>
      </c>
      <c r="D13951" t="s">
        <v>12676</v>
      </c>
    </row>
    <row r="13952" spans="1:4" x14ac:dyDescent="0.4">
      <c r="A13952" s="1" t="s">
        <v>12672</v>
      </c>
      <c r="B13952" t="s">
        <v>4451</v>
      </c>
      <c r="C13952" t="s">
        <v>11542</v>
      </c>
      <c r="D13952" t="s">
        <v>12677</v>
      </c>
    </row>
    <row r="13953" spans="1:4" x14ac:dyDescent="0.4">
      <c r="A13953" s="1" t="s">
        <v>12672</v>
      </c>
      <c r="B13953" t="s">
        <v>4451</v>
      </c>
      <c r="C13953" t="s">
        <v>11542</v>
      </c>
      <c r="D13953" t="s">
        <v>12678</v>
      </c>
    </row>
    <row r="13954" spans="1:4" x14ac:dyDescent="0.4">
      <c r="A13954" s="1" t="s">
        <v>12672</v>
      </c>
      <c r="B13954" t="s">
        <v>4451</v>
      </c>
      <c r="C13954" t="s">
        <v>11542</v>
      </c>
      <c r="D13954" t="s">
        <v>12679</v>
      </c>
    </row>
    <row r="13955" spans="1:4" x14ac:dyDescent="0.4">
      <c r="A13955" s="1" t="s">
        <v>12672</v>
      </c>
      <c r="B13955" t="s">
        <v>4451</v>
      </c>
      <c r="C13955" t="s">
        <v>11542</v>
      </c>
      <c r="D13955" t="s">
        <v>12680</v>
      </c>
    </row>
    <row r="13956" spans="1:4" x14ac:dyDescent="0.4">
      <c r="A13956" s="1" t="s">
        <v>12672</v>
      </c>
      <c r="B13956" t="s">
        <v>4451</v>
      </c>
      <c r="C13956" t="s">
        <v>11542</v>
      </c>
      <c r="D13956" t="s">
        <v>12681</v>
      </c>
    </row>
    <row r="13957" spans="1:4" x14ac:dyDescent="0.4">
      <c r="A13957" s="1" t="s">
        <v>12672</v>
      </c>
      <c r="B13957" t="s">
        <v>4451</v>
      </c>
      <c r="C13957" t="s">
        <v>11542</v>
      </c>
      <c r="D13957" t="s">
        <v>12682</v>
      </c>
    </row>
    <row r="13958" spans="1:4" x14ac:dyDescent="0.4">
      <c r="A13958" s="1" t="s">
        <v>12683</v>
      </c>
      <c r="B13958" t="s">
        <v>4451</v>
      </c>
      <c r="C13958" t="s">
        <v>11542</v>
      </c>
      <c r="D13958" t="s">
        <v>12684</v>
      </c>
    </row>
    <row r="13959" spans="1:4" x14ac:dyDescent="0.4">
      <c r="A13959" s="1" t="s">
        <v>12683</v>
      </c>
      <c r="B13959" t="s">
        <v>4451</v>
      </c>
      <c r="C13959" t="s">
        <v>11542</v>
      </c>
      <c r="D13959" t="s">
        <v>12685</v>
      </c>
    </row>
    <row r="13960" spans="1:4" x14ac:dyDescent="0.4">
      <c r="A13960" s="1" t="s">
        <v>12683</v>
      </c>
      <c r="B13960" t="s">
        <v>4451</v>
      </c>
      <c r="C13960" t="s">
        <v>11542</v>
      </c>
      <c r="D13960" t="s">
        <v>12686</v>
      </c>
    </row>
    <row r="13961" spans="1:4" x14ac:dyDescent="0.4">
      <c r="A13961" s="1" t="s">
        <v>12683</v>
      </c>
      <c r="B13961" t="s">
        <v>4451</v>
      </c>
      <c r="C13961" t="s">
        <v>11542</v>
      </c>
      <c r="D13961" t="s">
        <v>12687</v>
      </c>
    </row>
    <row r="13962" spans="1:4" x14ac:dyDescent="0.4">
      <c r="A13962" s="1" t="s">
        <v>12683</v>
      </c>
      <c r="B13962" t="s">
        <v>4451</v>
      </c>
      <c r="C13962" t="s">
        <v>11542</v>
      </c>
      <c r="D13962" t="s">
        <v>12688</v>
      </c>
    </row>
    <row r="13963" spans="1:4" x14ac:dyDescent="0.4">
      <c r="A13963" s="1" t="s">
        <v>12683</v>
      </c>
      <c r="B13963" t="s">
        <v>4451</v>
      </c>
      <c r="C13963" t="s">
        <v>11542</v>
      </c>
      <c r="D13963" t="s">
        <v>12689</v>
      </c>
    </row>
    <row r="13964" spans="1:4" x14ac:dyDescent="0.4">
      <c r="A13964" s="1" t="s">
        <v>12690</v>
      </c>
      <c r="B13964" t="s">
        <v>4451</v>
      </c>
      <c r="C13964" t="s">
        <v>11542</v>
      </c>
      <c r="D13964" t="s">
        <v>12691</v>
      </c>
    </row>
    <row r="13965" spans="1:4" x14ac:dyDescent="0.4">
      <c r="A13965" s="1" t="s">
        <v>12690</v>
      </c>
      <c r="B13965" t="s">
        <v>4451</v>
      </c>
      <c r="C13965" t="s">
        <v>11542</v>
      </c>
      <c r="D13965" t="s">
        <v>12692</v>
      </c>
    </row>
    <row r="13966" spans="1:4" x14ac:dyDescent="0.4">
      <c r="A13966" s="1" t="s">
        <v>12690</v>
      </c>
      <c r="B13966" t="s">
        <v>4451</v>
      </c>
      <c r="C13966" t="s">
        <v>11542</v>
      </c>
      <c r="D13966" t="s">
        <v>12693</v>
      </c>
    </row>
    <row r="13967" spans="1:4" x14ac:dyDescent="0.4">
      <c r="A13967" s="1" t="s">
        <v>12690</v>
      </c>
      <c r="B13967" t="s">
        <v>4451</v>
      </c>
      <c r="C13967" t="s">
        <v>11542</v>
      </c>
      <c r="D13967" t="s">
        <v>12694</v>
      </c>
    </row>
    <row r="13968" spans="1:4" x14ac:dyDescent="0.4">
      <c r="A13968" s="1" t="s">
        <v>12690</v>
      </c>
      <c r="B13968" t="s">
        <v>4451</v>
      </c>
      <c r="C13968" t="s">
        <v>11542</v>
      </c>
      <c r="D13968" t="s">
        <v>12695</v>
      </c>
    </row>
    <row r="13969" spans="1:4" x14ac:dyDescent="0.4">
      <c r="A13969" s="1" t="s">
        <v>12690</v>
      </c>
      <c r="B13969" t="s">
        <v>4451</v>
      </c>
      <c r="C13969" t="s">
        <v>11542</v>
      </c>
      <c r="D13969" t="s">
        <v>12696</v>
      </c>
    </row>
    <row r="13970" spans="1:4" x14ac:dyDescent="0.4">
      <c r="A13970" s="1" t="s">
        <v>12690</v>
      </c>
      <c r="B13970" t="s">
        <v>4451</v>
      </c>
      <c r="C13970" t="s">
        <v>11542</v>
      </c>
      <c r="D13970" t="s">
        <v>12697</v>
      </c>
    </row>
    <row r="13971" spans="1:4" x14ac:dyDescent="0.4">
      <c r="A13971" s="1" t="s">
        <v>12690</v>
      </c>
      <c r="B13971" t="s">
        <v>4451</v>
      </c>
      <c r="C13971" t="s">
        <v>11542</v>
      </c>
      <c r="D13971" t="s">
        <v>12698</v>
      </c>
    </row>
    <row r="13972" spans="1:4" x14ac:dyDescent="0.4">
      <c r="A13972" s="1" t="s">
        <v>12699</v>
      </c>
      <c r="B13972" t="s">
        <v>4451</v>
      </c>
      <c r="C13972" t="s">
        <v>11542</v>
      </c>
      <c r="D13972" t="s">
        <v>12700</v>
      </c>
    </row>
    <row r="13973" spans="1:4" x14ac:dyDescent="0.4">
      <c r="A13973" s="1" t="s">
        <v>12701</v>
      </c>
      <c r="B13973" t="s">
        <v>4451</v>
      </c>
      <c r="C13973" t="s">
        <v>12702</v>
      </c>
    </row>
    <row r="13974" spans="1:4" x14ac:dyDescent="0.4">
      <c r="A13974" s="1" t="s">
        <v>12703</v>
      </c>
      <c r="B13974" t="s">
        <v>4451</v>
      </c>
      <c r="C13974" t="s">
        <v>12702</v>
      </c>
      <c r="D13974" t="s">
        <v>12704</v>
      </c>
    </row>
    <row r="13975" spans="1:4" x14ac:dyDescent="0.4">
      <c r="A13975" s="1" t="s">
        <v>12705</v>
      </c>
      <c r="B13975" t="s">
        <v>4451</v>
      </c>
      <c r="C13975" t="s">
        <v>12702</v>
      </c>
      <c r="D13975" t="s">
        <v>12373</v>
      </c>
    </row>
    <row r="13976" spans="1:4" x14ac:dyDescent="0.4">
      <c r="A13976" s="1" t="s">
        <v>12706</v>
      </c>
      <c r="B13976" t="s">
        <v>4451</v>
      </c>
      <c r="C13976" t="s">
        <v>12702</v>
      </c>
      <c r="D13976" t="s">
        <v>12707</v>
      </c>
    </row>
    <row r="13977" spans="1:4" x14ac:dyDescent="0.4">
      <c r="A13977" s="1" t="s">
        <v>12708</v>
      </c>
      <c r="B13977" t="s">
        <v>4451</v>
      </c>
      <c r="C13977" t="s">
        <v>12702</v>
      </c>
      <c r="D13977" t="s">
        <v>12709</v>
      </c>
    </row>
    <row r="13978" spans="1:4" x14ac:dyDescent="0.4">
      <c r="A13978" s="1" t="s">
        <v>12710</v>
      </c>
      <c r="B13978" t="s">
        <v>4451</v>
      </c>
      <c r="C13978" t="s">
        <v>12702</v>
      </c>
      <c r="D13978" t="s">
        <v>12711</v>
      </c>
    </row>
    <row r="13979" spans="1:4" x14ac:dyDescent="0.4">
      <c r="A13979" s="1" t="s">
        <v>12712</v>
      </c>
      <c r="B13979" t="s">
        <v>4451</v>
      </c>
      <c r="C13979" t="s">
        <v>12702</v>
      </c>
      <c r="D13979" t="s">
        <v>12713</v>
      </c>
    </row>
    <row r="13980" spans="1:4" x14ac:dyDescent="0.4">
      <c r="A13980" s="1" t="s">
        <v>12714</v>
      </c>
      <c r="B13980" t="s">
        <v>4451</v>
      </c>
      <c r="C13980" t="s">
        <v>12702</v>
      </c>
      <c r="D13980" t="s">
        <v>793</v>
      </c>
    </row>
    <row r="13981" spans="1:4" x14ac:dyDescent="0.4">
      <c r="A13981" s="1" t="s">
        <v>12715</v>
      </c>
      <c r="B13981" t="s">
        <v>4451</v>
      </c>
      <c r="C13981" t="s">
        <v>12702</v>
      </c>
      <c r="D13981" t="s">
        <v>12716</v>
      </c>
    </row>
    <row r="13982" spans="1:4" x14ac:dyDescent="0.4">
      <c r="A13982" s="1" t="s">
        <v>12717</v>
      </c>
      <c r="B13982" t="s">
        <v>4451</v>
      </c>
      <c r="C13982" t="s">
        <v>12702</v>
      </c>
      <c r="D13982" t="s">
        <v>12718</v>
      </c>
    </row>
    <row r="13983" spans="1:4" x14ac:dyDescent="0.4">
      <c r="A13983" s="1" t="s">
        <v>12719</v>
      </c>
      <c r="B13983" t="s">
        <v>4451</v>
      </c>
      <c r="C13983" t="s">
        <v>12702</v>
      </c>
      <c r="D13983" t="s">
        <v>12720</v>
      </c>
    </row>
    <row r="13984" spans="1:4" x14ac:dyDescent="0.4">
      <c r="A13984" s="1" t="s">
        <v>12721</v>
      </c>
      <c r="B13984" t="s">
        <v>4451</v>
      </c>
      <c r="C13984" t="s">
        <v>12702</v>
      </c>
      <c r="D13984" t="s">
        <v>12722</v>
      </c>
    </row>
    <row r="13985" spans="1:4" x14ac:dyDescent="0.4">
      <c r="A13985" s="1" t="s">
        <v>12723</v>
      </c>
      <c r="B13985" t="s">
        <v>4451</v>
      </c>
      <c r="C13985" t="s">
        <v>12702</v>
      </c>
      <c r="D13985" t="s">
        <v>3126</v>
      </c>
    </row>
    <row r="13986" spans="1:4" x14ac:dyDescent="0.4">
      <c r="A13986" s="1" t="s">
        <v>12724</v>
      </c>
      <c r="B13986" t="s">
        <v>4451</v>
      </c>
      <c r="C13986" t="s">
        <v>12702</v>
      </c>
      <c r="D13986" t="s">
        <v>194</v>
      </c>
    </row>
    <row r="13987" spans="1:4" x14ac:dyDescent="0.4">
      <c r="A13987" s="1" t="s">
        <v>12725</v>
      </c>
      <c r="B13987" t="s">
        <v>4451</v>
      </c>
      <c r="C13987" t="s">
        <v>12702</v>
      </c>
      <c r="D13987" t="s">
        <v>4606</v>
      </c>
    </row>
    <row r="13988" spans="1:4" x14ac:dyDescent="0.4">
      <c r="A13988" s="1" t="s">
        <v>12726</v>
      </c>
      <c r="B13988" t="s">
        <v>4451</v>
      </c>
      <c r="C13988" t="s">
        <v>12702</v>
      </c>
      <c r="D13988" t="s">
        <v>5408</v>
      </c>
    </row>
    <row r="13989" spans="1:4" x14ac:dyDescent="0.4">
      <c r="A13989" s="1" t="s">
        <v>12727</v>
      </c>
      <c r="B13989" t="s">
        <v>4451</v>
      </c>
      <c r="C13989" t="s">
        <v>12702</v>
      </c>
      <c r="D13989" t="s">
        <v>4165</v>
      </c>
    </row>
    <row r="13990" spans="1:4" x14ac:dyDescent="0.4">
      <c r="A13990" s="1" t="s">
        <v>12728</v>
      </c>
      <c r="B13990" t="s">
        <v>4451</v>
      </c>
      <c r="C13990" t="s">
        <v>12702</v>
      </c>
      <c r="D13990" t="s">
        <v>12729</v>
      </c>
    </row>
    <row r="13991" spans="1:4" x14ac:dyDescent="0.4">
      <c r="A13991" s="1" t="s">
        <v>12730</v>
      </c>
      <c r="B13991" t="s">
        <v>4451</v>
      </c>
      <c r="C13991" t="s">
        <v>12702</v>
      </c>
      <c r="D13991" t="s">
        <v>12731</v>
      </c>
    </row>
    <row r="13992" spans="1:4" x14ac:dyDescent="0.4">
      <c r="A13992" s="1" t="s">
        <v>12732</v>
      </c>
      <c r="B13992" t="s">
        <v>4451</v>
      </c>
      <c r="C13992" t="s">
        <v>12702</v>
      </c>
      <c r="D13992" t="s">
        <v>7304</v>
      </c>
    </row>
    <row r="13993" spans="1:4" x14ac:dyDescent="0.4">
      <c r="A13993" s="1" t="s">
        <v>12733</v>
      </c>
      <c r="B13993" t="s">
        <v>4451</v>
      </c>
      <c r="C13993" t="s">
        <v>12702</v>
      </c>
      <c r="D13993" t="s">
        <v>12734</v>
      </c>
    </row>
    <row r="13994" spans="1:4" x14ac:dyDescent="0.4">
      <c r="A13994" s="1" t="s">
        <v>12735</v>
      </c>
      <c r="B13994" t="s">
        <v>4451</v>
      </c>
      <c r="C13994" t="s">
        <v>12702</v>
      </c>
      <c r="D13994" t="s">
        <v>5137</v>
      </c>
    </row>
    <row r="13995" spans="1:4" x14ac:dyDescent="0.4">
      <c r="A13995" s="1" t="s">
        <v>12736</v>
      </c>
      <c r="B13995" t="s">
        <v>4451</v>
      </c>
      <c r="C13995" t="s">
        <v>12702</v>
      </c>
      <c r="D13995" t="s">
        <v>6767</v>
      </c>
    </row>
    <row r="13996" spans="1:4" x14ac:dyDescent="0.4">
      <c r="A13996" s="1" t="s">
        <v>12737</v>
      </c>
      <c r="B13996" t="s">
        <v>4451</v>
      </c>
      <c r="C13996" t="s">
        <v>12702</v>
      </c>
      <c r="D13996" t="s">
        <v>11000</v>
      </c>
    </row>
    <row r="13997" spans="1:4" x14ac:dyDescent="0.4">
      <c r="A13997" s="1" t="s">
        <v>12738</v>
      </c>
      <c r="B13997" t="s">
        <v>4451</v>
      </c>
      <c r="C13997" t="s">
        <v>12702</v>
      </c>
      <c r="D13997" t="s">
        <v>12739</v>
      </c>
    </row>
    <row r="13998" spans="1:4" x14ac:dyDescent="0.4">
      <c r="A13998" s="1" t="s">
        <v>12740</v>
      </c>
      <c r="B13998" t="s">
        <v>4451</v>
      </c>
      <c r="C13998" t="s">
        <v>12702</v>
      </c>
      <c r="D13998" t="s">
        <v>12741</v>
      </c>
    </row>
    <row r="13999" spans="1:4" x14ac:dyDescent="0.4">
      <c r="A13999" s="1" t="s">
        <v>12742</v>
      </c>
      <c r="B13999" t="s">
        <v>4451</v>
      </c>
      <c r="C13999" t="s">
        <v>12702</v>
      </c>
      <c r="D13999" t="s">
        <v>12743</v>
      </c>
    </row>
    <row r="14000" spans="1:4" x14ac:dyDescent="0.4">
      <c r="A14000" s="1" t="s">
        <v>12744</v>
      </c>
      <c r="B14000" t="s">
        <v>4451</v>
      </c>
      <c r="C14000" t="s">
        <v>12702</v>
      </c>
      <c r="D14000" t="s">
        <v>3728</v>
      </c>
    </row>
    <row r="14001" spans="1:4" x14ac:dyDescent="0.4">
      <c r="A14001" s="1" t="s">
        <v>12745</v>
      </c>
      <c r="B14001" t="s">
        <v>4451</v>
      </c>
      <c r="C14001" t="s">
        <v>12746</v>
      </c>
    </row>
    <row r="14002" spans="1:4" x14ac:dyDescent="0.4">
      <c r="A14002" s="1" t="s">
        <v>12747</v>
      </c>
      <c r="B14002" t="s">
        <v>4451</v>
      </c>
      <c r="C14002" t="s">
        <v>12746</v>
      </c>
      <c r="D14002" t="s">
        <v>12748</v>
      </c>
    </row>
    <row r="14003" spans="1:4" x14ac:dyDescent="0.4">
      <c r="A14003" s="1" t="s">
        <v>12749</v>
      </c>
      <c r="B14003" t="s">
        <v>4451</v>
      </c>
      <c r="C14003" t="s">
        <v>12746</v>
      </c>
      <c r="D14003" t="s">
        <v>12750</v>
      </c>
    </row>
    <row r="14004" spans="1:4" x14ac:dyDescent="0.4">
      <c r="A14004" s="1" t="s">
        <v>12751</v>
      </c>
      <c r="B14004" t="s">
        <v>4451</v>
      </c>
      <c r="C14004" t="s">
        <v>12746</v>
      </c>
      <c r="D14004" t="s">
        <v>7486</v>
      </c>
    </row>
    <row r="14005" spans="1:4" x14ac:dyDescent="0.4">
      <c r="A14005" s="1" t="s">
        <v>12752</v>
      </c>
      <c r="B14005" t="s">
        <v>4451</v>
      </c>
      <c r="C14005" t="s">
        <v>12746</v>
      </c>
      <c r="D14005" t="s">
        <v>12753</v>
      </c>
    </row>
    <row r="14006" spans="1:4" x14ac:dyDescent="0.4">
      <c r="A14006" s="1" t="s">
        <v>12754</v>
      </c>
      <c r="B14006" t="s">
        <v>4451</v>
      </c>
      <c r="C14006" t="s">
        <v>12746</v>
      </c>
      <c r="D14006" t="s">
        <v>12755</v>
      </c>
    </row>
    <row r="14007" spans="1:4" x14ac:dyDescent="0.4">
      <c r="A14007" s="1" t="s">
        <v>12756</v>
      </c>
      <c r="B14007" t="s">
        <v>4451</v>
      </c>
      <c r="C14007" t="s">
        <v>12746</v>
      </c>
      <c r="D14007" t="s">
        <v>12757</v>
      </c>
    </row>
    <row r="14008" spans="1:4" x14ac:dyDescent="0.4">
      <c r="A14008" s="1" t="s">
        <v>12758</v>
      </c>
      <c r="B14008" t="s">
        <v>4451</v>
      </c>
      <c r="C14008" t="s">
        <v>12746</v>
      </c>
      <c r="D14008" t="s">
        <v>12759</v>
      </c>
    </row>
    <row r="14009" spans="1:4" x14ac:dyDescent="0.4">
      <c r="A14009" s="1" t="s">
        <v>12760</v>
      </c>
      <c r="B14009" t="s">
        <v>4451</v>
      </c>
      <c r="C14009" t="s">
        <v>12746</v>
      </c>
      <c r="D14009" t="s">
        <v>12761</v>
      </c>
    </row>
    <row r="14010" spans="1:4" x14ac:dyDescent="0.4">
      <c r="A14010" s="1" t="s">
        <v>12762</v>
      </c>
      <c r="B14010" t="s">
        <v>4451</v>
      </c>
      <c r="C14010" t="s">
        <v>12746</v>
      </c>
      <c r="D14010" t="s">
        <v>12763</v>
      </c>
    </row>
    <row r="14011" spans="1:4" x14ac:dyDescent="0.4">
      <c r="A14011" s="1" t="s">
        <v>12764</v>
      </c>
      <c r="B14011" t="s">
        <v>4451</v>
      </c>
      <c r="C14011" t="s">
        <v>12746</v>
      </c>
      <c r="D14011" t="s">
        <v>406</v>
      </c>
    </row>
    <row r="14012" spans="1:4" x14ac:dyDescent="0.4">
      <c r="A14012" s="1" t="s">
        <v>12765</v>
      </c>
      <c r="B14012" t="s">
        <v>4451</v>
      </c>
      <c r="C14012" t="s">
        <v>12766</v>
      </c>
    </row>
    <row r="14013" spans="1:4" x14ac:dyDescent="0.4">
      <c r="A14013" s="1" t="s">
        <v>12767</v>
      </c>
      <c r="B14013" t="s">
        <v>4451</v>
      </c>
      <c r="C14013" t="s">
        <v>12766</v>
      </c>
      <c r="D14013" t="s">
        <v>12768</v>
      </c>
    </row>
    <row r="14014" spans="1:4" x14ac:dyDescent="0.4">
      <c r="A14014" s="1" t="s">
        <v>12769</v>
      </c>
      <c r="B14014" t="s">
        <v>4451</v>
      </c>
      <c r="C14014" t="s">
        <v>12766</v>
      </c>
      <c r="D14014" t="s">
        <v>12770</v>
      </c>
    </row>
    <row r="14015" spans="1:4" x14ac:dyDescent="0.4">
      <c r="A14015" s="1" t="s">
        <v>12771</v>
      </c>
      <c r="B14015" t="s">
        <v>4451</v>
      </c>
      <c r="C14015" t="s">
        <v>12766</v>
      </c>
      <c r="D14015" t="s">
        <v>12772</v>
      </c>
    </row>
    <row r="14016" spans="1:4" x14ac:dyDescent="0.4">
      <c r="A14016" s="1" t="s">
        <v>12773</v>
      </c>
      <c r="B14016" t="s">
        <v>4451</v>
      </c>
      <c r="C14016" t="s">
        <v>12766</v>
      </c>
      <c r="D14016" t="s">
        <v>2044</v>
      </c>
    </row>
    <row r="14017" spans="1:4" x14ac:dyDescent="0.4">
      <c r="A14017" s="1" t="s">
        <v>12774</v>
      </c>
      <c r="B14017" t="s">
        <v>4451</v>
      </c>
      <c r="C14017" t="s">
        <v>12766</v>
      </c>
      <c r="D14017" t="s">
        <v>12775</v>
      </c>
    </row>
    <row r="14018" spans="1:4" x14ac:dyDescent="0.4">
      <c r="A14018" s="1" t="s">
        <v>12776</v>
      </c>
      <c r="B14018" t="s">
        <v>4451</v>
      </c>
      <c r="C14018" t="s">
        <v>12766</v>
      </c>
      <c r="D14018" t="s">
        <v>460</v>
      </c>
    </row>
    <row r="14019" spans="1:4" x14ac:dyDescent="0.4">
      <c r="A14019" s="1" t="s">
        <v>12777</v>
      </c>
      <c r="B14019" t="s">
        <v>4451</v>
      </c>
      <c r="C14019" t="s">
        <v>12766</v>
      </c>
      <c r="D14019" t="s">
        <v>12778</v>
      </c>
    </row>
    <row r="14020" spans="1:4" x14ac:dyDescent="0.4">
      <c r="A14020" s="1" t="s">
        <v>12779</v>
      </c>
      <c r="B14020" t="s">
        <v>4451</v>
      </c>
      <c r="C14020" t="s">
        <v>12780</v>
      </c>
    </row>
    <row r="14021" spans="1:4" x14ac:dyDescent="0.4">
      <c r="A14021" s="1" t="s">
        <v>12781</v>
      </c>
      <c r="B14021" t="s">
        <v>4451</v>
      </c>
      <c r="C14021" t="s">
        <v>12780</v>
      </c>
      <c r="D14021" t="s">
        <v>12782</v>
      </c>
    </row>
    <row r="14022" spans="1:4" x14ac:dyDescent="0.4">
      <c r="A14022" s="1" t="s">
        <v>12783</v>
      </c>
      <c r="B14022" t="s">
        <v>4451</v>
      </c>
      <c r="C14022" t="s">
        <v>12780</v>
      </c>
      <c r="D14022" t="s">
        <v>544</v>
      </c>
    </row>
    <row r="14023" spans="1:4" x14ac:dyDescent="0.4">
      <c r="A14023" s="1" t="s">
        <v>12784</v>
      </c>
      <c r="B14023" t="s">
        <v>4451</v>
      </c>
      <c r="C14023" t="s">
        <v>12780</v>
      </c>
      <c r="D14023" t="s">
        <v>12785</v>
      </c>
    </row>
    <row r="14024" spans="1:4" x14ac:dyDescent="0.4">
      <c r="A14024" s="1" t="s">
        <v>12786</v>
      </c>
      <c r="B14024" t="s">
        <v>4451</v>
      </c>
      <c r="C14024" t="s">
        <v>12780</v>
      </c>
      <c r="D14024" t="s">
        <v>12787</v>
      </c>
    </row>
    <row r="14025" spans="1:4" x14ac:dyDescent="0.4">
      <c r="A14025" s="1" t="s">
        <v>12788</v>
      </c>
      <c r="B14025" t="s">
        <v>4451</v>
      </c>
      <c r="C14025" t="s">
        <v>12780</v>
      </c>
      <c r="D14025" t="s">
        <v>12789</v>
      </c>
    </row>
    <row r="14026" spans="1:4" x14ac:dyDescent="0.4">
      <c r="A14026" s="1" t="s">
        <v>12790</v>
      </c>
      <c r="B14026" t="s">
        <v>4451</v>
      </c>
      <c r="C14026" t="s">
        <v>12780</v>
      </c>
      <c r="D14026" t="s">
        <v>12791</v>
      </c>
    </row>
    <row r="14027" spans="1:4" x14ac:dyDescent="0.4">
      <c r="A14027" s="1" t="s">
        <v>12792</v>
      </c>
      <c r="B14027" t="s">
        <v>4451</v>
      </c>
      <c r="C14027" t="s">
        <v>12780</v>
      </c>
      <c r="D14027" t="s">
        <v>12793</v>
      </c>
    </row>
    <row r="14028" spans="1:4" x14ac:dyDescent="0.4">
      <c r="A14028" s="1" t="s">
        <v>12794</v>
      </c>
      <c r="B14028" t="s">
        <v>4451</v>
      </c>
      <c r="C14028" t="s">
        <v>12780</v>
      </c>
      <c r="D14028" t="s">
        <v>12795</v>
      </c>
    </row>
    <row r="14029" spans="1:4" x14ac:dyDescent="0.4">
      <c r="A14029" s="1" t="s">
        <v>12796</v>
      </c>
      <c r="B14029" t="s">
        <v>4451</v>
      </c>
      <c r="C14029" t="s">
        <v>12780</v>
      </c>
      <c r="D14029" t="s">
        <v>12797</v>
      </c>
    </row>
    <row r="14030" spans="1:4" x14ac:dyDescent="0.4">
      <c r="A14030" s="1" t="s">
        <v>12798</v>
      </c>
      <c r="B14030" t="s">
        <v>4451</v>
      </c>
      <c r="C14030" t="s">
        <v>12780</v>
      </c>
      <c r="D14030" t="s">
        <v>12799</v>
      </c>
    </row>
    <row r="14031" spans="1:4" x14ac:dyDescent="0.4">
      <c r="A14031" s="1" t="s">
        <v>12800</v>
      </c>
      <c r="B14031" t="s">
        <v>4451</v>
      </c>
      <c r="C14031" t="s">
        <v>12780</v>
      </c>
      <c r="D14031" t="s">
        <v>12801</v>
      </c>
    </row>
    <row r="14032" spans="1:4" x14ac:dyDescent="0.4">
      <c r="A14032" s="1" t="s">
        <v>12802</v>
      </c>
      <c r="B14032" t="s">
        <v>4451</v>
      </c>
      <c r="C14032" t="s">
        <v>12780</v>
      </c>
      <c r="D14032" t="s">
        <v>12803</v>
      </c>
    </row>
    <row r="14033" spans="1:4" x14ac:dyDescent="0.4">
      <c r="A14033" s="1" t="s">
        <v>12804</v>
      </c>
      <c r="B14033" t="s">
        <v>4451</v>
      </c>
      <c r="C14033" t="s">
        <v>12780</v>
      </c>
      <c r="D14033" t="s">
        <v>12805</v>
      </c>
    </row>
    <row r="14034" spans="1:4" x14ac:dyDescent="0.4">
      <c r="A14034" s="1" t="s">
        <v>12806</v>
      </c>
      <c r="B14034" t="s">
        <v>4451</v>
      </c>
      <c r="C14034" t="s">
        <v>12780</v>
      </c>
      <c r="D14034" t="s">
        <v>12807</v>
      </c>
    </row>
    <row r="14035" spans="1:4" x14ac:dyDescent="0.4">
      <c r="A14035" s="1" t="s">
        <v>12808</v>
      </c>
      <c r="B14035" t="s">
        <v>4451</v>
      </c>
      <c r="C14035" t="s">
        <v>12780</v>
      </c>
      <c r="D14035" t="s">
        <v>12809</v>
      </c>
    </row>
    <row r="14036" spans="1:4" x14ac:dyDescent="0.4">
      <c r="A14036" s="1" t="s">
        <v>12810</v>
      </c>
      <c r="B14036" t="s">
        <v>4451</v>
      </c>
      <c r="C14036" t="s">
        <v>12780</v>
      </c>
      <c r="D14036" t="s">
        <v>12811</v>
      </c>
    </row>
    <row r="14037" spans="1:4" x14ac:dyDescent="0.4">
      <c r="A14037" s="1" t="s">
        <v>12812</v>
      </c>
      <c r="B14037" t="s">
        <v>4451</v>
      </c>
      <c r="C14037" t="s">
        <v>12780</v>
      </c>
      <c r="D14037" t="s">
        <v>12813</v>
      </c>
    </row>
    <row r="14038" spans="1:4" x14ac:dyDescent="0.4">
      <c r="A14038" s="1" t="s">
        <v>12814</v>
      </c>
      <c r="B14038" t="s">
        <v>4451</v>
      </c>
      <c r="C14038" t="s">
        <v>12780</v>
      </c>
      <c r="D14038" t="s">
        <v>12815</v>
      </c>
    </row>
    <row r="14039" spans="1:4" x14ac:dyDescent="0.4">
      <c r="A14039" s="1" t="s">
        <v>12816</v>
      </c>
      <c r="B14039" t="s">
        <v>4451</v>
      </c>
      <c r="C14039" t="s">
        <v>12780</v>
      </c>
      <c r="D14039" t="s">
        <v>12817</v>
      </c>
    </row>
    <row r="14040" spans="1:4" x14ac:dyDescent="0.4">
      <c r="A14040" s="1" t="s">
        <v>12818</v>
      </c>
      <c r="B14040" t="s">
        <v>4451</v>
      </c>
      <c r="C14040" t="s">
        <v>12780</v>
      </c>
      <c r="D14040" t="s">
        <v>12819</v>
      </c>
    </row>
    <row r="14041" spans="1:4" x14ac:dyDescent="0.4">
      <c r="A14041" s="1" t="s">
        <v>12820</v>
      </c>
      <c r="B14041" t="s">
        <v>4451</v>
      </c>
      <c r="C14041" t="s">
        <v>12780</v>
      </c>
      <c r="D14041" t="s">
        <v>12821</v>
      </c>
    </row>
    <row r="14042" spans="1:4" x14ac:dyDescent="0.4">
      <c r="A14042" s="1" t="s">
        <v>12822</v>
      </c>
      <c r="B14042" t="s">
        <v>4451</v>
      </c>
      <c r="C14042" t="s">
        <v>12780</v>
      </c>
      <c r="D14042" t="s">
        <v>12823</v>
      </c>
    </row>
    <row r="14043" spans="1:4" x14ac:dyDescent="0.4">
      <c r="A14043" s="1" t="s">
        <v>12824</v>
      </c>
      <c r="B14043" t="s">
        <v>4451</v>
      </c>
      <c r="C14043" t="s">
        <v>12780</v>
      </c>
      <c r="D14043" t="s">
        <v>12825</v>
      </c>
    </row>
    <row r="14044" spans="1:4" x14ac:dyDescent="0.4">
      <c r="A14044" s="1" t="s">
        <v>12826</v>
      </c>
      <c r="B14044" t="s">
        <v>4451</v>
      </c>
      <c r="C14044" t="s">
        <v>12780</v>
      </c>
      <c r="D14044" t="s">
        <v>12827</v>
      </c>
    </row>
    <row r="14045" spans="1:4" x14ac:dyDescent="0.4">
      <c r="A14045" s="1" t="s">
        <v>12828</v>
      </c>
      <c r="B14045" t="s">
        <v>4451</v>
      </c>
      <c r="C14045" t="s">
        <v>12780</v>
      </c>
      <c r="D14045" t="s">
        <v>12829</v>
      </c>
    </row>
    <row r="14046" spans="1:4" x14ac:dyDescent="0.4">
      <c r="A14046" s="1" t="s">
        <v>12830</v>
      </c>
      <c r="B14046" t="s">
        <v>4451</v>
      </c>
      <c r="C14046" t="s">
        <v>12780</v>
      </c>
      <c r="D14046" t="s">
        <v>12831</v>
      </c>
    </row>
    <row r="14047" spans="1:4" x14ac:dyDescent="0.4">
      <c r="A14047" s="1" t="s">
        <v>12832</v>
      </c>
      <c r="B14047" t="s">
        <v>4451</v>
      </c>
      <c r="C14047" t="s">
        <v>12780</v>
      </c>
      <c r="D14047" t="s">
        <v>12833</v>
      </c>
    </row>
    <row r="14048" spans="1:4" x14ac:dyDescent="0.4">
      <c r="A14048" s="1" t="s">
        <v>12834</v>
      </c>
      <c r="B14048" t="s">
        <v>4451</v>
      </c>
      <c r="C14048" t="s">
        <v>12780</v>
      </c>
      <c r="D14048" t="s">
        <v>12835</v>
      </c>
    </row>
    <row r="14049" spans="1:4" x14ac:dyDescent="0.4">
      <c r="A14049" s="1" t="s">
        <v>12836</v>
      </c>
      <c r="B14049" t="s">
        <v>4451</v>
      </c>
      <c r="C14049" t="s">
        <v>12780</v>
      </c>
      <c r="D14049" t="s">
        <v>12837</v>
      </c>
    </row>
    <row r="14050" spans="1:4" x14ac:dyDescent="0.4">
      <c r="A14050" s="1" t="s">
        <v>12838</v>
      </c>
      <c r="B14050" t="s">
        <v>4451</v>
      </c>
      <c r="C14050" t="s">
        <v>12780</v>
      </c>
      <c r="D14050" t="s">
        <v>12839</v>
      </c>
    </row>
    <row r="14051" spans="1:4" x14ac:dyDescent="0.4">
      <c r="A14051" s="1" t="s">
        <v>12828</v>
      </c>
      <c r="B14051" t="s">
        <v>4451</v>
      </c>
      <c r="C14051" t="s">
        <v>12780</v>
      </c>
      <c r="D14051" t="s">
        <v>12840</v>
      </c>
    </row>
    <row r="14052" spans="1:4" x14ac:dyDescent="0.4">
      <c r="A14052" s="1" t="s">
        <v>12841</v>
      </c>
      <c r="B14052" t="s">
        <v>4451</v>
      </c>
      <c r="C14052" t="s">
        <v>12780</v>
      </c>
      <c r="D14052" t="s">
        <v>12842</v>
      </c>
    </row>
    <row r="14053" spans="1:4" x14ac:dyDescent="0.4">
      <c r="A14053" s="1" t="s">
        <v>12843</v>
      </c>
      <c r="B14053" t="s">
        <v>4451</v>
      </c>
      <c r="C14053" t="s">
        <v>12780</v>
      </c>
      <c r="D14053" t="s">
        <v>12844</v>
      </c>
    </row>
    <row r="14054" spans="1:4" x14ac:dyDescent="0.4">
      <c r="A14054" s="1" t="s">
        <v>12845</v>
      </c>
      <c r="B14054" t="s">
        <v>4451</v>
      </c>
      <c r="C14054" t="s">
        <v>12780</v>
      </c>
      <c r="D14054" t="s">
        <v>12846</v>
      </c>
    </row>
    <row r="14055" spans="1:4" x14ac:dyDescent="0.4">
      <c r="A14055" s="1" t="s">
        <v>12847</v>
      </c>
      <c r="B14055" t="s">
        <v>4451</v>
      </c>
      <c r="C14055" t="s">
        <v>12780</v>
      </c>
      <c r="D14055" t="s">
        <v>12848</v>
      </c>
    </row>
    <row r="14056" spans="1:4" x14ac:dyDescent="0.4">
      <c r="A14056" s="1" t="s">
        <v>12849</v>
      </c>
      <c r="B14056" t="s">
        <v>4451</v>
      </c>
      <c r="C14056" t="s">
        <v>12780</v>
      </c>
      <c r="D14056" t="s">
        <v>12850</v>
      </c>
    </row>
    <row r="14057" spans="1:4" x14ac:dyDescent="0.4">
      <c r="A14057" s="1" t="s">
        <v>12851</v>
      </c>
      <c r="B14057" t="s">
        <v>4451</v>
      </c>
      <c r="C14057" t="s">
        <v>12780</v>
      </c>
      <c r="D14057" t="s">
        <v>12852</v>
      </c>
    </row>
    <row r="14058" spans="1:4" x14ac:dyDescent="0.4">
      <c r="A14058" s="1" t="s">
        <v>12853</v>
      </c>
      <c r="B14058" t="s">
        <v>4451</v>
      </c>
      <c r="C14058" t="s">
        <v>12780</v>
      </c>
      <c r="D14058" t="s">
        <v>12854</v>
      </c>
    </row>
    <row r="14059" spans="1:4" x14ac:dyDescent="0.4">
      <c r="A14059" s="1" t="s">
        <v>12855</v>
      </c>
      <c r="B14059" t="s">
        <v>4451</v>
      </c>
      <c r="C14059" t="s">
        <v>12780</v>
      </c>
      <c r="D14059" t="s">
        <v>12856</v>
      </c>
    </row>
    <row r="14060" spans="1:4" x14ac:dyDescent="0.4">
      <c r="A14060" s="1" t="s">
        <v>12857</v>
      </c>
      <c r="B14060" t="s">
        <v>4451</v>
      </c>
      <c r="C14060" t="s">
        <v>12780</v>
      </c>
      <c r="D14060" t="s">
        <v>12858</v>
      </c>
    </row>
    <row r="14061" spans="1:4" x14ac:dyDescent="0.4">
      <c r="A14061" s="1" t="s">
        <v>12859</v>
      </c>
      <c r="B14061" t="s">
        <v>4451</v>
      </c>
      <c r="C14061" t="s">
        <v>12780</v>
      </c>
      <c r="D14061" t="s">
        <v>12860</v>
      </c>
    </row>
    <row r="14062" spans="1:4" x14ac:dyDescent="0.4">
      <c r="A14062" s="1" t="s">
        <v>12861</v>
      </c>
      <c r="B14062" t="s">
        <v>4451</v>
      </c>
      <c r="C14062" t="s">
        <v>12780</v>
      </c>
      <c r="D14062" t="s">
        <v>12862</v>
      </c>
    </row>
    <row r="14063" spans="1:4" x14ac:dyDescent="0.4">
      <c r="A14063" s="1" t="s">
        <v>12863</v>
      </c>
      <c r="B14063" t="s">
        <v>4451</v>
      </c>
      <c r="C14063" t="s">
        <v>12780</v>
      </c>
      <c r="D14063" t="s">
        <v>12864</v>
      </c>
    </row>
    <row r="14064" spans="1:4" x14ac:dyDescent="0.4">
      <c r="A14064" s="1" t="s">
        <v>12865</v>
      </c>
      <c r="B14064" t="s">
        <v>4451</v>
      </c>
      <c r="C14064" t="s">
        <v>12780</v>
      </c>
      <c r="D14064" t="s">
        <v>12866</v>
      </c>
    </row>
    <row r="14065" spans="1:4" x14ac:dyDescent="0.4">
      <c r="A14065" s="1" t="s">
        <v>12867</v>
      </c>
      <c r="B14065" t="s">
        <v>4451</v>
      </c>
      <c r="C14065" t="s">
        <v>12780</v>
      </c>
      <c r="D14065" t="s">
        <v>12868</v>
      </c>
    </row>
    <row r="14066" spans="1:4" x14ac:dyDescent="0.4">
      <c r="A14066" s="1" t="s">
        <v>12869</v>
      </c>
      <c r="B14066" t="s">
        <v>4451</v>
      </c>
      <c r="C14066" t="s">
        <v>12870</v>
      </c>
    </row>
    <row r="14067" spans="1:4" x14ac:dyDescent="0.4">
      <c r="A14067" s="1" t="s">
        <v>12871</v>
      </c>
      <c r="B14067" t="s">
        <v>4451</v>
      </c>
      <c r="C14067" t="s">
        <v>12870</v>
      </c>
      <c r="D14067" t="s">
        <v>12872</v>
      </c>
    </row>
    <row r="14068" spans="1:4" x14ac:dyDescent="0.4">
      <c r="A14068" s="1" t="s">
        <v>12873</v>
      </c>
      <c r="B14068" t="s">
        <v>4451</v>
      </c>
      <c r="C14068" t="s">
        <v>12870</v>
      </c>
      <c r="D14068" t="s">
        <v>12874</v>
      </c>
    </row>
    <row r="14069" spans="1:4" x14ac:dyDescent="0.4">
      <c r="A14069" s="1" t="s">
        <v>12875</v>
      </c>
      <c r="B14069" t="s">
        <v>4451</v>
      </c>
      <c r="C14069" t="s">
        <v>12870</v>
      </c>
      <c r="D14069" t="s">
        <v>367</v>
      </c>
    </row>
    <row r="14070" spans="1:4" x14ac:dyDescent="0.4">
      <c r="A14070" s="1" t="s">
        <v>12876</v>
      </c>
      <c r="B14070" t="s">
        <v>4451</v>
      </c>
      <c r="C14070" t="s">
        <v>12870</v>
      </c>
      <c r="D14070" t="s">
        <v>12877</v>
      </c>
    </row>
    <row r="14071" spans="1:4" x14ac:dyDescent="0.4">
      <c r="A14071" s="1" t="s">
        <v>12878</v>
      </c>
      <c r="B14071" t="s">
        <v>4451</v>
      </c>
      <c r="C14071" t="s">
        <v>12870</v>
      </c>
      <c r="D14071" t="s">
        <v>12879</v>
      </c>
    </row>
    <row r="14072" spans="1:4" x14ac:dyDescent="0.4">
      <c r="A14072" s="1" t="s">
        <v>12880</v>
      </c>
      <c r="B14072" t="s">
        <v>4451</v>
      </c>
      <c r="C14072" t="s">
        <v>12870</v>
      </c>
      <c r="D14072" t="s">
        <v>12881</v>
      </c>
    </row>
    <row r="14073" spans="1:4" x14ac:dyDescent="0.4">
      <c r="A14073" s="1" t="s">
        <v>12882</v>
      </c>
      <c r="B14073" t="s">
        <v>4451</v>
      </c>
      <c r="C14073" t="s">
        <v>12870</v>
      </c>
      <c r="D14073" t="s">
        <v>12883</v>
      </c>
    </row>
    <row r="14074" spans="1:4" x14ac:dyDescent="0.4">
      <c r="A14074" s="1" t="s">
        <v>12884</v>
      </c>
      <c r="B14074" t="s">
        <v>4451</v>
      </c>
      <c r="C14074" t="s">
        <v>12870</v>
      </c>
      <c r="D14074" t="s">
        <v>12885</v>
      </c>
    </row>
    <row r="14075" spans="1:4" x14ac:dyDescent="0.4">
      <c r="A14075" s="1" t="s">
        <v>12886</v>
      </c>
      <c r="B14075" t="s">
        <v>4451</v>
      </c>
      <c r="C14075" t="s">
        <v>12870</v>
      </c>
      <c r="D14075" t="s">
        <v>12887</v>
      </c>
    </row>
    <row r="14076" spans="1:4" x14ac:dyDescent="0.4">
      <c r="A14076" s="1" t="s">
        <v>12888</v>
      </c>
      <c r="B14076" t="s">
        <v>4451</v>
      </c>
      <c r="C14076" t="s">
        <v>12870</v>
      </c>
      <c r="D14076" t="s">
        <v>7539</v>
      </c>
    </row>
    <row r="14077" spans="1:4" x14ac:dyDescent="0.4">
      <c r="A14077" s="1" t="s">
        <v>12889</v>
      </c>
      <c r="B14077" t="s">
        <v>4451</v>
      </c>
      <c r="C14077" t="s">
        <v>12870</v>
      </c>
      <c r="D14077" t="s">
        <v>12890</v>
      </c>
    </row>
    <row r="14078" spans="1:4" x14ac:dyDescent="0.4">
      <c r="A14078" s="1" t="s">
        <v>12891</v>
      </c>
      <c r="B14078" t="s">
        <v>4451</v>
      </c>
      <c r="C14078" t="s">
        <v>12870</v>
      </c>
      <c r="D14078" t="s">
        <v>12892</v>
      </c>
    </row>
    <row r="14079" spans="1:4" x14ac:dyDescent="0.4">
      <c r="A14079" s="1" t="s">
        <v>12893</v>
      </c>
      <c r="B14079" t="s">
        <v>4451</v>
      </c>
      <c r="C14079" t="s">
        <v>12870</v>
      </c>
      <c r="D14079" t="s">
        <v>3416</v>
      </c>
    </row>
    <row r="14080" spans="1:4" x14ac:dyDescent="0.4">
      <c r="A14080" s="1" t="s">
        <v>12894</v>
      </c>
      <c r="B14080" t="s">
        <v>4451</v>
      </c>
      <c r="C14080" t="s">
        <v>12870</v>
      </c>
      <c r="D14080" t="s">
        <v>12895</v>
      </c>
    </row>
    <row r="14081" spans="1:4" x14ac:dyDescent="0.4">
      <c r="A14081" s="1" t="s">
        <v>12896</v>
      </c>
      <c r="B14081" t="s">
        <v>4451</v>
      </c>
      <c r="C14081" t="s">
        <v>12870</v>
      </c>
      <c r="D14081" t="s">
        <v>12897</v>
      </c>
    </row>
    <row r="14082" spans="1:4" x14ac:dyDescent="0.4">
      <c r="A14082" s="1" t="s">
        <v>12898</v>
      </c>
      <c r="B14082" t="s">
        <v>4451</v>
      </c>
      <c r="C14082" t="s">
        <v>12870</v>
      </c>
      <c r="D14082" t="s">
        <v>4264</v>
      </c>
    </row>
    <row r="14083" spans="1:4" x14ac:dyDescent="0.4">
      <c r="A14083" s="1" t="s">
        <v>12899</v>
      </c>
      <c r="B14083" t="s">
        <v>4451</v>
      </c>
      <c r="C14083" t="s">
        <v>12870</v>
      </c>
      <c r="D14083" t="s">
        <v>12900</v>
      </c>
    </row>
    <row r="14084" spans="1:4" x14ac:dyDescent="0.4">
      <c r="A14084" s="1" t="s">
        <v>12901</v>
      </c>
      <c r="B14084" t="s">
        <v>4451</v>
      </c>
      <c r="C14084" t="s">
        <v>12870</v>
      </c>
      <c r="D14084" t="s">
        <v>12902</v>
      </c>
    </row>
    <row r="14085" spans="1:4" x14ac:dyDescent="0.4">
      <c r="A14085" s="1" t="s">
        <v>12903</v>
      </c>
      <c r="B14085" t="s">
        <v>4451</v>
      </c>
      <c r="C14085" t="s">
        <v>12870</v>
      </c>
      <c r="D14085" t="s">
        <v>5602</v>
      </c>
    </row>
    <row r="14086" spans="1:4" x14ac:dyDescent="0.4">
      <c r="A14086" s="1" t="s">
        <v>12904</v>
      </c>
      <c r="B14086" t="s">
        <v>4451</v>
      </c>
      <c r="C14086" t="s">
        <v>12870</v>
      </c>
      <c r="D14086" t="s">
        <v>12905</v>
      </c>
    </row>
    <row r="14087" spans="1:4" x14ac:dyDescent="0.4">
      <c r="A14087" s="1" t="s">
        <v>12906</v>
      </c>
      <c r="B14087" t="s">
        <v>4451</v>
      </c>
      <c r="C14087" t="s">
        <v>12870</v>
      </c>
      <c r="D14087" t="s">
        <v>12907</v>
      </c>
    </row>
    <row r="14088" spans="1:4" x14ac:dyDescent="0.4">
      <c r="A14088" s="1" t="s">
        <v>12908</v>
      </c>
      <c r="B14088" t="s">
        <v>4451</v>
      </c>
      <c r="C14088" t="s">
        <v>12870</v>
      </c>
      <c r="D14088" t="s">
        <v>12909</v>
      </c>
    </row>
    <row r="14089" spans="1:4" x14ac:dyDescent="0.4">
      <c r="A14089" s="1" t="s">
        <v>12910</v>
      </c>
      <c r="B14089" t="s">
        <v>4451</v>
      </c>
      <c r="C14089" t="s">
        <v>12870</v>
      </c>
      <c r="D14089" t="s">
        <v>1775</v>
      </c>
    </row>
    <row r="14090" spans="1:4" x14ac:dyDescent="0.4">
      <c r="A14090" s="1" t="s">
        <v>12911</v>
      </c>
      <c r="B14090" t="s">
        <v>4451</v>
      </c>
      <c r="C14090" t="s">
        <v>12870</v>
      </c>
      <c r="D14090" t="s">
        <v>12912</v>
      </c>
    </row>
    <row r="14091" spans="1:4" x14ac:dyDescent="0.4">
      <c r="A14091" s="1" t="s">
        <v>12913</v>
      </c>
      <c r="B14091" t="s">
        <v>4451</v>
      </c>
      <c r="C14091" t="s">
        <v>12870</v>
      </c>
      <c r="D14091" t="s">
        <v>403</v>
      </c>
    </row>
    <row r="14092" spans="1:4" x14ac:dyDescent="0.4">
      <c r="A14092" s="1" t="s">
        <v>12914</v>
      </c>
      <c r="B14092" t="s">
        <v>4451</v>
      </c>
      <c r="C14092" t="s">
        <v>12870</v>
      </c>
      <c r="D14092" t="s">
        <v>12915</v>
      </c>
    </row>
    <row r="14093" spans="1:4" x14ac:dyDescent="0.4">
      <c r="A14093" s="1" t="s">
        <v>12916</v>
      </c>
      <c r="B14093" t="s">
        <v>4451</v>
      </c>
      <c r="C14093" t="s">
        <v>12870</v>
      </c>
      <c r="D14093" t="s">
        <v>12917</v>
      </c>
    </row>
    <row r="14094" spans="1:4" x14ac:dyDescent="0.4">
      <c r="A14094" s="1" t="s">
        <v>12918</v>
      </c>
      <c r="B14094" t="s">
        <v>4451</v>
      </c>
      <c r="C14094" t="s">
        <v>12870</v>
      </c>
      <c r="D14094" t="s">
        <v>12919</v>
      </c>
    </row>
    <row r="14095" spans="1:4" x14ac:dyDescent="0.4">
      <c r="A14095" s="1" t="s">
        <v>12920</v>
      </c>
      <c r="B14095" t="s">
        <v>4451</v>
      </c>
      <c r="C14095" t="s">
        <v>12870</v>
      </c>
      <c r="D14095" t="s">
        <v>12921</v>
      </c>
    </row>
    <row r="14096" spans="1:4" x14ac:dyDescent="0.4">
      <c r="A14096" s="1" t="s">
        <v>12922</v>
      </c>
      <c r="B14096" t="s">
        <v>4451</v>
      </c>
      <c r="C14096" t="s">
        <v>12870</v>
      </c>
      <c r="D14096" t="s">
        <v>12923</v>
      </c>
    </row>
    <row r="14097" spans="1:4" x14ac:dyDescent="0.4">
      <c r="A14097" s="1" t="s">
        <v>12924</v>
      </c>
      <c r="B14097" t="s">
        <v>4451</v>
      </c>
      <c r="C14097" t="s">
        <v>12870</v>
      </c>
      <c r="D14097" t="s">
        <v>12925</v>
      </c>
    </row>
    <row r="14098" spans="1:4" x14ac:dyDescent="0.4">
      <c r="A14098" s="1" t="s">
        <v>12926</v>
      </c>
      <c r="B14098" t="s">
        <v>4451</v>
      </c>
      <c r="C14098" t="s">
        <v>12870</v>
      </c>
      <c r="D14098" t="s">
        <v>12927</v>
      </c>
    </row>
    <row r="14099" spans="1:4" x14ac:dyDescent="0.4">
      <c r="A14099" s="1" t="s">
        <v>12928</v>
      </c>
      <c r="B14099" t="s">
        <v>4451</v>
      </c>
      <c r="C14099" t="s">
        <v>12929</v>
      </c>
    </row>
    <row r="14100" spans="1:4" x14ac:dyDescent="0.4">
      <c r="A14100" s="1" t="s">
        <v>12930</v>
      </c>
      <c r="B14100" t="s">
        <v>4451</v>
      </c>
      <c r="C14100" t="s">
        <v>12929</v>
      </c>
      <c r="D14100" t="s">
        <v>2074</v>
      </c>
    </row>
    <row r="14101" spans="1:4" x14ac:dyDescent="0.4">
      <c r="A14101" s="1" t="s">
        <v>12931</v>
      </c>
      <c r="B14101" t="s">
        <v>4451</v>
      </c>
      <c r="C14101" t="s">
        <v>12929</v>
      </c>
      <c r="D14101" t="s">
        <v>608</v>
      </c>
    </row>
    <row r="14102" spans="1:4" x14ac:dyDescent="0.4">
      <c r="A14102" s="1" t="s">
        <v>12932</v>
      </c>
      <c r="B14102" t="s">
        <v>4451</v>
      </c>
      <c r="C14102" t="s">
        <v>12929</v>
      </c>
      <c r="D14102" t="s">
        <v>12933</v>
      </c>
    </row>
    <row r="14103" spans="1:4" x14ac:dyDescent="0.4">
      <c r="A14103" s="1" t="s">
        <v>12934</v>
      </c>
      <c r="B14103" t="s">
        <v>4451</v>
      </c>
      <c r="C14103" t="s">
        <v>12929</v>
      </c>
      <c r="D14103" t="s">
        <v>12935</v>
      </c>
    </row>
    <row r="14104" spans="1:4" x14ac:dyDescent="0.4">
      <c r="A14104" s="1" t="s">
        <v>12936</v>
      </c>
      <c r="B14104" t="s">
        <v>4451</v>
      </c>
      <c r="C14104" t="s">
        <v>12929</v>
      </c>
      <c r="D14104" t="s">
        <v>12937</v>
      </c>
    </row>
    <row r="14105" spans="1:4" x14ac:dyDescent="0.4">
      <c r="A14105" s="1" t="s">
        <v>12938</v>
      </c>
      <c r="B14105" t="s">
        <v>4451</v>
      </c>
      <c r="C14105" t="s">
        <v>12929</v>
      </c>
      <c r="D14105" t="s">
        <v>12939</v>
      </c>
    </row>
    <row r="14106" spans="1:4" x14ac:dyDescent="0.4">
      <c r="A14106" s="1" t="s">
        <v>12940</v>
      </c>
      <c r="B14106" t="s">
        <v>4451</v>
      </c>
      <c r="C14106" t="s">
        <v>12929</v>
      </c>
      <c r="D14106" t="s">
        <v>12941</v>
      </c>
    </row>
    <row r="14107" spans="1:4" x14ac:dyDescent="0.4">
      <c r="A14107" s="1" t="s">
        <v>12942</v>
      </c>
      <c r="B14107" t="s">
        <v>4451</v>
      </c>
      <c r="C14107" t="s">
        <v>12929</v>
      </c>
      <c r="D14107" t="s">
        <v>12943</v>
      </c>
    </row>
    <row r="14108" spans="1:4" x14ac:dyDescent="0.4">
      <c r="A14108" s="1" t="s">
        <v>12944</v>
      </c>
      <c r="B14108" t="s">
        <v>4451</v>
      </c>
      <c r="C14108" t="s">
        <v>12929</v>
      </c>
      <c r="D14108" t="s">
        <v>12945</v>
      </c>
    </row>
    <row r="14109" spans="1:4" x14ac:dyDescent="0.4">
      <c r="A14109" s="1" t="s">
        <v>12946</v>
      </c>
      <c r="B14109" t="s">
        <v>4451</v>
      </c>
      <c r="C14109" t="s">
        <v>12929</v>
      </c>
      <c r="D14109" t="s">
        <v>12947</v>
      </c>
    </row>
    <row r="14110" spans="1:4" x14ac:dyDescent="0.4">
      <c r="A14110" s="1" t="s">
        <v>12948</v>
      </c>
      <c r="B14110" t="s">
        <v>4451</v>
      </c>
      <c r="C14110" t="s">
        <v>12929</v>
      </c>
      <c r="D14110" t="s">
        <v>1850</v>
      </c>
    </row>
    <row r="14111" spans="1:4" x14ac:dyDescent="0.4">
      <c r="A14111" s="1" t="s">
        <v>12949</v>
      </c>
      <c r="B14111" t="s">
        <v>4451</v>
      </c>
      <c r="C14111" t="s">
        <v>12929</v>
      </c>
      <c r="D14111" t="s">
        <v>12950</v>
      </c>
    </row>
    <row r="14112" spans="1:4" x14ac:dyDescent="0.4">
      <c r="A14112" s="1" t="s">
        <v>12951</v>
      </c>
      <c r="B14112" t="s">
        <v>4451</v>
      </c>
      <c r="C14112" t="s">
        <v>12929</v>
      </c>
      <c r="D14112" t="s">
        <v>12952</v>
      </c>
    </row>
    <row r="14113" spans="1:4" x14ac:dyDescent="0.4">
      <c r="A14113" s="1" t="s">
        <v>12953</v>
      </c>
      <c r="B14113" t="s">
        <v>4451</v>
      </c>
      <c r="C14113" t="s">
        <v>12929</v>
      </c>
      <c r="D14113" t="s">
        <v>12954</v>
      </c>
    </row>
    <row r="14114" spans="1:4" x14ac:dyDescent="0.4">
      <c r="A14114" s="1" t="s">
        <v>12955</v>
      </c>
      <c r="B14114" t="s">
        <v>4451</v>
      </c>
      <c r="C14114" t="s">
        <v>12929</v>
      </c>
      <c r="D14114" t="s">
        <v>12956</v>
      </c>
    </row>
    <row r="14115" spans="1:4" x14ac:dyDescent="0.4">
      <c r="A14115" s="1" t="s">
        <v>12957</v>
      </c>
      <c r="B14115" t="s">
        <v>4451</v>
      </c>
      <c r="C14115" t="s">
        <v>12929</v>
      </c>
      <c r="D14115" t="s">
        <v>12958</v>
      </c>
    </row>
    <row r="14116" spans="1:4" x14ac:dyDescent="0.4">
      <c r="A14116" s="1" t="s">
        <v>12959</v>
      </c>
      <c r="B14116" t="s">
        <v>4451</v>
      </c>
      <c r="C14116" t="s">
        <v>12929</v>
      </c>
      <c r="D14116" t="s">
        <v>12960</v>
      </c>
    </row>
    <row r="14117" spans="1:4" x14ac:dyDescent="0.4">
      <c r="A14117" s="1" t="s">
        <v>12961</v>
      </c>
      <c r="B14117" t="s">
        <v>4451</v>
      </c>
      <c r="C14117" t="s">
        <v>12929</v>
      </c>
      <c r="D14117" t="s">
        <v>12962</v>
      </c>
    </row>
    <row r="14118" spans="1:4" x14ac:dyDescent="0.4">
      <c r="A14118" s="1" t="s">
        <v>12963</v>
      </c>
      <c r="B14118" t="s">
        <v>4451</v>
      </c>
      <c r="C14118" t="s">
        <v>12929</v>
      </c>
      <c r="D14118" t="s">
        <v>12964</v>
      </c>
    </row>
    <row r="14119" spans="1:4" x14ac:dyDescent="0.4">
      <c r="A14119" s="1" t="s">
        <v>12965</v>
      </c>
      <c r="B14119" t="s">
        <v>4451</v>
      </c>
      <c r="C14119" t="s">
        <v>12929</v>
      </c>
      <c r="D14119" t="s">
        <v>12966</v>
      </c>
    </row>
    <row r="14120" spans="1:4" x14ac:dyDescent="0.4">
      <c r="A14120" s="1" t="s">
        <v>12967</v>
      </c>
      <c r="B14120" t="s">
        <v>4451</v>
      </c>
      <c r="C14120" t="s">
        <v>12929</v>
      </c>
      <c r="D14120" t="s">
        <v>12968</v>
      </c>
    </row>
    <row r="14121" spans="1:4" x14ac:dyDescent="0.4">
      <c r="A14121" s="1" t="s">
        <v>12969</v>
      </c>
      <c r="B14121" t="s">
        <v>4451</v>
      </c>
      <c r="C14121" t="s">
        <v>12929</v>
      </c>
      <c r="D14121" t="s">
        <v>12970</v>
      </c>
    </row>
    <row r="14122" spans="1:4" x14ac:dyDescent="0.4">
      <c r="A14122" s="1" t="s">
        <v>12971</v>
      </c>
      <c r="B14122" t="s">
        <v>4451</v>
      </c>
      <c r="C14122" t="s">
        <v>12929</v>
      </c>
      <c r="D14122" t="s">
        <v>12972</v>
      </c>
    </row>
    <row r="14123" spans="1:4" x14ac:dyDescent="0.4">
      <c r="A14123" s="1" t="s">
        <v>12973</v>
      </c>
      <c r="B14123" t="s">
        <v>4451</v>
      </c>
      <c r="C14123" t="s">
        <v>12974</v>
      </c>
    </row>
    <row r="14124" spans="1:4" x14ac:dyDescent="0.4">
      <c r="A14124" s="1" t="s">
        <v>12975</v>
      </c>
      <c r="B14124" t="s">
        <v>4451</v>
      </c>
      <c r="C14124" t="s">
        <v>12974</v>
      </c>
      <c r="D14124" t="s">
        <v>12976</v>
      </c>
    </row>
    <row r="14125" spans="1:4" x14ac:dyDescent="0.4">
      <c r="A14125" s="1" t="s">
        <v>12977</v>
      </c>
      <c r="B14125" t="s">
        <v>4451</v>
      </c>
      <c r="C14125" t="s">
        <v>12974</v>
      </c>
      <c r="D14125" t="s">
        <v>12978</v>
      </c>
    </row>
    <row r="14126" spans="1:4" x14ac:dyDescent="0.4">
      <c r="A14126" s="1" t="s">
        <v>12979</v>
      </c>
      <c r="B14126" t="s">
        <v>4451</v>
      </c>
      <c r="C14126" t="s">
        <v>12974</v>
      </c>
      <c r="D14126" t="s">
        <v>12980</v>
      </c>
    </row>
    <row r="14127" spans="1:4" x14ac:dyDescent="0.4">
      <c r="A14127" s="1" t="s">
        <v>12981</v>
      </c>
      <c r="B14127" t="s">
        <v>4451</v>
      </c>
      <c r="C14127" t="s">
        <v>12974</v>
      </c>
      <c r="D14127" t="s">
        <v>12982</v>
      </c>
    </row>
    <row r="14128" spans="1:4" x14ac:dyDescent="0.4">
      <c r="A14128" s="1" t="s">
        <v>12983</v>
      </c>
      <c r="B14128" t="s">
        <v>4451</v>
      </c>
      <c r="C14128" t="s">
        <v>12974</v>
      </c>
      <c r="D14128" t="s">
        <v>12984</v>
      </c>
    </row>
    <row r="14129" spans="1:4" x14ac:dyDescent="0.4">
      <c r="A14129" s="1" t="s">
        <v>12985</v>
      </c>
      <c r="B14129" t="s">
        <v>4451</v>
      </c>
      <c r="C14129" t="s">
        <v>12974</v>
      </c>
      <c r="D14129" t="s">
        <v>12986</v>
      </c>
    </row>
    <row r="14130" spans="1:4" x14ac:dyDescent="0.4">
      <c r="A14130" s="1" t="s">
        <v>12987</v>
      </c>
      <c r="B14130" t="s">
        <v>4451</v>
      </c>
      <c r="C14130" t="s">
        <v>12974</v>
      </c>
      <c r="D14130" t="s">
        <v>7316</v>
      </c>
    </row>
    <row r="14131" spans="1:4" x14ac:dyDescent="0.4">
      <c r="A14131" s="1" t="s">
        <v>12988</v>
      </c>
      <c r="B14131" t="s">
        <v>4451</v>
      </c>
      <c r="C14131" t="s">
        <v>12974</v>
      </c>
      <c r="D14131" t="s">
        <v>12989</v>
      </c>
    </row>
    <row r="14132" spans="1:4" x14ac:dyDescent="0.4">
      <c r="A14132" s="1" t="s">
        <v>12990</v>
      </c>
      <c r="B14132" t="s">
        <v>4451</v>
      </c>
      <c r="C14132" t="s">
        <v>12974</v>
      </c>
      <c r="D14132" t="s">
        <v>12991</v>
      </c>
    </row>
    <row r="14133" spans="1:4" x14ac:dyDescent="0.4">
      <c r="A14133" s="1" t="s">
        <v>12992</v>
      </c>
      <c r="B14133" t="s">
        <v>4451</v>
      </c>
      <c r="C14133" t="s">
        <v>12993</v>
      </c>
    </row>
    <row r="14134" spans="1:4" x14ac:dyDescent="0.4">
      <c r="A14134" s="1" t="s">
        <v>12994</v>
      </c>
      <c r="B14134" t="s">
        <v>4451</v>
      </c>
      <c r="C14134" t="s">
        <v>12993</v>
      </c>
      <c r="D14134" t="s">
        <v>12995</v>
      </c>
    </row>
    <row r="14135" spans="1:4" x14ac:dyDescent="0.4">
      <c r="A14135" s="1" t="s">
        <v>12996</v>
      </c>
      <c r="B14135" t="s">
        <v>4451</v>
      </c>
      <c r="C14135" t="s">
        <v>12993</v>
      </c>
      <c r="D14135" t="s">
        <v>12997</v>
      </c>
    </row>
    <row r="14136" spans="1:4" x14ac:dyDescent="0.4">
      <c r="A14136" s="1" t="s">
        <v>12998</v>
      </c>
      <c r="B14136" t="s">
        <v>4451</v>
      </c>
      <c r="C14136" t="s">
        <v>12993</v>
      </c>
      <c r="D14136" t="s">
        <v>12999</v>
      </c>
    </row>
    <row r="14137" spans="1:4" x14ac:dyDescent="0.4">
      <c r="A14137" s="1" t="s">
        <v>13000</v>
      </c>
      <c r="B14137" t="s">
        <v>4451</v>
      </c>
      <c r="C14137" t="s">
        <v>12993</v>
      </c>
      <c r="D14137" t="s">
        <v>13001</v>
      </c>
    </row>
    <row r="14138" spans="1:4" x14ac:dyDescent="0.4">
      <c r="A14138" s="1" t="s">
        <v>13002</v>
      </c>
      <c r="B14138" t="s">
        <v>4451</v>
      </c>
      <c r="C14138" t="s">
        <v>12993</v>
      </c>
      <c r="D14138" t="s">
        <v>13003</v>
      </c>
    </row>
    <row r="14139" spans="1:4" x14ac:dyDescent="0.4">
      <c r="A14139" s="1" t="s">
        <v>13004</v>
      </c>
      <c r="B14139" t="s">
        <v>4451</v>
      </c>
      <c r="C14139" t="s">
        <v>12993</v>
      </c>
      <c r="D14139" t="s">
        <v>13005</v>
      </c>
    </row>
    <row r="14140" spans="1:4" x14ac:dyDescent="0.4">
      <c r="A14140" s="1" t="s">
        <v>13006</v>
      </c>
      <c r="B14140" t="s">
        <v>4451</v>
      </c>
      <c r="C14140" t="s">
        <v>12993</v>
      </c>
      <c r="D14140" t="s">
        <v>13007</v>
      </c>
    </row>
    <row r="14141" spans="1:4" x14ac:dyDescent="0.4">
      <c r="A14141" s="1" t="s">
        <v>13008</v>
      </c>
      <c r="B14141" t="s">
        <v>4451</v>
      </c>
      <c r="C14141" t="s">
        <v>12993</v>
      </c>
      <c r="D14141" t="s">
        <v>13009</v>
      </c>
    </row>
    <row r="14142" spans="1:4" x14ac:dyDescent="0.4">
      <c r="A14142" s="1" t="s">
        <v>13010</v>
      </c>
      <c r="B14142" t="s">
        <v>4451</v>
      </c>
      <c r="C14142" t="s">
        <v>12993</v>
      </c>
      <c r="D14142" t="s">
        <v>13011</v>
      </c>
    </row>
    <row r="14143" spans="1:4" x14ac:dyDescent="0.4">
      <c r="A14143" s="1" t="s">
        <v>13012</v>
      </c>
      <c r="B14143" t="s">
        <v>4451</v>
      </c>
      <c r="C14143" t="s">
        <v>12993</v>
      </c>
      <c r="D14143" t="s">
        <v>13013</v>
      </c>
    </row>
    <row r="14144" spans="1:4" x14ac:dyDescent="0.4">
      <c r="A14144" s="1" t="s">
        <v>13014</v>
      </c>
      <c r="B14144" t="s">
        <v>4451</v>
      </c>
      <c r="C14144" t="s">
        <v>12993</v>
      </c>
      <c r="D14144" t="s">
        <v>910</v>
      </c>
    </row>
    <row r="14145" spans="1:4" x14ac:dyDescent="0.4">
      <c r="A14145" s="1" t="s">
        <v>13015</v>
      </c>
      <c r="B14145" t="s">
        <v>4451</v>
      </c>
      <c r="C14145" t="s">
        <v>12993</v>
      </c>
      <c r="D14145" t="s">
        <v>13016</v>
      </c>
    </row>
    <row r="14146" spans="1:4" x14ac:dyDescent="0.4">
      <c r="A14146" s="1" t="s">
        <v>13017</v>
      </c>
      <c r="B14146" t="s">
        <v>4451</v>
      </c>
      <c r="C14146" t="s">
        <v>12993</v>
      </c>
      <c r="D14146" t="s">
        <v>13018</v>
      </c>
    </row>
    <row r="14147" spans="1:4" x14ac:dyDescent="0.4">
      <c r="A14147" s="1" t="s">
        <v>13019</v>
      </c>
      <c r="B14147" t="s">
        <v>4451</v>
      </c>
      <c r="C14147" t="s">
        <v>12993</v>
      </c>
      <c r="D14147" t="s">
        <v>192</v>
      </c>
    </row>
    <row r="14148" spans="1:4" x14ac:dyDescent="0.4">
      <c r="A14148" s="1" t="s">
        <v>13020</v>
      </c>
      <c r="B14148" t="s">
        <v>4451</v>
      </c>
      <c r="C14148" t="s">
        <v>12993</v>
      </c>
      <c r="D14148" t="s">
        <v>13021</v>
      </c>
    </row>
    <row r="14149" spans="1:4" x14ac:dyDescent="0.4">
      <c r="A14149" s="1" t="s">
        <v>13022</v>
      </c>
      <c r="B14149" t="s">
        <v>4451</v>
      </c>
      <c r="C14149" t="s">
        <v>12993</v>
      </c>
      <c r="D14149" t="s">
        <v>13023</v>
      </c>
    </row>
    <row r="14150" spans="1:4" x14ac:dyDescent="0.4">
      <c r="A14150" s="1" t="s">
        <v>13024</v>
      </c>
      <c r="B14150" t="s">
        <v>4451</v>
      </c>
      <c r="C14150" t="s">
        <v>12993</v>
      </c>
      <c r="D14150" t="s">
        <v>13025</v>
      </c>
    </row>
    <row r="14151" spans="1:4" x14ac:dyDescent="0.4">
      <c r="A14151" s="1" t="s">
        <v>13026</v>
      </c>
      <c r="B14151" t="s">
        <v>4451</v>
      </c>
      <c r="C14151" t="s">
        <v>12993</v>
      </c>
      <c r="D14151" t="s">
        <v>13027</v>
      </c>
    </row>
    <row r="14152" spans="1:4" x14ac:dyDescent="0.4">
      <c r="A14152" s="1" t="s">
        <v>13028</v>
      </c>
      <c r="B14152" t="s">
        <v>4451</v>
      </c>
      <c r="C14152" t="s">
        <v>12993</v>
      </c>
      <c r="D14152" t="s">
        <v>7304</v>
      </c>
    </row>
    <row r="14153" spans="1:4" x14ac:dyDescent="0.4">
      <c r="A14153" s="1" t="s">
        <v>13029</v>
      </c>
      <c r="B14153" t="s">
        <v>4451</v>
      </c>
      <c r="C14153" t="s">
        <v>12993</v>
      </c>
      <c r="D14153" t="s">
        <v>13030</v>
      </c>
    </row>
    <row r="14154" spans="1:4" x14ac:dyDescent="0.4">
      <c r="A14154" s="1" t="s">
        <v>13031</v>
      </c>
      <c r="B14154" t="s">
        <v>4451</v>
      </c>
      <c r="C14154" t="s">
        <v>12993</v>
      </c>
      <c r="D14154" t="s">
        <v>13032</v>
      </c>
    </row>
    <row r="14155" spans="1:4" x14ac:dyDescent="0.4">
      <c r="A14155" s="1" t="s">
        <v>13033</v>
      </c>
      <c r="B14155" t="s">
        <v>4451</v>
      </c>
      <c r="C14155" t="s">
        <v>12993</v>
      </c>
      <c r="D14155" t="s">
        <v>3802</v>
      </c>
    </row>
    <row r="14156" spans="1:4" x14ac:dyDescent="0.4">
      <c r="A14156" s="1" t="s">
        <v>13034</v>
      </c>
      <c r="B14156" t="s">
        <v>4451</v>
      </c>
      <c r="C14156" t="s">
        <v>12993</v>
      </c>
      <c r="D14156" t="s">
        <v>13035</v>
      </c>
    </row>
    <row r="14157" spans="1:4" x14ac:dyDescent="0.4">
      <c r="A14157" s="1" t="s">
        <v>13036</v>
      </c>
      <c r="B14157" t="s">
        <v>4451</v>
      </c>
      <c r="C14157" t="s">
        <v>12993</v>
      </c>
      <c r="D14157" t="s">
        <v>13037</v>
      </c>
    </row>
    <row r="14158" spans="1:4" x14ac:dyDescent="0.4">
      <c r="A14158" s="1" t="s">
        <v>13038</v>
      </c>
      <c r="B14158" t="s">
        <v>4451</v>
      </c>
      <c r="C14158" t="s">
        <v>12993</v>
      </c>
      <c r="D14158" t="s">
        <v>7348</v>
      </c>
    </row>
    <row r="14159" spans="1:4" x14ac:dyDescent="0.4">
      <c r="A14159" s="1" t="s">
        <v>13039</v>
      </c>
      <c r="B14159" t="s">
        <v>4451</v>
      </c>
      <c r="C14159" t="s">
        <v>12993</v>
      </c>
      <c r="D14159" t="s">
        <v>13040</v>
      </c>
    </row>
    <row r="14160" spans="1:4" x14ac:dyDescent="0.4">
      <c r="A14160" s="1" t="s">
        <v>13041</v>
      </c>
      <c r="B14160" t="s">
        <v>4451</v>
      </c>
      <c r="C14160" t="s">
        <v>12993</v>
      </c>
      <c r="D14160" t="s">
        <v>13042</v>
      </c>
    </row>
    <row r="14161" spans="1:4" x14ac:dyDescent="0.4">
      <c r="A14161" s="1" t="s">
        <v>13043</v>
      </c>
      <c r="B14161" t="s">
        <v>4451</v>
      </c>
      <c r="C14161" t="s">
        <v>12993</v>
      </c>
      <c r="D14161" t="s">
        <v>1935</v>
      </c>
    </row>
    <row r="14162" spans="1:4" x14ac:dyDescent="0.4">
      <c r="A14162" s="1" t="s">
        <v>13044</v>
      </c>
      <c r="B14162" t="s">
        <v>4451</v>
      </c>
      <c r="C14162" t="s">
        <v>12993</v>
      </c>
      <c r="D14162" t="s">
        <v>13045</v>
      </c>
    </row>
    <row r="14163" spans="1:4" x14ac:dyDescent="0.4">
      <c r="A14163" s="1" t="s">
        <v>13046</v>
      </c>
      <c r="B14163" t="s">
        <v>4451</v>
      </c>
      <c r="C14163" t="s">
        <v>12993</v>
      </c>
      <c r="D14163" t="s">
        <v>761</v>
      </c>
    </row>
    <row r="14164" spans="1:4" x14ac:dyDescent="0.4">
      <c r="A14164" s="1" t="s">
        <v>13047</v>
      </c>
      <c r="B14164" t="s">
        <v>4451</v>
      </c>
      <c r="C14164" t="s">
        <v>13048</v>
      </c>
    </row>
    <row r="14165" spans="1:4" x14ac:dyDescent="0.4">
      <c r="A14165" s="1" t="s">
        <v>13049</v>
      </c>
      <c r="B14165" t="s">
        <v>4451</v>
      </c>
      <c r="C14165" t="s">
        <v>13048</v>
      </c>
      <c r="D14165" t="s">
        <v>13050</v>
      </c>
    </row>
    <row r="14166" spans="1:4" x14ac:dyDescent="0.4">
      <c r="A14166" s="1" t="s">
        <v>13051</v>
      </c>
      <c r="B14166" t="s">
        <v>4451</v>
      </c>
      <c r="C14166" t="s">
        <v>13048</v>
      </c>
      <c r="D14166" t="s">
        <v>13052</v>
      </c>
    </row>
    <row r="14167" spans="1:4" x14ac:dyDescent="0.4">
      <c r="A14167" s="1" t="s">
        <v>13053</v>
      </c>
      <c r="B14167" t="s">
        <v>4451</v>
      </c>
      <c r="C14167" t="s">
        <v>13048</v>
      </c>
      <c r="D14167" t="s">
        <v>13054</v>
      </c>
    </row>
    <row r="14168" spans="1:4" x14ac:dyDescent="0.4">
      <c r="A14168" s="1" t="s">
        <v>13055</v>
      </c>
      <c r="B14168" t="s">
        <v>4451</v>
      </c>
      <c r="C14168" t="s">
        <v>13048</v>
      </c>
      <c r="D14168" t="s">
        <v>13056</v>
      </c>
    </row>
    <row r="14169" spans="1:4" x14ac:dyDescent="0.4">
      <c r="A14169" s="1" t="s">
        <v>13057</v>
      </c>
      <c r="B14169" t="s">
        <v>4451</v>
      </c>
      <c r="C14169" t="s">
        <v>13048</v>
      </c>
      <c r="D14169" t="s">
        <v>4005</v>
      </c>
    </row>
    <row r="14170" spans="1:4" x14ac:dyDescent="0.4">
      <c r="A14170" s="1" t="s">
        <v>13058</v>
      </c>
      <c r="B14170" t="s">
        <v>4451</v>
      </c>
      <c r="C14170" t="s">
        <v>13048</v>
      </c>
      <c r="D14170" t="s">
        <v>13059</v>
      </c>
    </row>
    <row r="14171" spans="1:4" x14ac:dyDescent="0.4">
      <c r="A14171" s="1" t="s">
        <v>13060</v>
      </c>
      <c r="B14171" t="s">
        <v>4451</v>
      </c>
      <c r="C14171" t="s">
        <v>13048</v>
      </c>
      <c r="D14171" t="s">
        <v>680</v>
      </c>
    </row>
    <row r="14172" spans="1:4" x14ac:dyDescent="0.4">
      <c r="A14172" s="1" t="s">
        <v>13061</v>
      </c>
      <c r="B14172" t="s">
        <v>4451</v>
      </c>
      <c r="C14172" t="s">
        <v>13048</v>
      </c>
      <c r="D14172" t="s">
        <v>13062</v>
      </c>
    </row>
    <row r="14173" spans="1:4" x14ac:dyDescent="0.4">
      <c r="A14173" s="1" t="s">
        <v>13063</v>
      </c>
      <c r="B14173" t="s">
        <v>4451</v>
      </c>
      <c r="C14173" t="s">
        <v>13048</v>
      </c>
      <c r="D14173" t="s">
        <v>9198</v>
      </c>
    </row>
    <row r="14174" spans="1:4" x14ac:dyDescent="0.4">
      <c r="A14174" s="1" t="s">
        <v>13064</v>
      </c>
      <c r="B14174" t="s">
        <v>4451</v>
      </c>
      <c r="C14174" t="s">
        <v>13048</v>
      </c>
      <c r="D14174" t="s">
        <v>13065</v>
      </c>
    </row>
    <row r="14175" spans="1:4" x14ac:dyDescent="0.4">
      <c r="A14175" s="1" t="s">
        <v>13066</v>
      </c>
      <c r="B14175" t="s">
        <v>4451</v>
      </c>
      <c r="C14175" t="s">
        <v>13048</v>
      </c>
      <c r="D14175" t="s">
        <v>13067</v>
      </c>
    </row>
    <row r="14176" spans="1:4" x14ac:dyDescent="0.4">
      <c r="A14176" s="1" t="s">
        <v>13068</v>
      </c>
      <c r="B14176" t="s">
        <v>4451</v>
      </c>
      <c r="C14176" t="s">
        <v>13048</v>
      </c>
      <c r="D14176" t="s">
        <v>13069</v>
      </c>
    </row>
    <row r="14177" spans="1:4" x14ac:dyDescent="0.4">
      <c r="A14177" s="1" t="s">
        <v>13070</v>
      </c>
      <c r="B14177" t="s">
        <v>4451</v>
      </c>
      <c r="C14177" t="s">
        <v>13048</v>
      </c>
      <c r="D14177" t="s">
        <v>13071</v>
      </c>
    </row>
    <row r="14178" spans="1:4" x14ac:dyDescent="0.4">
      <c r="A14178" s="1" t="s">
        <v>13072</v>
      </c>
      <c r="B14178" t="s">
        <v>4451</v>
      </c>
      <c r="C14178" t="s">
        <v>13048</v>
      </c>
      <c r="D14178" t="s">
        <v>13073</v>
      </c>
    </row>
    <row r="14179" spans="1:4" x14ac:dyDescent="0.4">
      <c r="A14179" s="1" t="s">
        <v>13074</v>
      </c>
      <c r="B14179" t="s">
        <v>4451</v>
      </c>
      <c r="C14179" t="s">
        <v>13048</v>
      </c>
      <c r="D14179" t="s">
        <v>12968</v>
      </c>
    </row>
    <row r="14180" spans="1:4" x14ac:dyDescent="0.4">
      <c r="A14180" s="1" t="s">
        <v>13075</v>
      </c>
      <c r="B14180" t="s">
        <v>4451</v>
      </c>
      <c r="C14180" t="s">
        <v>13076</v>
      </c>
    </row>
    <row r="14181" spans="1:4" x14ac:dyDescent="0.4">
      <c r="A14181" s="1" t="s">
        <v>13077</v>
      </c>
      <c r="B14181" t="s">
        <v>4451</v>
      </c>
      <c r="C14181" t="s">
        <v>13076</v>
      </c>
      <c r="D14181" t="s">
        <v>767</v>
      </c>
    </row>
    <row r="14182" spans="1:4" x14ac:dyDescent="0.4">
      <c r="A14182" s="1" t="s">
        <v>13078</v>
      </c>
      <c r="B14182" t="s">
        <v>4451</v>
      </c>
      <c r="C14182" t="s">
        <v>13076</v>
      </c>
      <c r="D14182" t="s">
        <v>13079</v>
      </c>
    </row>
    <row r="14183" spans="1:4" x14ac:dyDescent="0.4">
      <c r="A14183" s="1" t="s">
        <v>13080</v>
      </c>
      <c r="B14183" t="s">
        <v>4451</v>
      </c>
      <c r="C14183" t="s">
        <v>13076</v>
      </c>
      <c r="D14183" t="s">
        <v>888</v>
      </c>
    </row>
    <row r="14184" spans="1:4" x14ac:dyDescent="0.4">
      <c r="A14184" s="1" t="s">
        <v>13081</v>
      </c>
      <c r="B14184" t="s">
        <v>4451</v>
      </c>
      <c r="C14184" t="s">
        <v>13076</v>
      </c>
      <c r="D14184" t="s">
        <v>13082</v>
      </c>
    </row>
    <row r="14185" spans="1:4" x14ac:dyDescent="0.4">
      <c r="A14185" s="1" t="s">
        <v>13083</v>
      </c>
      <c r="B14185" t="s">
        <v>4451</v>
      </c>
      <c r="C14185" t="s">
        <v>13076</v>
      </c>
      <c r="D14185" t="s">
        <v>7653</v>
      </c>
    </row>
    <row r="14186" spans="1:4" x14ac:dyDescent="0.4">
      <c r="A14186" s="1" t="s">
        <v>13084</v>
      </c>
      <c r="B14186" t="s">
        <v>4451</v>
      </c>
      <c r="C14186" t="s">
        <v>13076</v>
      </c>
      <c r="D14186" t="s">
        <v>8593</v>
      </c>
    </row>
    <row r="14187" spans="1:4" x14ac:dyDescent="0.4">
      <c r="A14187" s="1" t="s">
        <v>13085</v>
      </c>
      <c r="B14187" t="s">
        <v>4451</v>
      </c>
      <c r="C14187" t="s">
        <v>13076</v>
      </c>
      <c r="D14187" t="s">
        <v>13086</v>
      </c>
    </row>
    <row r="14188" spans="1:4" x14ac:dyDescent="0.4">
      <c r="A14188" s="1" t="s">
        <v>13087</v>
      </c>
      <c r="B14188" t="s">
        <v>4451</v>
      </c>
      <c r="C14188" t="s">
        <v>13076</v>
      </c>
      <c r="D14188" t="s">
        <v>13088</v>
      </c>
    </row>
    <row r="14189" spans="1:4" x14ac:dyDescent="0.4">
      <c r="A14189" s="1" t="s">
        <v>13089</v>
      </c>
      <c r="B14189" t="s">
        <v>4451</v>
      </c>
      <c r="C14189" t="s">
        <v>13076</v>
      </c>
      <c r="D14189" t="s">
        <v>13090</v>
      </c>
    </row>
    <row r="14190" spans="1:4" x14ac:dyDescent="0.4">
      <c r="A14190" s="1" t="s">
        <v>13091</v>
      </c>
      <c r="B14190" t="s">
        <v>4451</v>
      </c>
      <c r="C14190" t="s">
        <v>13076</v>
      </c>
      <c r="D14190" t="s">
        <v>13092</v>
      </c>
    </row>
    <row r="14191" spans="1:4" x14ac:dyDescent="0.4">
      <c r="A14191" s="1" t="s">
        <v>13093</v>
      </c>
      <c r="B14191" t="s">
        <v>4451</v>
      </c>
      <c r="C14191" t="s">
        <v>13076</v>
      </c>
      <c r="D14191" t="s">
        <v>13094</v>
      </c>
    </row>
    <row r="14192" spans="1:4" x14ac:dyDescent="0.4">
      <c r="A14192" s="1" t="s">
        <v>13095</v>
      </c>
      <c r="B14192" t="s">
        <v>4451</v>
      </c>
      <c r="C14192" t="s">
        <v>13076</v>
      </c>
      <c r="D14192" t="s">
        <v>13096</v>
      </c>
    </row>
    <row r="14193" spans="1:4" x14ac:dyDescent="0.4">
      <c r="A14193" s="1" t="s">
        <v>13097</v>
      </c>
      <c r="B14193" t="s">
        <v>4451</v>
      </c>
      <c r="C14193" t="s">
        <v>13076</v>
      </c>
      <c r="D14193" t="s">
        <v>13098</v>
      </c>
    </row>
    <row r="14194" spans="1:4" x14ac:dyDescent="0.4">
      <c r="A14194" s="1" t="s">
        <v>13099</v>
      </c>
      <c r="B14194" t="s">
        <v>4451</v>
      </c>
      <c r="C14194" t="s">
        <v>13076</v>
      </c>
      <c r="D14194" t="s">
        <v>13100</v>
      </c>
    </row>
    <row r="14195" spans="1:4" x14ac:dyDescent="0.4">
      <c r="A14195" s="1" t="s">
        <v>13101</v>
      </c>
      <c r="B14195" t="s">
        <v>4451</v>
      </c>
      <c r="C14195" t="s">
        <v>13076</v>
      </c>
      <c r="D14195" t="s">
        <v>13102</v>
      </c>
    </row>
    <row r="14196" spans="1:4" x14ac:dyDescent="0.4">
      <c r="A14196" s="1" t="s">
        <v>13103</v>
      </c>
      <c r="B14196" t="s">
        <v>4451</v>
      </c>
      <c r="C14196" t="s">
        <v>13076</v>
      </c>
      <c r="D14196" t="s">
        <v>13104</v>
      </c>
    </row>
    <row r="14197" spans="1:4" x14ac:dyDescent="0.4">
      <c r="A14197" s="1" t="s">
        <v>13105</v>
      </c>
      <c r="B14197" t="s">
        <v>4451</v>
      </c>
      <c r="C14197" t="s">
        <v>13076</v>
      </c>
      <c r="D14197" t="s">
        <v>3374</v>
      </c>
    </row>
    <row r="14198" spans="1:4" x14ac:dyDescent="0.4">
      <c r="A14198" s="1" t="s">
        <v>13106</v>
      </c>
      <c r="B14198" t="s">
        <v>4451</v>
      </c>
      <c r="C14198" t="s">
        <v>13076</v>
      </c>
      <c r="D14198" t="s">
        <v>13107</v>
      </c>
    </row>
    <row r="14199" spans="1:4" x14ac:dyDescent="0.4">
      <c r="A14199" s="1" t="s">
        <v>13108</v>
      </c>
      <c r="B14199" t="s">
        <v>4451</v>
      </c>
      <c r="C14199" t="s">
        <v>13076</v>
      </c>
      <c r="D14199" t="s">
        <v>13109</v>
      </c>
    </row>
    <row r="14200" spans="1:4" x14ac:dyDescent="0.4">
      <c r="A14200" s="1" t="s">
        <v>13110</v>
      </c>
      <c r="B14200" t="s">
        <v>4451</v>
      </c>
      <c r="C14200" t="s">
        <v>13111</v>
      </c>
    </row>
    <row r="14201" spans="1:4" x14ac:dyDescent="0.4">
      <c r="A14201" s="1" t="s">
        <v>13112</v>
      </c>
      <c r="B14201" t="s">
        <v>4451</v>
      </c>
      <c r="C14201" t="s">
        <v>13111</v>
      </c>
      <c r="D14201" t="s">
        <v>8625</v>
      </c>
    </row>
    <row r="14202" spans="1:4" x14ac:dyDescent="0.4">
      <c r="A14202" s="1" t="s">
        <v>13113</v>
      </c>
      <c r="B14202" t="s">
        <v>4451</v>
      </c>
      <c r="C14202" t="s">
        <v>13111</v>
      </c>
      <c r="D14202" t="s">
        <v>308</v>
      </c>
    </row>
    <row r="14203" spans="1:4" x14ac:dyDescent="0.4">
      <c r="A14203" s="1" t="s">
        <v>13114</v>
      </c>
      <c r="B14203" t="s">
        <v>4451</v>
      </c>
      <c r="C14203" t="s">
        <v>13111</v>
      </c>
      <c r="D14203" t="s">
        <v>13115</v>
      </c>
    </row>
    <row r="14204" spans="1:4" x14ac:dyDescent="0.4">
      <c r="A14204" s="1" t="s">
        <v>13116</v>
      </c>
      <c r="B14204" t="s">
        <v>4451</v>
      </c>
      <c r="C14204" t="s">
        <v>13111</v>
      </c>
      <c r="D14204" t="s">
        <v>13117</v>
      </c>
    </row>
    <row r="14205" spans="1:4" x14ac:dyDescent="0.4">
      <c r="A14205" s="1" t="s">
        <v>13118</v>
      </c>
      <c r="B14205" t="s">
        <v>4451</v>
      </c>
      <c r="C14205" t="s">
        <v>13111</v>
      </c>
      <c r="D14205" t="s">
        <v>13119</v>
      </c>
    </row>
    <row r="14206" spans="1:4" x14ac:dyDescent="0.4">
      <c r="A14206" s="1" t="s">
        <v>13120</v>
      </c>
      <c r="B14206" t="s">
        <v>4451</v>
      </c>
      <c r="C14206" t="s">
        <v>13111</v>
      </c>
      <c r="D14206" t="s">
        <v>140</v>
      </c>
    </row>
    <row r="14207" spans="1:4" x14ac:dyDescent="0.4">
      <c r="A14207" s="1" t="s">
        <v>13121</v>
      </c>
      <c r="B14207" t="s">
        <v>4451</v>
      </c>
      <c r="C14207" t="s">
        <v>13111</v>
      </c>
      <c r="D14207" t="s">
        <v>13122</v>
      </c>
    </row>
    <row r="14208" spans="1:4" x14ac:dyDescent="0.4">
      <c r="A14208" s="1" t="s">
        <v>13123</v>
      </c>
      <c r="B14208" t="s">
        <v>4451</v>
      </c>
      <c r="C14208" t="s">
        <v>13111</v>
      </c>
      <c r="D14208" t="s">
        <v>13124</v>
      </c>
    </row>
    <row r="14209" spans="1:4" x14ac:dyDescent="0.4">
      <c r="A14209" s="1" t="s">
        <v>13125</v>
      </c>
      <c r="B14209" t="s">
        <v>4451</v>
      </c>
      <c r="C14209" t="s">
        <v>13111</v>
      </c>
      <c r="D14209" t="s">
        <v>6912</v>
      </c>
    </row>
    <row r="14210" spans="1:4" x14ac:dyDescent="0.4">
      <c r="A14210" s="1" t="s">
        <v>13126</v>
      </c>
      <c r="B14210" t="s">
        <v>4451</v>
      </c>
      <c r="C14210" t="s">
        <v>13111</v>
      </c>
      <c r="D14210" t="s">
        <v>13127</v>
      </c>
    </row>
    <row r="14211" spans="1:4" x14ac:dyDescent="0.4">
      <c r="A14211" s="1" t="s">
        <v>13128</v>
      </c>
      <c r="B14211" t="s">
        <v>4451</v>
      </c>
      <c r="C14211" t="s">
        <v>13111</v>
      </c>
      <c r="D14211" t="s">
        <v>13129</v>
      </c>
    </row>
    <row r="14212" spans="1:4" x14ac:dyDescent="0.4">
      <c r="A14212" s="1" t="s">
        <v>13130</v>
      </c>
      <c r="B14212" t="s">
        <v>4451</v>
      </c>
      <c r="C14212" t="s">
        <v>13111</v>
      </c>
      <c r="D14212" t="s">
        <v>13131</v>
      </c>
    </row>
    <row r="14213" spans="1:4" x14ac:dyDescent="0.4">
      <c r="A14213" s="1" t="s">
        <v>13132</v>
      </c>
      <c r="B14213" t="s">
        <v>4451</v>
      </c>
      <c r="C14213" t="s">
        <v>13111</v>
      </c>
      <c r="D14213" t="s">
        <v>13133</v>
      </c>
    </row>
    <row r="14214" spans="1:4" x14ac:dyDescent="0.4">
      <c r="A14214" s="1" t="s">
        <v>13134</v>
      </c>
      <c r="B14214" t="s">
        <v>4451</v>
      </c>
      <c r="C14214" t="s">
        <v>13111</v>
      </c>
      <c r="D14214" t="s">
        <v>13135</v>
      </c>
    </row>
    <row r="14215" spans="1:4" x14ac:dyDescent="0.4">
      <c r="A14215" s="1" t="s">
        <v>13136</v>
      </c>
      <c r="B14215" t="s">
        <v>4451</v>
      </c>
      <c r="C14215" t="s">
        <v>13111</v>
      </c>
      <c r="D14215" t="s">
        <v>13137</v>
      </c>
    </row>
    <row r="14216" spans="1:4" x14ac:dyDescent="0.4">
      <c r="A14216" s="1" t="s">
        <v>13138</v>
      </c>
      <c r="B14216" t="s">
        <v>4451</v>
      </c>
      <c r="C14216" t="s">
        <v>13111</v>
      </c>
      <c r="D14216" t="s">
        <v>13139</v>
      </c>
    </row>
    <row r="14217" spans="1:4" x14ac:dyDescent="0.4">
      <c r="A14217" s="1" t="s">
        <v>13140</v>
      </c>
      <c r="B14217" t="s">
        <v>4451</v>
      </c>
      <c r="C14217" t="s">
        <v>13111</v>
      </c>
      <c r="D14217" t="s">
        <v>13141</v>
      </c>
    </row>
    <row r="14218" spans="1:4" x14ac:dyDescent="0.4">
      <c r="A14218" s="1" t="s">
        <v>13142</v>
      </c>
      <c r="B14218" t="s">
        <v>4451</v>
      </c>
      <c r="C14218" t="s">
        <v>13111</v>
      </c>
      <c r="D14218" t="s">
        <v>13143</v>
      </c>
    </row>
    <row r="14219" spans="1:4" x14ac:dyDescent="0.4">
      <c r="A14219" s="1" t="s">
        <v>13144</v>
      </c>
      <c r="B14219" t="s">
        <v>4451</v>
      </c>
      <c r="C14219" t="s">
        <v>13111</v>
      </c>
      <c r="D14219" t="s">
        <v>1852</v>
      </c>
    </row>
    <row r="14220" spans="1:4" x14ac:dyDescent="0.4">
      <c r="A14220" s="1" t="s">
        <v>13145</v>
      </c>
      <c r="B14220" t="s">
        <v>4451</v>
      </c>
      <c r="C14220" t="s">
        <v>13111</v>
      </c>
      <c r="D14220" t="s">
        <v>4213</v>
      </c>
    </row>
    <row r="14221" spans="1:4" x14ac:dyDescent="0.4">
      <c r="A14221" s="1" t="s">
        <v>13146</v>
      </c>
      <c r="B14221" t="s">
        <v>4451</v>
      </c>
      <c r="C14221" t="s">
        <v>13111</v>
      </c>
      <c r="D14221" t="s">
        <v>3773</v>
      </c>
    </row>
    <row r="14222" spans="1:4" x14ac:dyDescent="0.4">
      <c r="A14222" s="1" t="s">
        <v>13147</v>
      </c>
      <c r="B14222" t="s">
        <v>4451</v>
      </c>
      <c r="C14222" t="s">
        <v>13111</v>
      </c>
      <c r="D14222" t="s">
        <v>13148</v>
      </c>
    </row>
    <row r="14223" spans="1:4" x14ac:dyDescent="0.4">
      <c r="A14223" s="1" t="s">
        <v>13149</v>
      </c>
      <c r="B14223" t="s">
        <v>4451</v>
      </c>
      <c r="C14223" t="s">
        <v>13111</v>
      </c>
      <c r="D14223" t="s">
        <v>13150</v>
      </c>
    </row>
    <row r="14224" spans="1:4" x14ac:dyDescent="0.4">
      <c r="A14224" s="1" t="s">
        <v>13151</v>
      </c>
      <c r="B14224" t="s">
        <v>4451</v>
      </c>
      <c r="C14224" t="s">
        <v>13111</v>
      </c>
      <c r="D14224" t="s">
        <v>13152</v>
      </c>
    </row>
    <row r="14225" spans="1:4" x14ac:dyDescent="0.4">
      <c r="A14225" s="1" t="s">
        <v>13153</v>
      </c>
      <c r="B14225" t="s">
        <v>4451</v>
      </c>
      <c r="C14225" t="s">
        <v>13111</v>
      </c>
      <c r="D14225" t="s">
        <v>13154</v>
      </c>
    </row>
    <row r="14226" spans="1:4" x14ac:dyDescent="0.4">
      <c r="A14226" s="1" t="s">
        <v>13155</v>
      </c>
      <c r="B14226" t="s">
        <v>4451</v>
      </c>
      <c r="C14226" t="s">
        <v>13111</v>
      </c>
      <c r="D14226" t="s">
        <v>13156</v>
      </c>
    </row>
    <row r="14227" spans="1:4" x14ac:dyDescent="0.4">
      <c r="A14227" s="1" t="s">
        <v>13157</v>
      </c>
      <c r="B14227" t="s">
        <v>4451</v>
      </c>
      <c r="C14227" t="s">
        <v>13111</v>
      </c>
      <c r="D14227" t="s">
        <v>9240</v>
      </c>
    </row>
    <row r="14228" spans="1:4" x14ac:dyDescent="0.4">
      <c r="A14228" s="1" t="s">
        <v>13158</v>
      </c>
      <c r="B14228" t="s">
        <v>4451</v>
      </c>
      <c r="C14228" t="s">
        <v>13159</v>
      </c>
    </row>
    <row r="14229" spans="1:4" x14ac:dyDescent="0.4">
      <c r="A14229" s="1" t="s">
        <v>13160</v>
      </c>
      <c r="B14229" t="s">
        <v>4451</v>
      </c>
      <c r="C14229" t="s">
        <v>13159</v>
      </c>
      <c r="D14229" t="s">
        <v>13161</v>
      </c>
    </row>
    <row r="14230" spans="1:4" x14ac:dyDescent="0.4">
      <c r="A14230" s="1" t="s">
        <v>13162</v>
      </c>
      <c r="B14230" t="s">
        <v>4451</v>
      </c>
      <c r="C14230" t="s">
        <v>13159</v>
      </c>
      <c r="D14230" t="s">
        <v>1943</v>
      </c>
    </row>
    <row r="14231" spans="1:4" x14ac:dyDescent="0.4">
      <c r="A14231" s="1" t="s">
        <v>13163</v>
      </c>
      <c r="B14231" t="s">
        <v>4451</v>
      </c>
      <c r="C14231" t="s">
        <v>13159</v>
      </c>
      <c r="D14231" t="s">
        <v>13164</v>
      </c>
    </row>
    <row r="14232" spans="1:4" x14ac:dyDescent="0.4">
      <c r="A14232" s="1" t="s">
        <v>13165</v>
      </c>
      <c r="B14232" t="s">
        <v>4451</v>
      </c>
      <c r="C14232" t="s">
        <v>13159</v>
      </c>
      <c r="D14232" t="s">
        <v>13166</v>
      </c>
    </row>
    <row r="14233" spans="1:4" x14ac:dyDescent="0.4">
      <c r="A14233" s="1" t="s">
        <v>13167</v>
      </c>
      <c r="B14233" t="s">
        <v>4451</v>
      </c>
      <c r="C14233" t="s">
        <v>13159</v>
      </c>
      <c r="D14233" t="s">
        <v>13168</v>
      </c>
    </row>
    <row r="14234" spans="1:4" x14ac:dyDescent="0.4">
      <c r="A14234" s="1" t="s">
        <v>13169</v>
      </c>
      <c r="B14234" t="s">
        <v>4451</v>
      </c>
      <c r="C14234" t="s">
        <v>13159</v>
      </c>
      <c r="D14234" t="s">
        <v>13170</v>
      </c>
    </row>
    <row r="14235" spans="1:4" x14ac:dyDescent="0.4">
      <c r="A14235" s="1" t="s">
        <v>13171</v>
      </c>
      <c r="B14235" t="s">
        <v>4451</v>
      </c>
      <c r="C14235" t="s">
        <v>13159</v>
      </c>
      <c r="D14235" t="s">
        <v>1672</v>
      </c>
    </row>
    <row r="14236" spans="1:4" x14ac:dyDescent="0.4">
      <c r="A14236" s="1" t="s">
        <v>13172</v>
      </c>
      <c r="B14236" t="s">
        <v>4451</v>
      </c>
      <c r="C14236" t="s">
        <v>13159</v>
      </c>
      <c r="D14236" t="s">
        <v>13173</v>
      </c>
    </row>
    <row r="14237" spans="1:4" x14ac:dyDescent="0.4">
      <c r="A14237" s="1" t="s">
        <v>13174</v>
      </c>
      <c r="B14237" t="s">
        <v>4451</v>
      </c>
      <c r="C14237" t="s">
        <v>13159</v>
      </c>
      <c r="D14237" t="s">
        <v>13175</v>
      </c>
    </row>
    <row r="14238" spans="1:4" x14ac:dyDescent="0.4">
      <c r="A14238" s="1" t="s">
        <v>13176</v>
      </c>
      <c r="B14238" t="s">
        <v>4451</v>
      </c>
      <c r="C14238" t="s">
        <v>13159</v>
      </c>
      <c r="D14238" t="s">
        <v>13177</v>
      </c>
    </row>
    <row r="14239" spans="1:4" x14ac:dyDescent="0.4">
      <c r="A14239" s="1" t="s">
        <v>13178</v>
      </c>
      <c r="B14239" t="s">
        <v>4451</v>
      </c>
      <c r="C14239" t="s">
        <v>13159</v>
      </c>
      <c r="D14239" t="s">
        <v>13179</v>
      </c>
    </row>
    <row r="14240" spans="1:4" x14ac:dyDescent="0.4">
      <c r="A14240" s="1" t="s">
        <v>13180</v>
      </c>
      <c r="B14240" t="s">
        <v>4451</v>
      </c>
      <c r="C14240" t="s">
        <v>13159</v>
      </c>
      <c r="D14240" t="s">
        <v>13181</v>
      </c>
    </row>
    <row r="14241" spans="1:4" x14ac:dyDescent="0.4">
      <c r="A14241" s="1" t="s">
        <v>13182</v>
      </c>
      <c r="B14241" t="s">
        <v>4451</v>
      </c>
      <c r="C14241" t="s">
        <v>13159</v>
      </c>
      <c r="D14241" t="s">
        <v>194</v>
      </c>
    </row>
    <row r="14242" spans="1:4" x14ac:dyDescent="0.4">
      <c r="A14242" s="1" t="s">
        <v>13183</v>
      </c>
      <c r="B14242" t="s">
        <v>4451</v>
      </c>
      <c r="C14242" t="s">
        <v>13159</v>
      </c>
      <c r="D14242" t="s">
        <v>4664</v>
      </c>
    </row>
    <row r="14243" spans="1:4" x14ac:dyDescent="0.4">
      <c r="A14243" s="1" t="s">
        <v>13184</v>
      </c>
      <c r="B14243" t="s">
        <v>4451</v>
      </c>
      <c r="C14243" t="s">
        <v>13159</v>
      </c>
      <c r="D14243" t="s">
        <v>13185</v>
      </c>
    </row>
    <row r="14244" spans="1:4" x14ac:dyDescent="0.4">
      <c r="A14244" s="1" t="s">
        <v>13186</v>
      </c>
      <c r="B14244" t="s">
        <v>4451</v>
      </c>
      <c r="C14244" t="s">
        <v>13159</v>
      </c>
      <c r="D14244" t="s">
        <v>13187</v>
      </c>
    </row>
    <row r="14245" spans="1:4" x14ac:dyDescent="0.4">
      <c r="A14245" s="1" t="s">
        <v>13188</v>
      </c>
      <c r="B14245" t="s">
        <v>4451</v>
      </c>
      <c r="C14245" t="s">
        <v>13159</v>
      </c>
      <c r="D14245" t="s">
        <v>13189</v>
      </c>
    </row>
    <row r="14246" spans="1:4" x14ac:dyDescent="0.4">
      <c r="A14246" s="1" t="s">
        <v>13190</v>
      </c>
      <c r="B14246" t="s">
        <v>4451</v>
      </c>
      <c r="C14246" t="s">
        <v>13159</v>
      </c>
      <c r="D14246" t="s">
        <v>13191</v>
      </c>
    </row>
    <row r="14247" spans="1:4" x14ac:dyDescent="0.4">
      <c r="A14247" s="1" t="s">
        <v>13192</v>
      </c>
      <c r="B14247" t="s">
        <v>4451</v>
      </c>
      <c r="C14247" t="s">
        <v>13193</v>
      </c>
    </row>
    <row r="14248" spans="1:4" x14ac:dyDescent="0.4">
      <c r="A14248" s="1" t="s">
        <v>13194</v>
      </c>
      <c r="B14248" t="s">
        <v>4451</v>
      </c>
      <c r="C14248" t="s">
        <v>13193</v>
      </c>
      <c r="D14248" t="s">
        <v>13195</v>
      </c>
    </row>
    <row r="14249" spans="1:4" x14ac:dyDescent="0.4">
      <c r="A14249" s="1" t="s">
        <v>13196</v>
      </c>
      <c r="B14249" t="s">
        <v>4451</v>
      </c>
      <c r="C14249" t="s">
        <v>13193</v>
      </c>
      <c r="D14249" t="s">
        <v>1713</v>
      </c>
    </row>
    <row r="14250" spans="1:4" x14ac:dyDescent="0.4">
      <c r="A14250" s="1" t="s">
        <v>13197</v>
      </c>
      <c r="B14250" t="s">
        <v>4451</v>
      </c>
      <c r="C14250" t="s">
        <v>13193</v>
      </c>
      <c r="D14250" t="s">
        <v>13198</v>
      </c>
    </row>
    <row r="14251" spans="1:4" x14ac:dyDescent="0.4">
      <c r="A14251" s="1" t="s">
        <v>13199</v>
      </c>
      <c r="B14251" t="s">
        <v>4451</v>
      </c>
      <c r="C14251" t="s">
        <v>13193</v>
      </c>
      <c r="D14251" t="s">
        <v>13200</v>
      </c>
    </row>
    <row r="14252" spans="1:4" x14ac:dyDescent="0.4">
      <c r="A14252" s="1" t="s">
        <v>13201</v>
      </c>
      <c r="B14252" t="s">
        <v>4451</v>
      </c>
      <c r="C14252" t="s">
        <v>13193</v>
      </c>
      <c r="D14252" t="s">
        <v>13202</v>
      </c>
    </row>
    <row r="14253" spans="1:4" x14ac:dyDescent="0.4">
      <c r="A14253" s="1" t="s">
        <v>13203</v>
      </c>
      <c r="B14253" t="s">
        <v>4451</v>
      </c>
      <c r="C14253" t="s">
        <v>13193</v>
      </c>
      <c r="D14253" t="s">
        <v>13204</v>
      </c>
    </row>
    <row r="14254" spans="1:4" x14ac:dyDescent="0.4">
      <c r="A14254" s="1" t="s">
        <v>13205</v>
      </c>
      <c r="B14254" t="s">
        <v>4451</v>
      </c>
      <c r="C14254" t="s">
        <v>13193</v>
      </c>
      <c r="D14254" t="s">
        <v>13206</v>
      </c>
    </row>
    <row r="14255" spans="1:4" x14ac:dyDescent="0.4">
      <c r="A14255" s="1" t="s">
        <v>13207</v>
      </c>
      <c r="B14255" t="s">
        <v>4451</v>
      </c>
      <c r="C14255" t="s">
        <v>13193</v>
      </c>
      <c r="D14255" t="s">
        <v>13208</v>
      </c>
    </row>
    <row r="14256" spans="1:4" x14ac:dyDescent="0.4">
      <c r="A14256" s="1" t="s">
        <v>13209</v>
      </c>
      <c r="B14256" t="s">
        <v>4451</v>
      </c>
      <c r="C14256" t="s">
        <v>13193</v>
      </c>
      <c r="D14256" t="s">
        <v>13210</v>
      </c>
    </row>
    <row r="14257" spans="1:4" x14ac:dyDescent="0.4">
      <c r="A14257" s="1" t="s">
        <v>13211</v>
      </c>
      <c r="B14257" t="s">
        <v>4451</v>
      </c>
      <c r="C14257" t="s">
        <v>13193</v>
      </c>
      <c r="D14257" t="s">
        <v>13212</v>
      </c>
    </row>
    <row r="14258" spans="1:4" x14ac:dyDescent="0.4">
      <c r="A14258" s="1" t="s">
        <v>13213</v>
      </c>
      <c r="B14258" t="s">
        <v>4451</v>
      </c>
      <c r="C14258" t="s">
        <v>13193</v>
      </c>
      <c r="D14258" t="s">
        <v>13214</v>
      </c>
    </row>
    <row r="14259" spans="1:4" x14ac:dyDescent="0.4">
      <c r="A14259" s="1" t="s">
        <v>13215</v>
      </c>
      <c r="B14259" t="s">
        <v>4451</v>
      </c>
      <c r="C14259" t="s">
        <v>13193</v>
      </c>
      <c r="D14259" t="s">
        <v>13216</v>
      </c>
    </row>
    <row r="14260" spans="1:4" x14ac:dyDescent="0.4">
      <c r="A14260" s="1" t="s">
        <v>13217</v>
      </c>
      <c r="B14260" t="s">
        <v>4451</v>
      </c>
      <c r="C14260" t="s">
        <v>13193</v>
      </c>
      <c r="D14260" t="s">
        <v>13218</v>
      </c>
    </row>
    <row r="14261" spans="1:4" x14ac:dyDescent="0.4">
      <c r="A14261" s="1" t="s">
        <v>13219</v>
      </c>
      <c r="B14261" t="s">
        <v>4451</v>
      </c>
      <c r="C14261" t="s">
        <v>13193</v>
      </c>
      <c r="D14261" t="s">
        <v>13220</v>
      </c>
    </row>
    <row r="14262" spans="1:4" x14ac:dyDescent="0.4">
      <c r="A14262" s="1" t="s">
        <v>13221</v>
      </c>
      <c r="B14262" t="s">
        <v>4451</v>
      </c>
      <c r="C14262" t="s">
        <v>13193</v>
      </c>
      <c r="D14262" t="s">
        <v>13222</v>
      </c>
    </row>
    <row r="14263" spans="1:4" x14ac:dyDescent="0.4">
      <c r="A14263" s="1" t="s">
        <v>13223</v>
      </c>
      <c r="B14263" t="s">
        <v>4451</v>
      </c>
      <c r="C14263" t="s">
        <v>13193</v>
      </c>
      <c r="D14263" t="s">
        <v>13224</v>
      </c>
    </row>
    <row r="14264" spans="1:4" x14ac:dyDescent="0.4">
      <c r="A14264" s="1" t="s">
        <v>13225</v>
      </c>
      <c r="B14264" t="s">
        <v>4451</v>
      </c>
      <c r="C14264" t="s">
        <v>13193</v>
      </c>
      <c r="D14264" t="s">
        <v>13226</v>
      </c>
    </row>
    <row r="14265" spans="1:4" x14ac:dyDescent="0.4">
      <c r="A14265" s="1" t="s">
        <v>13227</v>
      </c>
      <c r="B14265" t="s">
        <v>4451</v>
      </c>
      <c r="C14265" t="s">
        <v>13193</v>
      </c>
      <c r="D14265" t="s">
        <v>13228</v>
      </c>
    </row>
    <row r="14266" spans="1:4" x14ac:dyDescent="0.4">
      <c r="A14266" s="1" t="s">
        <v>13229</v>
      </c>
      <c r="B14266" t="s">
        <v>4451</v>
      </c>
      <c r="C14266" t="s">
        <v>13193</v>
      </c>
      <c r="D14266" t="s">
        <v>13230</v>
      </c>
    </row>
    <row r="14267" spans="1:4" x14ac:dyDescent="0.4">
      <c r="A14267" s="1" t="s">
        <v>13231</v>
      </c>
      <c r="B14267" t="s">
        <v>4451</v>
      </c>
      <c r="C14267" t="s">
        <v>13193</v>
      </c>
      <c r="D14267" t="s">
        <v>13232</v>
      </c>
    </row>
    <row r="14268" spans="1:4" x14ac:dyDescent="0.4">
      <c r="A14268" s="1" t="s">
        <v>13233</v>
      </c>
      <c r="B14268" t="s">
        <v>4451</v>
      </c>
      <c r="C14268" t="s">
        <v>13193</v>
      </c>
      <c r="D14268" t="s">
        <v>13234</v>
      </c>
    </row>
    <row r="14269" spans="1:4" x14ac:dyDescent="0.4">
      <c r="A14269" s="1" t="s">
        <v>13235</v>
      </c>
      <c r="B14269" t="s">
        <v>4451</v>
      </c>
      <c r="C14269" t="s">
        <v>13193</v>
      </c>
      <c r="D14269" t="s">
        <v>13236</v>
      </c>
    </row>
    <row r="14270" spans="1:4" x14ac:dyDescent="0.4">
      <c r="A14270" s="1" t="s">
        <v>13237</v>
      </c>
      <c r="B14270" t="s">
        <v>4451</v>
      </c>
      <c r="C14270" t="s">
        <v>13193</v>
      </c>
      <c r="D14270" t="s">
        <v>13238</v>
      </c>
    </row>
    <row r="14271" spans="1:4" x14ac:dyDescent="0.4">
      <c r="A14271" s="1" t="s">
        <v>13239</v>
      </c>
      <c r="B14271" t="s">
        <v>4451</v>
      </c>
      <c r="C14271" t="s">
        <v>13193</v>
      </c>
      <c r="D14271" t="s">
        <v>13240</v>
      </c>
    </row>
    <row r="14272" spans="1:4" x14ac:dyDescent="0.4">
      <c r="A14272" s="1" t="s">
        <v>13241</v>
      </c>
      <c r="B14272" t="s">
        <v>4451</v>
      </c>
      <c r="C14272" t="s">
        <v>13193</v>
      </c>
      <c r="D14272" t="s">
        <v>13242</v>
      </c>
    </row>
    <row r="14273" spans="1:4" x14ac:dyDescent="0.4">
      <c r="A14273" s="1" t="s">
        <v>13243</v>
      </c>
      <c r="B14273" t="s">
        <v>4451</v>
      </c>
      <c r="C14273" t="s">
        <v>13193</v>
      </c>
      <c r="D14273" t="s">
        <v>13244</v>
      </c>
    </row>
    <row r="14274" spans="1:4" x14ac:dyDescent="0.4">
      <c r="A14274" s="1" t="s">
        <v>13245</v>
      </c>
      <c r="B14274" t="s">
        <v>4451</v>
      </c>
      <c r="C14274" t="s">
        <v>13193</v>
      </c>
      <c r="D14274" t="s">
        <v>3121</v>
      </c>
    </row>
    <row r="14275" spans="1:4" x14ac:dyDescent="0.4">
      <c r="A14275" s="1" t="s">
        <v>13246</v>
      </c>
      <c r="B14275" t="s">
        <v>4451</v>
      </c>
      <c r="C14275" t="s">
        <v>13193</v>
      </c>
      <c r="D14275" t="s">
        <v>12722</v>
      </c>
    </row>
    <row r="14276" spans="1:4" x14ac:dyDescent="0.4">
      <c r="A14276" s="1" t="s">
        <v>13247</v>
      </c>
      <c r="B14276" t="s">
        <v>4451</v>
      </c>
      <c r="C14276" t="s">
        <v>13193</v>
      </c>
      <c r="D14276" t="s">
        <v>13248</v>
      </c>
    </row>
    <row r="14277" spans="1:4" x14ac:dyDescent="0.4">
      <c r="A14277" s="1" t="s">
        <v>13249</v>
      </c>
      <c r="B14277" t="s">
        <v>4451</v>
      </c>
      <c r="C14277" t="s">
        <v>13193</v>
      </c>
      <c r="D14277" t="s">
        <v>2111</v>
      </c>
    </row>
    <row r="14278" spans="1:4" x14ac:dyDescent="0.4">
      <c r="A14278" s="1" t="s">
        <v>13250</v>
      </c>
      <c r="B14278" t="s">
        <v>4451</v>
      </c>
      <c r="C14278" t="s">
        <v>13193</v>
      </c>
      <c r="D14278" t="s">
        <v>12357</v>
      </c>
    </row>
    <row r="14279" spans="1:4" x14ac:dyDescent="0.4">
      <c r="A14279" s="1" t="s">
        <v>13251</v>
      </c>
      <c r="B14279" t="s">
        <v>4451</v>
      </c>
      <c r="C14279" t="s">
        <v>13193</v>
      </c>
      <c r="D14279" t="s">
        <v>191</v>
      </c>
    </row>
    <row r="14280" spans="1:4" x14ac:dyDescent="0.4">
      <c r="A14280" s="1" t="s">
        <v>13252</v>
      </c>
      <c r="B14280" t="s">
        <v>4451</v>
      </c>
      <c r="C14280" t="s">
        <v>13193</v>
      </c>
      <c r="D14280" t="s">
        <v>13253</v>
      </c>
    </row>
    <row r="14281" spans="1:4" x14ac:dyDescent="0.4">
      <c r="A14281" s="1" t="s">
        <v>13254</v>
      </c>
      <c r="B14281" t="s">
        <v>4451</v>
      </c>
      <c r="C14281" t="s">
        <v>13193</v>
      </c>
      <c r="D14281" t="s">
        <v>2067</v>
      </c>
    </row>
    <row r="14282" spans="1:4" x14ac:dyDescent="0.4">
      <c r="A14282" s="1" t="s">
        <v>13255</v>
      </c>
      <c r="B14282" t="s">
        <v>4451</v>
      </c>
      <c r="C14282" t="s">
        <v>13193</v>
      </c>
      <c r="D14282" t="s">
        <v>2520</v>
      </c>
    </row>
    <row r="14283" spans="1:4" x14ac:dyDescent="0.4">
      <c r="A14283" s="1" t="s">
        <v>13256</v>
      </c>
      <c r="B14283" t="s">
        <v>4451</v>
      </c>
      <c r="C14283" t="s">
        <v>13193</v>
      </c>
      <c r="D14283" t="s">
        <v>13257</v>
      </c>
    </row>
    <row r="14284" spans="1:4" x14ac:dyDescent="0.4">
      <c r="A14284" s="1" t="s">
        <v>13258</v>
      </c>
      <c r="B14284" t="s">
        <v>4451</v>
      </c>
      <c r="C14284" t="s">
        <v>13193</v>
      </c>
      <c r="D14284" t="s">
        <v>5195</v>
      </c>
    </row>
    <row r="14285" spans="1:4" x14ac:dyDescent="0.4">
      <c r="A14285" s="1" t="s">
        <v>13259</v>
      </c>
      <c r="B14285" t="s">
        <v>4451</v>
      </c>
      <c r="C14285" t="s">
        <v>13193</v>
      </c>
      <c r="D14285" t="s">
        <v>13260</v>
      </c>
    </row>
    <row r="14286" spans="1:4" x14ac:dyDescent="0.4">
      <c r="A14286" s="1" t="s">
        <v>13261</v>
      </c>
      <c r="B14286" t="s">
        <v>4451</v>
      </c>
      <c r="C14286" t="s">
        <v>13262</v>
      </c>
    </row>
    <row r="14287" spans="1:4" x14ac:dyDescent="0.4">
      <c r="A14287" s="1" t="s">
        <v>13263</v>
      </c>
      <c r="B14287" t="s">
        <v>4451</v>
      </c>
      <c r="C14287" t="s">
        <v>13262</v>
      </c>
      <c r="D14287" t="s">
        <v>5460</v>
      </c>
    </row>
    <row r="14288" spans="1:4" x14ac:dyDescent="0.4">
      <c r="A14288" s="1" t="s">
        <v>13264</v>
      </c>
      <c r="B14288" t="s">
        <v>4451</v>
      </c>
      <c r="C14288" t="s">
        <v>13262</v>
      </c>
      <c r="D14288" t="s">
        <v>13265</v>
      </c>
    </row>
    <row r="14289" spans="1:4" x14ac:dyDescent="0.4">
      <c r="A14289" s="1" t="s">
        <v>13266</v>
      </c>
      <c r="B14289" t="s">
        <v>4451</v>
      </c>
      <c r="C14289" t="s">
        <v>13262</v>
      </c>
      <c r="D14289" t="s">
        <v>13267</v>
      </c>
    </row>
    <row r="14290" spans="1:4" x14ac:dyDescent="0.4">
      <c r="A14290" s="1" t="s">
        <v>13268</v>
      </c>
      <c r="B14290" t="s">
        <v>4451</v>
      </c>
      <c r="C14290" t="s">
        <v>13262</v>
      </c>
      <c r="D14290" t="s">
        <v>13269</v>
      </c>
    </row>
    <row r="14291" spans="1:4" x14ac:dyDescent="0.4">
      <c r="A14291" s="1" t="s">
        <v>13270</v>
      </c>
      <c r="B14291" t="s">
        <v>4451</v>
      </c>
      <c r="C14291" t="s">
        <v>13262</v>
      </c>
      <c r="D14291" t="s">
        <v>13271</v>
      </c>
    </row>
    <row r="14292" spans="1:4" x14ac:dyDescent="0.4">
      <c r="A14292" s="1" t="s">
        <v>13272</v>
      </c>
      <c r="B14292" t="s">
        <v>4451</v>
      </c>
      <c r="C14292" t="s">
        <v>13262</v>
      </c>
      <c r="D14292" t="s">
        <v>13273</v>
      </c>
    </row>
    <row r="14293" spans="1:4" x14ac:dyDescent="0.4">
      <c r="A14293" s="1" t="s">
        <v>13274</v>
      </c>
      <c r="B14293" t="s">
        <v>4451</v>
      </c>
      <c r="C14293" t="s">
        <v>13262</v>
      </c>
      <c r="D14293" t="s">
        <v>13275</v>
      </c>
    </row>
    <row r="14294" spans="1:4" x14ac:dyDescent="0.4">
      <c r="A14294" s="1" t="s">
        <v>13276</v>
      </c>
      <c r="B14294" t="s">
        <v>4451</v>
      </c>
      <c r="C14294" t="s">
        <v>13262</v>
      </c>
      <c r="D14294" t="s">
        <v>13277</v>
      </c>
    </row>
    <row r="14295" spans="1:4" x14ac:dyDescent="0.4">
      <c r="A14295" s="1" t="s">
        <v>13278</v>
      </c>
      <c r="B14295" t="s">
        <v>4451</v>
      </c>
      <c r="C14295" t="s">
        <v>13262</v>
      </c>
      <c r="D14295" t="s">
        <v>13279</v>
      </c>
    </row>
    <row r="14296" spans="1:4" x14ac:dyDescent="0.4">
      <c r="A14296" s="1" t="s">
        <v>13280</v>
      </c>
      <c r="B14296" t="s">
        <v>4451</v>
      </c>
      <c r="C14296" t="s">
        <v>13262</v>
      </c>
      <c r="D14296" t="s">
        <v>544</v>
      </c>
    </row>
    <row r="14297" spans="1:4" x14ac:dyDescent="0.4">
      <c r="A14297" s="1" t="s">
        <v>13274</v>
      </c>
      <c r="B14297" t="s">
        <v>4451</v>
      </c>
      <c r="C14297" t="s">
        <v>13262</v>
      </c>
      <c r="D14297" t="s">
        <v>13281</v>
      </c>
    </row>
    <row r="14298" spans="1:4" x14ac:dyDescent="0.4">
      <c r="A14298" s="1" t="s">
        <v>13282</v>
      </c>
      <c r="B14298" t="s">
        <v>4451</v>
      </c>
      <c r="C14298" t="s">
        <v>13262</v>
      </c>
      <c r="D14298" t="s">
        <v>13283</v>
      </c>
    </row>
    <row r="14299" spans="1:4" x14ac:dyDescent="0.4">
      <c r="A14299" s="1" t="s">
        <v>13284</v>
      </c>
      <c r="B14299" t="s">
        <v>4451</v>
      </c>
      <c r="C14299" t="s">
        <v>13262</v>
      </c>
      <c r="D14299" t="s">
        <v>13285</v>
      </c>
    </row>
    <row r="14300" spans="1:4" x14ac:dyDescent="0.4">
      <c r="A14300" s="1" t="s">
        <v>13286</v>
      </c>
      <c r="B14300" t="s">
        <v>4451</v>
      </c>
      <c r="C14300" t="s">
        <v>13262</v>
      </c>
      <c r="D14300" t="s">
        <v>13287</v>
      </c>
    </row>
    <row r="14301" spans="1:4" x14ac:dyDescent="0.4">
      <c r="A14301" s="1" t="s">
        <v>13288</v>
      </c>
      <c r="B14301" t="s">
        <v>4451</v>
      </c>
      <c r="C14301" t="s">
        <v>13262</v>
      </c>
      <c r="D14301" t="s">
        <v>13289</v>
      </c>
    </row>
    <row r="14302" spans="1:4" x14ac:dyDescent="0.4">
      <c r="A14302" s="1" t="s">
        <v>13290</v>
      </c>
      <c r="B14302" t="s">
        <v>4451</v>
      </c>
      <c r="C14302" t="s">
        <v>13262</v>
      </c>
      <c r="D14302" t="s">
        <v>12039</v>
      </c>
    </row>
    <row r="14303" spans="1:4" x14ac:dyDescent="0.4">
      <c r="A14303" s="1" t="s">
        <v>13291</v>
      </c>
      <c r="B14303" t="s">
        <v>4451</v>
      </c>
      <c r="C14303" t="s">
        <v>13262</v>
      </c>
      <c r="D14303" t="s">
        <v>13292</v>
      </c>
    </row>
    <row r="14304" spans="1:4" x14ac:dyDescent="0.4">
      <c r="A14304" s="1" t="s">
        <v>13293</v>
      </c>
      <c r="B14304" t="s">
        <v>4451</v>
      </c>
      <c r="C14304" t="s">
        <v>13262</v>
      </c>
      <c r="D14304" t="s">
        <v>13294</v>
      </c>
    </row>
    <row r="14305" spans="1:4" x14ac:dyDescent="0.4">
      <c r="A14305" s="1" t="s">
        <v>13295</v>
      </c>
      <c r="B14305" t="s">
        <v>4451</v>
      </c>
      <c r="C14305" t="s">
        <v>13262</v>
      </c>
      <c r="D14305" t="s">
        <v>13296</v>
      </c>
    </row>
    <row r="14306" spans="1:4" x14ac:dyDescent="0.4">
      <c r="A14306" s="1" t="s">
        <v>13266</v>
      </c>
      <c r="B14306" t="s">
        <v>4451</v>
      </c>
      <c r="C14306" t="s">
        <v>13262</v>
      </c>
      <c r="D14306" t="s">
        <v>13297</v>
      </c>
    </row>
    <row r="14307" spans="1:4" x14ac:dyDescent="0.4">
      <c r="A14307" s="1" t="s">
        <v>13298</v>
      </c>
      <c r="B14307" t="s">
        <v>4451</v>
      </c>
      <c r="C14307" t="s">
        <v>13262</v>
      </c>
      <c r="D14307" t="s">
        <v>13299</v>
      </c>
    </row>
    <row r="14308" spans="1:4" x14ac:dyDescent="0.4">
      <c r="A14308" s="1" t="s">
        <v>13300</v>
      </c>
      <c r="B14308" t="s">
        <v>4451</v>
      </c>
      <c r="C14308" t="s">
        <v>13262</v>
      </c>
      <c r="D14308" t="s">
        <v>12958</v>
      </c>
    </row>
    <row r="14309" spans="1:4" x14ac:dyDescent="0.4">
      <c r="A14309" s="1" t="s">
        <v>13301</v>
      </c>
      <c r="B14309" t="s">
        <v>4451</v>
      </c>
      <c r="C14309" t="s">
        <v>13262</v>
      </c>
      <c r="D14309" t="s">
        <v>13302</v>
      </c>
    </row>
    <row r="14310" spans="1:4" x14ac:dyDescent="0.4">
      <c r="A14310" s="1" t="s">
        <v>13303</v>
      </c>
      <c r="B14310" t="s">
        <v>4451</v>
      </c>
      <c r="C14310" t="s">
        <v>13262</v>
      </c>
      <c r="D14310" t="s">
        <v>13304</v>
      </c>
    </row>
    <row r="14311" spans="1:4" x14ac:dyDescent="0.4">
      <c r="A14311" s="1" t="s">
        <v>13264</v>
      </c>
      <c r="B14311" t="s">
        <v>4451</v>
      </c>
      <c r="C14311" t="s">
        <v>13262</v>
      </c>
      <c r="D14311" t="s">
        <v>13305</v>
      </c>
    </row>
    <row r="14312" spans="1:4" x14ac:dyDescent="0.4">
      <c r="A14312" s="1" t="s">
        <v>13306</v>
      </c>
      <c r="B14312" t="s">
        <v>4451</v>
      </c>
      <c r="C14312" t="s">
        <v>13262</v>
      </c>
      <c r="D14312" t="s">
        <v>732</v>
      </c>
    </row>
    <row r="14313" spans="1:4" x14ac:dyDescent="0.4">
      <c r="A14313" s="1" t="s">
        <v>13274</v>
      </c>
      <c r="B14313" t="s">
        <v>4451</v>
      </c>
      <c r="C14313" t="s">
        <v>13262</v>
      </c>
      <c r="D14313" t="s">
        <v>13307</v>
      </c>
    </row>
    <row r="14314" spans="1:4" x14ac:dyDescent="0.4">
      <c r="A14314" s="1" t="s">
        <v>13308</v>
      </c>
      <c r="B14314" t="s">
        <v>4451</v>
      </c>
      <c r="C14314" t="s">
        <v>13262</v>
      </c>
      <c r="D14314" t="s">
        <v>13309</v>
      </c>
    </row>
    <row r="14315" spans="1:4" x14ac:dyDescent="0.4">
      <c r="A14315" s="1" t="s">
        <v>13310</v>
      </c>
      <c r="B14315" t="s">
        <v>4451</v>
      </c>
      <c r="C14315" t="s">
        <v>13262</v>
      </c>
      <c r="D14315" t="s">
        <v>13311</v>
      </c>
    </row>
    <row r="14316" spans="1:4" x14ac:dyDescent="0.4">
      <c r="A14316" s="1" t="s">
        <v>13312</v>
      </c>
      <c r="B14316" t="s">
        <v>4451</v>
      </c>
      <c r="C14316" t="s">
        <v>13262</v>
      </c>
      <c r="D14316" t="s">
        <v>13313</v>
      </c>
    </row>
    <row r="14317" spans="1:4" x14ac:dyDescent="0.4">
      <c r="A14317" s="1" t="s">
        <v>13314</v>
      </c>
      <c r="B14317" t="s">
        <v>4451</v>
      </c>
      <c r="C14317" t="s">
        <v>13262</v>
      </c>
      <c r="D14317" t="s">
        <v>13315</v>
      </c>
    </row>
    <row r="14318" spans="1:4" x14ac:dyDescent="0.4">
      <c r="A14318" s="1" t="s">
        <v>13288</v>
      </c>
      <c r="B14318" t="s">
        <v>4451</v>
      </c>
      <c r="C14318" t="s">
        <v>13262</v>
      </c>
      <c r="D14318" t="s">
        <v>13316</v>
      </c>
    </row>
    <row r="14319" spans="1:4" x14ac:dyDescent="0.4">
      <c r="A14319" s="1" t="s">
        <v>13317</v>
      </c>
      <c r="B14319" t="s">
        <v>4451</v>
      </c>
      <c r="C14319" t="s">
        <v>13262</v>
      </c>
      <c r="D14319" t="s">
        <v>13318</v>
      </c>
    </row>
    <row r="14320" spans="1:4" x14ac:dyDescent="0.4">
      <c r="A14320" s="1" t="s">
        <v>13319</v>
      </c>
      <c r="B14320" t="s">
        <v>4451</v>
      </c>
      <c r="C14320" t="s">
        <v>13262</v>
      </c>
      <c r="D14320" t="s">
        <v>13320</v>
      </c>
    </row>
    <row r="14321" spans="1:4" x14ac:dyDescent="0.4">
      <c r="A14321" s="1" t="s">
        <v>13321</v>
      </c>
      <c r="B14321" t="s">
        <v>4451</v>
      </c>
      <c r="C14321" t="s">
        <v>13262</v>
      </c>
      <c r="D14321" t="s">
        <v>13322</v>
      </c>
    </row>
    <row r="14322" spans="1:4" x14ac:dyDescent="0.4">
      <c r="A14322" s="1" t="s">
        <v>13323</v>
      </c>
      <c r="B14322" t="s">
        <v>4451</v>
      </c>
      <c r="C14322" t="s">
        <v>13262</v>
      </c>
      <c r="D14322" t="s">
        <v>178</v>
      </c>
    </row>
    <row r="14323" spans="1:4" x14ac:dyDescent="0.4">
      <c r="A14323" s="1" t="s">
        <v>13324</v>
      </c>
      <c r="B14323" t="s">
        <v>4451</v>
      </c>
      <c r="C14323" t="s">
        <v>13262</v>
      </c>
      <c r="D14323" t="s">
        <v>13325</v>
      </c>
    </row>
    <row r="14324" spans="1:4" x14ac:dyDescent="0.4">
      <c r="A14324" s="1" t="s">
        <v>13326</v>
      </c>
      <c r="B14324" t="s">
        <v>4451</v>
      </c>
      <c r="C14324" t="s">
        <v>13262</v>
      </c>
      <c r="D14324" t="s">
        <v>13327</v>
      </c>
    </row>
    <row r="14325" spans="1:4" x14ac:dyDescent="0.4">
      <c r="A14325" s="1" t="s">
        <v>13328</v>
      </c>
      <c r="B14325" t="s">
        <v>4451</v>
      </c>
      <c r="C14325" t="s">
        <v>13262</v>
      </c>
      <c r="D14325" t="s">
        <v>13329</v>
      </c>
    </row>
    <row r="14326" spans="1:4" x14ac:dyDescent="0.4">
      <c r="A14326" s="1" t="s">
        <v>13330</v>
      </c>
      <c r="B14326" t="s">
        <v>4451</v>
      </c>
      <c r="C14326" t="s">
        <v>13262</v>
      </c>
      <c r="D14326" t="s">
        <v>13331</v>
      </c>
    </row>
    <row r="14327" spans="1:4" x14ac:dyDescent="0.4">
      <c r="A14327" s="1" t="s">
        <v>13332</v>
      </c>
      <c r="B14327" t="s">
        <v>4451</v>
      </c>
      <c r="C14327" t="s">
        <v>13262</v>
      </c>
      <c r="D14327" t="s">
        <v>13333</v>
      </c>
    </row>
    <row r="14328" spans="1:4" x14ac:dyDescent="0.4">
      <c r="A14328" s="1" t="s">
        <v>13288</v>
      </c>
      <c r="B14328" t="s">
        <v>4451</v>
      </c>
      <c r="C14328" t="s">
        <v>13262</v>
      </c>
      <c r="D14328" t="s">
        <v>13334</v>
      </c>
    </row>
    <row r="14329" spans="1:4" x14ac:dyDescent="0.4">
      <c r="A14329" s="1" t="s">
        <v>13335</v>
      </c>
      <c r="B14329" t="s">
        <v>4451</v>
      </c>
      <c r="C14329" t="s">
        <v>13262</v>
      </c>
      <c r="D14329" t="s">
        <v>13336</v>
      </c>
    </row>
    <row r="14330" spans="1:4" x14ac:dyDescent="0.4">
      <c r="A14330" s="1" t="s">
        <v>13337</v>
      </c>
      <c r="B14330" t="s">
        <v>4451</v>
      </c>
      <c r="C14330" t="s">
        <v>13262</v>
      </c>
      <c r="D14330" t="s">
        <v>13338</v>
      </c>
    </row>
    <row r="14331" spans="1:4" x14ac:dyDescent="0.4">
      <c r="A14331" s="1" t="s">
        <v>13339</v>
      </c>
      <c r="B14331" t="s">
        <v>4451</v>
      </c>
      <c r="C14331" t="s">
        <v>13262</v>
      </c>
      <c r="D14331" t="s">
        <v>13340</v>
      </c>
    </row>
    <row r="14332" spans="1:4" x14ac:dyDescent="0.4">
      <c r="A14332" s="1" t="s">
        <v>13274</v>
      </c>
      <c r="B14332" t="s">
        <v>4451</v>
      </c>
      <c r="C14332" t="s">
        <v>13262</v>
      </c>
      <c r="D14332" t="s">
        <v>8596</v>
      </c>
    </row>
    <row r="14333" spans="1:4" x14ac:dyDescent="0.4">
      <c r="A14333" s="1" t="s">
        <v>13341</v>
      </c>
      <c r="B14333" t="s">
        <v>4451</v>
      </c>
      <c r="C14333" t="s">
        <v>13262</v>
      </c>
      <c r="D14333" t="s">
        <v>13342</v>
      </c>
    </row>
    <row r="14334" spans="1:4" x14ac:dyDescent="0.4">
      <c r="A14334" s="1" t="s">
        <v>13288</v>
      </c>
      <c r="B14334" t="s">
        <v>4451</v>
      </c>
      <c r="C14334" t="s">
        <v>13262</v>
      </c>
      <c r="D14334" t="s">
        <v>13343</v>
      </c>
    </row>
    <row r="14335" spans="1:4" x14ac:dyDescent="0.4">
      <c r="A14335" s="1" t="s">
        <v>13344</v>
      </c>
      <c r="B14335" t="s">
        <v>4451</v>
      </c>
      <c r="C14335" t="s">
        <v>13262</v>
      </c>
      <c r="D14335" t="s">
        <v>13345</v>
      </c>
    </row>
    <row r="14336" spans="1:4" x14ac:dyDescent="0.4">
      <c r="A14336" s="1" t="s">
        <v>13323</v>
      </c>
      <c r="B14336" t="s">
        <v>4451</v>
      </c>
      <c r="C14336" t="s">
        <v>13262</v>
      </c>
      <c r="D14336" t="s">
        <v>13346</v>
      </c>
    </row>
    <row r="14337" spans="1:4" x14ac:dyDescent="0.4">
      <c r="A14337" s="1" t="s">
        <v>13347</v>
      </c>
      <c r="B14337" t="s">
        <v>4451</v>
      </c>
      <c r="C14337" t="s">
        <v>13262</v>
      </c>
      <c r="D14337" t="s">
        <v>13348</v>
      </c>
    </row>
    <row r="14338" spans="1:4" x14ac:dyDescent="0.4">
      <c r="A14338" s="1" t="s">
        <v>13349</v>
      </c>
      <c r="B14338" t="s">
        <v>4451</v>
      </c>
      <c r="C14338" t="s">
        <v>13262</v>
      </c>
      <c r="D14338" t="s">
        <v>13350</v>
      </c>
    </row>
    <row r="14339" spans="1:4" x14ac:dyDescent="0.4">
      <c r="A14339" s="1" t="s">
        <v>13264</v>
      </c>
      <c r="B14339" t="s">
        <v>4451</v>
      </c>
      <c r="C14339" t="s">
        <v>13262</v>
      </c>
      <c r="D14339" t="s">
        <v>13351</v>
      </c>
    </row>
    <row r="14340" spans="1:4" x14ac:dyDescent="0.4">
      <c r="A14340" s="1" t="s">
        <v>13352</v>
      </c>
      <c r="B14340" t="s">
        <v>4451</v>
      </c>
      <c r="C14340" t="s">
        <v>13262</v>
      </c>
      <c r="D14340" t="s">
        <v>13353</v>
      </c>
    </row>
    <row r="14341" spans="1:4" x14ac:dyDescent="0.4">
      <c r="A14341" s="1" t="s">
        <v>13290</v>
      </c>
      <c r="B14341" t="s">
        <v>4451</v>
      </c>
      <c r="C14341" t="s">
        <v>13262</v>
      </c>
      <c r="D14341" t="s">
        <v>7962</v>
      </c>
    </row>
    <row r="14342" spans="1:4" x14ac:dyDescent="0.4">
      <c r="A14342" s="1" t="s">
        <v>13354</v>
      </c>
      <c r="B14342" t="s">
        <v>4451</v>
      </c>
      <c r="C14342" t="s">
        <v>13262</v>
      </c>
      <c r="D14342" t="s">
        <v>6288</v>
      </c>
    </row>
    <row r="14343" spans="1:4" x14ac:dyDescent="0.4">
      <c r="A14343" s="1" t="s">
        <v>13355</v>
      </c>
      <c r="B14343" t="s">
        <v>4451</v>
      </c>
      <c r="C14343" t="s">
        <v>13262</v>
      </c>
      <c r="D14343" t="s">
        <v>13356</v>
      </c>
    </row>
    <row r="14344" spans="1:4" x14ac:dyDescent="0.4">
      <c r="A14344" s="1" t="s">
        <v>13288</v>
      </c>
      <c r="B14344" t="s">
        <v>4451</v>
      </c>
      <c r="C14344" t="s">
        <v>13262</v>
      </c>
      <c r="D14344" t="s">
        <v>5792</v>
      </c>
    </row>
    <row r="14345" spans="1:4" x14ac:dyDescent="0.4">
      <c r="A14345" s="1" t="s">
        <v>13357</v>
      </c>
      <c r="B14345" t="s">
        <v>4451</v>
      </c>
      <c r="C14345" t="s">
        <v>13262</v>
      </c>
      <c r="D14345" t="s">
        <v>13358</v>
      </c>
    </row>
    <row r="14346" spans="1:4" x14ac:dyDescent="0.4">
      <c r="A14346" s="1" t="s">
        <v>13359</v>
      </c>
      <c r="B14346" t="s">
        <v>4451</v>
      </c>
      <c r="C14346" t="s">
        <v>13262</v>
      </c>
      <c r="D14346" t="s">
        <v>13360</v>
      </c>
    </row>
    <row r="14347" spans="1:4" x14ac:dyDescent="0.4">
      <c r="A14347" s="1" t="s">
        <v>13361</v>
      </c>
      <c r="B14347" t="s">
        <v>4451</v>
      </c>
      <c r="C14347" t="s">
        <v>13262</v>
      </c>
      <c r="D14347" t="s">
        <v>13362</v>
      </c>
    </row>
    <row r="14348" spans="1:4" x14ac:dyDescent="0.4">
      <c r="A14348" s="1" t="s">
        <v>13288</v>
      </c>
      <c r="B14348" t="s">
        <v>4451</v>
      </c>
      <c r="C14348" t="s">
        <v>13262</v>
      </c>
      <c r="D14348" t="s">
        <v>13363</v>
      </c>
    </row>
    <row r="14349" spans="1:4" x14ac:dyDescent="0.4">
      <c r="A14349" s="1" t="s">
        <v>13306</v>
      </c>
      <c r="B14349" t="s">
        <v>4451</v>
      </c>
      <c r="C14349" t="s">
        <v>13262</v>
      </c>
      <c r="D14349" t="s">
        <v>13364</v>
      </c>
    </row>
    <row r="14350" spans="1:4" x14ac:dyDescent="0.4">
      <c r="A14350" s="1" t="s">
        <v>13365</v>
      </c>
      <c r="B14350" t="s">
        <v>4451</v>
      </c>
      <c r="C14350" t="s">
        <v>13262</v>
      </c>
      <c r="D14350" t="s">
        <v>13366</v>
      </c>
    </row>
    <row r="14351" spans="1:4" x14ac:dyDescent="0.4">
      <c r="A14351" s="1" t="s">
        <v>13266</v>
      </c>
      <c r="B14351" t="s">
        <v>4451</v>
      </c>
      <c r="C14351" t="s">
        <v>13262</v>
      </c>
      <c r="D14351" t="s">
        <v>13367</v>
      </c>
    </row>
    <row r="14352" spans="1:4" x14ac:dyDescent="0.4">
      <c r="A14352" s="1" t="s">
        <v>13266</v>
      </c>
      <c r="B14352" t="s">
        <v>4451</v>
      </c>
      <c r="C14352" t="s">
        <v>13262</v>
      </c>
      <c r="D14352" t="s">
        <v>13368</v>
      </c>
    </row>
    <row r="14353" spans="1:4" x14ac:dyDescent="0.4">
      <c r="A14353" s="1" t="s">
        <v>13286</v>
      </c>
      <c r="B14353" t="s">
        <v>4451</v>
      </c>
      <c r="C14353" t="s">
        <v>13262</v>
      </c>
      <c r="D14353" t="s">
        <v>13369</v>
      </c>
    </row>
    <row r="14354" spans="1:4" x14ac:dyDescent="0.4">
      <c r="A14354" s="1" t="s">
        <v>13370</v>
      </c>
      <c r="B14354" t="s">
        <v>4451</v>
      </c>
      <c r="C14354" t="s">
        <v>13262</v>
      </c>
      <c r="D14354" t="s">
        <v>13371</v>
      </c>
    </row>
    <row r="14355" spans="1:4" x14ac:dyDescent="0.4">
      <c r="A14355" s="1" t="s">
        <v>13372</v>
      </c>
      <c r="B14355" t="s">
        <v>4451</v>
      </c>
      <c r="C14355" t="s">
        <v>13262</v>
      </c>
      <c r="D14355" t="s">
        <v>8856</v>
      </c>
    </row>
    <row r="14356" spans="1:4" x14ac:dyDescent="0.4">
      <c r="A14356" s="1" t="s">
        <v>13280</v>
      </c>
      <c r="B14356" t="s">
        <v>4451</v>
      </c>
      <c r="C14356" t="s">
        <v>13262</v>
      </c>
      <c r="D14356" t="s">
        <v>13373</v>
      </c>
    </row>
    <row r="14357" spans="1:4" x14ac:dyDescent="0.4">
      <c r="A14357" s="1" t="s">
        <v>13374</v>
      </c>
      <c r="B14357" t="s">
        <v>4451</v>
      </c>
      <c r="C14357" t="s">
        <v>13262</v>
      </c>
      <c r="D14357" t="s">
        <v>13375</v>
      </c>
    </row>
    <row r="14358" spans="1:4" x14ac:dyDescent="0.4">
      <c r="A14358" s="1" t="s">
        <v>13376</v>
      </c>
      <c r="B14358" t="s">
        <v>4451</v>
      </c>
      <c r="C14358" t="s">
        <v>13262</v>
      </c>
      <c r="D14358" t="s">
        <v>4698</v>
      </c>
    </row>
    <row r="14359" spans="1:4" x14ac:dyDescent="0.4">
      <c r="A14359" s="1" t="s">
        <v>13377</v>
      </c>
      <c r="B14359" t="s">
        <v>4451</v>
      </c>
      <c r="C14359" t="s">
        <v>13262</v>
      </c>
      <c r="D14359" t="s">
        <v>11192</v>
      </c>
    </row>
    <row r="14360" spans="1:4" x14ac:dyDescent="0.4">
      <c r="A14360" s="1" t="s">
        <v>13378</v>
      </c>
      <c r="B14360" t="s">
        <v>4451</v>
      </c>
      <c r="C14360" t="s">
        <v>13262</v>
      </c>
      <c r="D14360" t="s">
        <v>13379</v>
      </c>
    </row>
    <row r="14361" spans="1:4" x14ac:dyDescent="0.4">
      <c r="A14361" s="1" t="s">
        <v>13380</v>
      </c>
      <c r="B14361" t="s">
        <v>4451</v>
      </c>
      <c r="C14361" t="s">
        <v>13262</v>
      </c>
      <c r="D14361" t="s">
        <v>13381</v>
      </c>
    </row>
    <row r="14362" spans="1:4" x14ac:dyDescent="0.4">
      <c r="A14362" s="1" t="s">
        <v>13303</v>
      </c>
      <c r="B14362" t="s">
        <v>4451</v>
      </c>
      <c r="C14362" t="s">
        <v>13262</v>
      </c>
      <c r="D14362" t="s">
        <v>6421</v>
      </c>
    </row>
    <row r="14363" spans="1:4" x14ac:dyDescent="0.4">
      <c r="A14363" s="1" t="s">
        <v>13382</v>
      </c>
      <c r="B14363" t="s">
        <v>4451</v>
      </c>
      <c r="C14363" t="s">
        <v>13262</v>
      </c>
      <c r="D14363" t="s">
        <v>13383</v>
      </c>
    </row>
    <row r="14364" spans="1:4" x14ac:dyDescent="0.4">
      <c r="A14364" s="1" t="s">
        <v>13288</v>
      </c>
      <c r="B14364" t="s">
        <v>4451</v>
      </c>
      <c r="C14364" t="s">
        <v>13262</v>
      </c>
      <c r="D14364" t="s">
        <v>13384</v>
      </c>
    </row>
    <row r="14365" spans="1:4" x14ac:dyDescent="0.4">
      <c r="A14365" s="1" t="s">
        <v>13280</v>
      </c>
      <c r="B14365" t="s">
        <v>4451</v>
      </c>
      <c r="C14365" t="s">
        <v>13262</v>
      </c>
      <c r="D14365" t="s">
        <v>13385</v>
      </c>
    </row>
    <row r="14366" spans="1:4" x14ac:dyDescent="0.4">
      <c r="A14366" s="1" t="s">
        <v>13386</v>
      </c>
      <c r="B14366" t="s">
        <v>4451</v>
      </c>
      <c r="C14366" t="s">
        <v>13262</v>
      </c>
      <c r="D14366" t="s">
        <v>8560</v>
      </c>
    </row>
    <row r="14367" spans="1:4" x14ac:dyDescent="0.4">
      <c r="A14367" s="1" t="s">
        <v>13323</v>
      </c>
      <c r="B14367" t="s">
        <v>4451</v>
      </c>
      <c r="C14367" t="s">
        <v>13262</v>
      </c>
      <c r="D14367" t="s">
        <v>13387</v>
      </c>
    </row>
    <row r="14368" spans="1:4" x14ac:dyDescent="0.4">
      <c r="A14368" s="1" t="s">
        <v>13326</v>
      </c>
      <c r="B14368" t="s">
        <v>4451</v>
      </c>
      <c r="C14368" t="s">
        <v>13262</v>
      </c>
      <c r="D14368" t="s">
        <v>12269</v>
      </c>
    </row>
    <row r="14369" spans="1:4" x14ac:dyDescent="0.4">
      <c r="A14369" s="1" t="s">
        <v>13326</v>
      </c>
      <c r="B14369" t="s">
        <v>4451</v>
      </c>
      <c r="C14369" t="s">
        <v>13262</v>
      </c>
      <c r="D14369" t="s">
        <v>13388</v>
      </c>
    </row>
    <row r="14370" spans="1:4" x14ac:dyDescent="0.4">
      <c r="A14370" s="1" t="s">
        <v>13389</v>
      </c>
      <c r="B14370" t="s">
        <v>4451</v>
      </c>
      <c r="C14370" t="s">
        <v>13262</v>
      </c>
      <c r="D14370" t="s">
        <v>13390</v>
      </c>
    </row>
    <row r="14371" spans="1:4" x14ac:dyDescent="0.4">
      <c r="A14371" s="1" t="s">
        <v>13391</v>
      </c>
      <c r="B14371" t="s">
        <v>4451</v>
      </c>
      <c r="C14371" t="s">
        <v>13262</v>
      </c>
      <c r="D14371" t="s">
        <v>13392</v>
      </c>
    </row>
    <row r="14372" spans="1:4" x14ac:dyDescent="0.4">
      <c r="A14372" s="1" t="s">
        <v>13393</v>
      </c>
      <c r="B14372" t="s">
        <v>4451</v>
      </c>
      <c r="C14372" t="s">
        <v>13394</v>
      </c>
    </row>
    <row r="14373" spans="1:4" x14ac:dyDescent="0.4">
      <c r="A14373" s="1" t="s">
        <v>13395</v>
      </c>
      <c r="B14373" t="s">
        <v>4451</v>
      </c>
      <c r="C14373" t="s">
        <v>13394</v>
      </c>
      <c r="D14373" t="s">
        <v>13396</v>
      </c>
    </row>
    <row r="14374" spans="1:4" x14ac:dyDescent="0.4">
      <c r="A14374" s="1" t="s">
        <v>13397</v>
      </c>
      <c r="B14374" t="s">
        <v>4451</v>
      </c>
      <c r="C14374" t="s">
        <v>13394</v>
      </c>
      <c r="D14374" t="s">
        <v>13398</v>
      </c>
    </row>
    <row r="14375" spans="1:4" x14ac:dyDescent="0.4">
      <c r="A14375" s="1" t="s">
        <v>13399</v>
      </c>
      <c r="B14375" t="s">
        <v>4451</v>
      </c>
      <c r="C14375" t="s">
        <v>13394</v>
      </c>
      <c r="D14375" t="s">
        <v>13400</v>
      </c>
    </row>
    <row r="14376" spans="1:4" x14ac:dyDescent="0.4">
      <c r="A14376" s="1" t="s">
        <v>13401</v>
      </c>
      <c r="B14376" t="s">
        <v>4451</v>
      </c>
      <c r="C14376" t="s">
        <v>13394</v>
      </c>
      <c r="D14376" t="s">
        <v>13402</v>
      </c>
    </row>
    <row r="14377" spans="1:4" x14ac:dyDescent="0.4">
      <c r="A14377" s="1" t="s">
        <v>13403</v>
      </c>
      <c r="B14377" t="s">
        <v>4451</v>
      </c>
      <c r="C14377" t="s">
        <v>13394</v>
      </c>
      <c r="D14377" t="s">
        <v>13269</v>
      </c>
    </row>
    <row r="14378" spans="1:4" x14ac:dyDescent="0.4">
      <c r="A14378" s="1" t="s">
        <v>13404</v>
      </c>
      <c r="B14378" t="s">
        <v>4451</v>
      </c>
      <c r="C14378" t="s">
        <v>13394</v>
      </c>
      <c r="D14378" t="s">
        <v>13405</v>
      </c>
    </row>
    <row r="14379" spans="1:4" x14ac:dyDescent="0.4">
      <c r="A14379" s="1" t="s">
        <v>13406</v>
      </c>
      <c r="B14379" t="s">
        <v>4451</v>
      </c>
      <c r="C14379" t="s">
        <v>13394</v>
      </c>
      <c r="D14379" t="s">
        <v>13407</v>
      </c>
    </row>
    <row r="14380" spans="1:4" x14ac:dyDescent="0.4">
      <c r="A14380" s="1" t="s">
        <v>13408</v>
      </c>
      <c r="B14380" t="s">
        <v>4451</v>
      </c>
      <c r="C14380" t="s">
        <v>13394</v>
      </c>
      <c r="D14380" t="s">
        <v>13409</v>
      </c>
    </row>
    <row r="14381" spans="1:4" x14ac:dyDescent="0.4">
      <c r="A14381" s="1" t="s">
        <v>13410</v>
      </c>
      <c r="B14381" t="s">
        <v>4451</v>
      </c>
      <c r="C14381" t="s">
        <v>13394</v>
      </c>
      <c r="D14381" t="s">
        <v>13411</v>
      </c>
    </row>
    <row r="14382" spans="1:4" x14ac:dyDescent="0.4">
      <c r="A14382" s="1" t="s">
        <v>13412</v>
      </c>
      <c r="B14382" t="s">
        <v>4451</v>
      </c>
      <c r="C14382" t="s">
        <v>13394</v>
      </c>
      <c r="D14382" t="s">
        <v>13413</v>
      </c>
    </row>
    <row r="14383" spans="1:4" x14ac:dyDescent="0.4">
      <c r="A14383" s="1" t="s">
        <v>13414</v>
      </c>
      <c r="B14383" t="s">
        <v>4451</v>
      </c>
      <c r="C14383" t="s">
        <v>13394</v>
      </c>
      <c r="D14383" t="s">
        <v>13415</v>
      </c>
    </row>
    <row r="14384" spans="1:4" x14ac:dyDescent="0.4">
      <c r="A14384" s="1" t="s">
        <v>13416</v>
      </c>
      <c r="B14384" t="s">
        <v>4451</v>
      </c>
      <c r="C14384" t="s">
        <v>13394</v>
      </c>
      <c r="D14384" t="s">
        <v>13417</v>
      </c>
    </row>
    <row r="14385" spans="1:4" x14ac:dyDescent="0.4">
      <c r="A14385" s="1" t="s">
        <v>13418</v>
      </c>
      <c r="B14385" t="s">
        <v>4451</v>
      </c>
      <c r="C14385" t="s">
        <v>13394</v>
      </c>
      <c r="D14385" t="s">
        <v>13419</v>
      </c>
    </row>
    <row r="14386" spans="1:4" x14ac:dyDescent="0.4">
      <c r="A14386" s="1" t="s">
        <v>13420</v>
      </c>
      <c r="B14386" t="s">
        <v>4451</v>
      </c>
      <c r="C14386" t="s">
        <v>13394</v>
      </c>
      <c r="D14386" t="s">
        <v>13421</v>
      </c>
    </row>
    <row r="14387" spans="1:4" x14ac:dyDescent="0.4">
      <c r="A14387" s="1" t="s">
        <v>13422</v>
      </c>
      <c r="B14387" t="s">
        <v>4451</v>
      </c>
      <c r="C14387" t="s">
        <v>13394</v>
      </c>
      <c r="D14387" t="s">
        <v>13423</v>
      </c>
    </row>
    <row r="14388" spans="1:4" x14ac:dyDescent="0.4">
      <c r="A14388" s="1" t="s">
        <v>13424</v>
      </c>
      <c r="B14388" t="s">
        <v>4451</v>
      </c>
      <c r="C14388" t="s">
        <v>13394</v>
      </c>
      <c r="D14388" t="s">
        <v>13425</v>
      </c>
    </row>
    <row r="14389" spans="1:4" x14ac:dyDescent="0.4">
      <c r="A14389" s="1" t="s">
        <v>13426</v>
      </c>
      <c r="B14389" t="s">
        <v>4451</v>
      </c>
      <c r="C14389" t="s">
        <v>13394</v>
      </c>
      <c r="D14389" t="s">
        <v>13427</v>
      </c>
    </row>
    <row r="14390" spans="1:4" x14ac:dyDescent="0.4">
      <c r="A14390" s="1" t="s">
        <v>13428</v>
      </c>
      <c r="B14390" t="s">
        <v>4451</v>
      </c>
      <c r="C14390" t="s">
        <v>13394</v>
      </c>
      <c r="D14390" t="s">
        <v>13429</v>
      </c>
    </row>
    <row r="14391" spans="1:4" x14ac:dyDescent="0.4">
      <c r="A14391" s="1" t="s">
        <v>13430</v>
      </c>
      <c r="B14391" t="s">
        <v>4451</v>
      </c>
      <c r="C14391" t="s">
        <v>13394</v>
      </c>
      <c r="D14391" t="s">
        <v>13431</v>
      </c>
    </row>
    <row r="14392" spans="1:4" x14ac:dyDescent="0.4">
      <c r="A14392" s="1" t="s">
        <v>13432</v>
      </c>
      <c r="B14392" t="s">
        <v>4451</v>
      </c>
      <c r="C14392" t="s">
        <v>13394</v>
      </c>
      <c r="D14392" t="s">
        <v>13433</v>
      </c>
    </row>
    <row r="14393" spans="1:4" x14ac:dyDescent="0.4">
      <c r="A14393" s="1" t="s">
        <v>13434</v>
      </c>
      <c r="B14393" t="s">
        <v>4451</v>
      </c>
      <c r="C14393" t="s">
        <v>13394</v>
      </c>
      <c r="D14393" t="s">
        <v>13435</v>
      </c>
    </row>
    <row r="14394" spans="1:4" x14ac:dyDescent="0.4">
      <c r="A14394" s="1" t="s">
        <v>13436</v>
      </c>
      <c r="B14394" t="s">
        <v>4451</v>
      </c>
      <c r="C14394" t="s">
        <v>13394</v>
      </c>
      <c r="D14394" t="s">
        <v>13437</v>
      </c>
    </row>
    <row r="14395" spans="1:4" x14ac:dyDescent="0.4">
      <c r="A14395" s="1" t="s">
        <v>13438</v>
      </c>
      <c r="B14395" t="s">
        <v>4451</v>
      </c>
      <c r="C14395" t="s">
        <v>13394</v>
      </c>
      <c r="D14395" t="s">
        <v>13439</v>
      </c>
    </row>
    <row r="14396" spans="1:4" x14ac:dyDescent="0.4">
      <c r="A14396" s="1" t="s">
        <v>13440</v>
      </c>
      <c r="B14396" t="s">
        <v>4451</v>
      </c>
      <c r="C14396" t="s">
        <v>13394</v>
      </c>
      <c r="D14396" t="s">
        <v>13441</v>
      </c>
    </row>
    <row r="14397" spans="1:4" x14ac:dyDescent="0.4">
      <c r="A14397" s="1" t="s">
        <v>13442</v>
      </c>
      <c r="B14397" t="s">
        <v>4451</v>
      </c>
      <c r="C14397" t="s">
        <v>13394</v>
      </c>
      <c r="D14397" t="s">
        <v>537</v>
      </c>
    </row>
    <row r="14398" spans="1:4" x14ac:dyDescent="0.4">
      <c r="A14398" s="1" t="s">
        <v>13443</v>
      </c>
      <c r="B14398" t="s">
        <v>4451</v>
      </c>
      <c r="C14398" t="s">
        <v>13394</v>
      </c>
      <c r="D14398" t="s">
        <v>140</v>
      </c>
    </row>
    <row r="14399" spans="1:4" x14ac:dyDescent="0.4">
      <c r="A14399" s="1" t="s">
        <v>13444</v>
      </c>
      <c r="B14399" t="s">
        <v>4451</v>
      </c>
      <c r="C14399" t="s">
        <v>13394</v>
      </c>
      <c r="D14399" t="s">
        <v>11226</v>
      </c>
    </row>
    <row r="14400" spans="1:4" x14ac:dyDescent="0.4">
      <c r="A14400" s="1" t="s">
        <v>13445</v>
      </c>
      <c r="B14400" t="s">
        <v>4451</v>
      </c>
      <c r="C14400" t="s">
        <v>13394</v>
      </c>
      <c r="D14400" t="s">
        <v>13446</v>
      </c>
    </row>
    <row r="14401" spans="1:4" x14ac:dyDescent="0.4">
      <c r="A14401" s="1" t="s">
        <v>13447</v>
      </c>
      <c r="B14401" t="s">
        <v>4451</v>
      </c>
      <c r="C14401" t="s">
        <v>13394</v>
      </c>
      <c r="D14401" t="s">
        <v>7487</v>
      </c>
    </row>
    <row r="14402" spans="1:4" x14ac:dyDescent="0.4">
      <c r="A14402" s="1" t="s">
        <v>13448</v>
      </c>
      <c r="B14402" t="s">
        <v>4451</v>
      </c>
      <c r="C14402" t="s">
        <v>13394</v>
      </c>
      <c r="D14402" t="s">
        <v>13449</v>
      </c>
    </row>
    <row r="14403" spans="1:4" x14ac:dyDescent="0.4">
      <c r="A14403" s="1" t="s">
        <v>13450</v>
      </c>
      <c r="B14403" t="s">
        <v>4451</v>
      </c>
      <c r="C14403" t="s">
        <v>13394</v>
      </c>
      <c r="D14403" t="s">
        <v>13451</v>
      </c>
    </row>
    <row r="14404" spans="1:4" x14ac:dyDescent="0.4">
      <c r="A14404" s="1" t="s">
        <v>13452</v>
      </c>
      <c r="B14404" t="s">
        <v>4451</v>
      </c>
      <c r="C14404" t="s">
        <v>13394</v>
      </c>
      <c r="D14404" t="s">
        <v>13453</v>
      </c>
    </row>
    <row r="14405" spans="1:4" x14ac:dyDescent="0.4">
      <c r="A14405" s="1" t="s">
        <v>13454</v>
      </c>
      <c r="B14405" t="s">
        <v>4451</v>
      </c>
      <c r="C14405" t="s">
        <v>13394</v>
      </c>
      <c r="D14405" t="s">
        <v>13455</v>
      </c>
    </row>
    <row r="14406" spans="1:4" x14ac:dyDescent="0.4">
      <c r="A14406" s="1" t="s">
        <v>13456</v>
      </c>
      <c r="B14406" t="s">
        <v>4451</v>
      </c>
      <c r="C14406" t="s">
        <v>13394</v>
      </c>
      <c r="D14406" t="s">
        <v>13457</v>
      </c>
    </row>
    <row r="14407" spans="1:4" x14ac:dyDescent="0.4">
      <c r="A14407" s="1" t="s">
        <v>13458</v>
      </c>
      <c r="B14407" t="s">
        <v>4451</v>
      </c>
      <c r="C14407" t="s">
        <v>13394</v>
      </c>
      <c r="D14407" t="s">
        <v>13459</v>
      </c>
    </row>
    <row r="14408" spans="1:4" x14ac:dyDescent="0.4">
      <c r="A14408" s="1" t="s">
        <v>13460</v>
      </c>
      <c r="B14408" t="s">
        <v>4451</v>
      </c>
      <c r="C14408" t="s">
        <v>13394</v>
      </c>
      <c r="D14408" t="s">
        <v>13283</v>
      </c>
    </row>
    <row r="14409" spans="1:4" x14ac:dyDescent="0.4">
      <c r="A14409" s="1" t="s">
        <v>13461</v>
      </c>
      <c r="B14409" t="s">
        <v>4451</v>
      </c>
      <c r="C14409" t="s">
        <v>13394</v>
      </c>
      <c r="D14409" t="s">
        <v>13462</v>
      </c>
    </row>
    <row r="14410" spans="1:4" x14ac:dyDescent="0.4">
      <c r="A14410" s="1" t="s">
        <v>13463</v>
      </c>
      <c r="B14410" t="s">
        <v>4451</v>
      </c>
      <c r="C14410" t="s">
        <v>13394</v>
      </c>
      <c r="D14410" t="s">
        <v>13464</v>
      </c>
    </row>
    <row r="14411" spans="1:4" x14ac:dyDescent="0.4">
      <c r="A14411" s="1" t="s">
        <v>13465</v>
      </c>
      <c r="B14411" t="s">
        <v>4451</v>
      </c>
      <c r="C14411" t="s">
        <v>13394</v>
      </c>
      <c r="D14411" t="s">
        <v>13466</v>
      </c>
    </row>
    <row r="14412" spans="1:4" x14ac:dyDescent="0.4">
      <c r="A14412" s="1" t="s">
        <v>13467</v>
      </c>
      <c r="B14412" t="s">
        <v>4451</v>
      </c>
      <c r="C14412" t="s">
        <v>13394</v>
      </c>
      <c r="D14412" t="s">
        <v>13468</v>
      </c>
    </row>
    <row r="14413" spans="1:4" x14ac:dyDescent="0.4">
      <c r="A14413" s="1" t="s">
        <v>13469</v>
      </c>
      <c r="B14413" t="s">
        <v>4451</v>
      </c>
      <c r="C14413" t="s">
        <v>13394</v>
      </c>
      <c r="D14413" t="s">
        <v>13470</v>
      </c>
    </row>
    <row r="14414" spans="1:4" x14ac:dyDescent="0.4">
      <c r="A14414" s="1" t="s">
        <v>13471</v>
      </c>
      <c r="B14414" t="s">
        <v>4451</v>
      </c>
      <c r="C14414" t="s">
        <v>13394</v>
      </c>
      <c r="D14414" t="s">
        <v>13472</v>
      </c>
    </row>
    <row r="14415" spans="1:4" x14ac:dyDescent="0.4">
      <c r="A14415" s="1" t="s">
        <v>13473</v>
      </c>
      <c r="B14415" t="s">
        <v>4451</v>
      </c>
      <c r="C14415" t="s">
        <v>13394</v>
      </c>
      <c r="D14415" t="s">
        <v>13474</v>
      </c>
    </row>
    <row r="14416" spans="1:4" x14ac:dyDescent="0.4">
      <c r="A14416" s="1" t="s">
        <v>13475</v>
      </c>
      <c r="B14416" t="s">
        <v>4451</v>
      </c>
      <c r="C14416" t="s">
        <v>13394</v>
      </c>
      <c r="D14416" t="s">
        <v>13476</v>
      </c>
    </row>
    <row r="14417" spans="1:4" x14ac:dyDescent="0.4">
      <c r="A14417" s="1" t="s">
        <v>13477</v>
      </c>
      <c r="B14417" t="s">
        <v>4451</v>
      </c>
      <c r="C14417" t="s">
        <v>13394</v>
      </c>
      <c r="D14417" t="s">
        <v>13478</v>
      </c>
    </row>
    <row r="14418" spans="1:4" x14ac:dyDescent="0.4">
      <c r="A14418" s="1" t="s">
        <v>13479</v>
      </c>
      <c r="B14418" t="s">
        <v>4451</v>
      </c>
      <c r="C14418" t="s">
        <v>13394</v>
      </c>
      <c r="D14418" t="s">
        <v>13480</v>
      </c>
    </row>
    <row r="14419" spans="1:4" x14ac:dyDescent="0.4">
      <c r="A14419" s="1" t="s">
        <v>13481</v>
      </c>
      <c r="B14419" t="s">
        <v>4451</v>
      </c>
      <c r="C14419" t="s">
        <v>13394</v>
      </c>
      <c r="D14419" t="s">
        <v>13482</v>
      </c>
    </row>
    <row r="14420" spans="1:4" x14ac:dyDescent="0.4">
      <c r="A14420" s="1" t="s">
        <v>13483</v>
      </c>
      <c r="B14420" t="s">
        <v>4451</v>
      </c>
      <c r="C14420" t="s">
        <v>13394</v>
      </c>
      <c r="D14420" t="s">
        <v>13484</v>
      </c>
    </row>
    <row r="14421" spans="1:4" x14ac:dyDescent="0.4">
      <c r="A14421" s="1" t="s">
        <v>13485</v>
      </c>
      <c r="B14421" t="s">
        <v>4451</v>
      </c>
      <c r="C14421" t="s">
        <v>13394</v>
      </c>
      <c r="D14421" t="s">
        <v>13486</v>
      </c>
    </row>
    <row r="14422" spans="1:4" x14ac:dyDescent="0.4">
      <c r="A14422" s="1" t="s">
        <v>13487</v>
      </c>
      <c r="B14422" t="s">
        <v>4451</v>
      </c>
      <c r="C14422" t="s">
        <v>13394</v>
      </c>
      <c r="D14422" t="s">
        <v>13488</v>
      </c>
    </row>
    <row r="14423" spans="1:4" x14ac:dyDescent="0.4">
      <c r="A14423" s="1" t="s">
        <v>13489</v>
      </c>
      <c r="B14423" t="s">
        <v>4451</v>
      </c>
      <c r="C14423" t="s">
        <v>13394</v>
      </c>
      <c r="D14423" t="s">
        <v>13490</v>
      </c>
    </row>
    <row r="14424" spans="1:4" x14ac:dyDescent="0.4">
      <c r="A14424" s="1" t="s">
        <v>13491</v>
      </c>
      <c r="B14424" t="s">
        <v>4451</v>
      </c>
      <c r="C14424" t="s">
        <v>13394</v>
      </c>
      <c r="D14424" t="s">
        <v>6865</v>
      </c>
    </row>
    <row r="14425" spans="1:4" x14ac:dyDescent="0.4">
      <c r="A14425" s="1" t="s">
        <v>13492</v>
      </c>
      <c r="B14425" t="s">
        <v>4451</v>
      </c>
      <c r="C14425" t="s">
        <v>13394</v>
      </c>
      <c r="D14425" t="s">
        <v>13493</v>
      </c>
    </row>
    <row r="14426" spans="1:4" x14ac:dyDescent="0.4">
      <c r="A14426" s="1" t="s">
        <v>13494</v>
      </c>
      <c r="B14426" t="s">
        <v>4451</v>
      </c>
      <c r="C14426" t="s">
        <v>13394</v>
      </c>
      <c r="D14426" t="s">
        <v>1813</v>
      </c>
    </row>
    <row r="14427" spans="1:4" x14ac:dyDescent="0.4">
      <c r="A14427" s="1" t="s">
        <v>13495</v>
      </c>
      <c r="B14427" t="s">
        <v>4451</v>
      </c>
      <c r="C14427" t="s">
        <v>13394</v>
      </c>
      <c r="D14427" t="s">
        <v>13496</v>
      </c>
    </row>
    <row r="14428" spans="1:4" x14ac:dyDescent="0.4">
      <c r="A14428" s="1" t="s">
        <v>13497</v>
      </c>
      <c r="B14428" t="s">
        <v>4451</v>
      </c>
      <c r="C14428" t="s">
        <v>13394</v>
      </c>
      <c r="D14428" t="s">
        <v>13498</v>
      </c>
    </row>
    <row r="14429" spans="1:4" x14ac:dyDescent="0.4">
      <c r="A14429" s="1" t="s">
        <v>13499</v>
      </c>
      <c r="B14429" t="s">
        <v>4451</v>
      </c>
      <c r="C14429" t="s">
        <v>13394</v>
      </c>
      <c r="D14429" t="s">
        <v>13500</v>
      </c>
    </row>
    <row r="14430" spans="1:4" x14ac:dyDescent="0.4">
      <c r="A14430" s="1" t="s">
        <v>13501</v>
      </c>
      <c r="B14430" t="s">
        <v>4451</v>
      </c>
      <c r="C14430" t="s">
        <v>13394</v>
      </c>
      <c r="D14430" t="s">
        <v>11156</v>
      </c>
    </row>
    <row r="14431" spans="1:4" x14ac:dyDescent="0.4">
      <c r="A14431" s="1" t="s">
        <v>13502</v>
      </c>
      <c r="B14431" t="s">
        <v>4451</v>
      </c>
      <c r="C14431" t="s">
        <v>13394</v>
      </c>
      <c r="D14431" t="s">
        <v>13503</v>
      </c>
    </row>
    <row r="14432" spans="1:4" x14ac:dyDescent="0.4">
      <c r="A14432" s="1" t="s">
        <v>13504</v>
      </c>
      <c r="B14432" t="s">
        <v>4451</v>
      </c>
      <c r="C14432" t="s">
        <v>13394</v>
      </c>
      <c r="D14432" t="s">
        <v>13505</v>
      </c>
    </row>
    <row r="14433" spans="1:4" x14ac:dyDescent="0.4">
      <c r="A14433" s="1" t="s">
        <v>13506</v>
      </c>
      <c r="B14433" t="s">
        <v>4451</v>
      </c>
      <c r="C14433" t="s">
        <v>13394</v>
      </c>
      <c r="D14433" t="s">
        <v>13507</v>
      </c>
    </row>
    <row r="14434" spans="1:4" x14ac:dyDescent="0.4">
      <c r="A14434" s="1" t="s">
        <v>13508</v>
      </c>
      <c r="B14434" t="s">
        <v>4451</v>
      </c>
      <c r="C14434" t="s">
        <v>13394</v>
      </c>
      <c r="D14434" t="s">
        <v>13509</v>
      </c>
    </row>
    <row r="14435" spans="1:4" x14ac:dyDescent="0.4">
      <c r="A14435" s="1" t="s">
        <v>13510</v>
      </c>
      <c r="B14435" t="s">
        <v>4451</v>
      </c>
      <c r="C14435" t="s">
        <v>13394</v>
      </c>
      <c r="D14435" t="s">
        <v>13511</v>
      </c>
    </row>
    <row r="14436" spans="1:4" x14ac:dyDescent="0.4">
      <c r="A14436" s="1" t="s">
        <v>13512</v>
      </c>
      <c r="B14436" t="s">
        <v>4451</v>
      </c>
      <c r="C14436" t="s">
        <v>13394</v>
      </c>
      <c r="D14436" t="s">
        <v>13513</v>
      </c>
    </row>
    <row r="14437" spans="1:4" x14ac:dyDescent="0.4">
      <c r="A14437" s="1" t="s">
        <v>13514</v>
      </c>
      <c r="B14437" t="s">
        <v>4451</v>
      </c>
      <c r="C14437" t="s">
        <v>13394</v>
      </c>
      <c r="D14437" t="s">
        <v>13515</v>
      </c>
    </row>
    <row r="14438" spans="1:4" x14ac:dyDescent="0.4">
      <c r="A14438" s="1" t="s">
        <v>13516</v>
      </c>
      <c r="B14438" t="s">
        <v>4451</v>
      </c>
      <c r="C14438" t="s">
        <v>13394</v>
      </c>
      <c r="D14438" t="s">
        <v>13517</v>
      </c>
    </row>
    <row r="14439" spans="1:4" x14ac:dyDescent="0.4">
      <c r="A14439" s="1" t="s">
        <v>13518</v>
      </c>
      <c r="B14439" t="s">
        <v>4451</v>
      </c>
      <c r="C14439" t="s">
        <v>13394</v>
      </c>
      <c r="D14439" t="s">
        <v>13519</v>
      </c>
    </row>
    <row r="14440" spans="1:4" x14ac:dyDescent="0.4">
      <c r="A14440" s="1" t="s">
        <v>13520</v>
      </c>
      <c r="B14440" t="s">
        <v>4451</v>
      </c>
      <c r="C14440" t="s">
        <v>13394</v>
      </c>
      <c r="D14440" t="s">
        <v>13521</v>
      </c>
    </row>
    <row r="14441" spans="1:4" x14ac:dyDescent="0.4">
      <c r="A14441" s="1" t="s">
        <v>13522</v>
      </c>
      <c r="B14441" t="s">
        <v>4451</v>
      </c>
      <c r="C14441" t="s">
        <v>13394</v>
      </c>
      <c r="D14441" t="s">
        <v>13523</v>
      </c>
    </row>
    <row r="14442" spans="1:4" x14ac:dyDescent="0.4">
      <c r="A14442" s="1" t="s">
        <v>13524</v>
      </c>
      <c r="B14442" t="s">
        <v>4451</v>
      </c>
      <c r="C14442" t="s">
        <v>13394</v>
      </c>
      <c r="D14442" t="s">
        <v>13525</v>
      </c>
    </row>
    <row r="14443" spans="1:4" x14ac:dyDescent="0.4">
      <c r="A14443" s="1" t="s">
        <v>13526</v>
      </c>
      <c r="B14443" t="s">
        <v>4451</v>
      </c>
      <c r="C14443" t="s">
        <v>13394</v>
      </c>
      <c r="D14443" t="s">
        <v>13527</v>
      </c>
    </row>
    <row r="14444" spans="1:4" x14ac:dyDescent="0.4">
      <c r="A14444" s="1" t="s">
        <v>13528</v>
      </c>
      <c r="B14444" t="s">
        <v>4451</v>
      </c>
      <c r="C14444" t="s">
        <v>13394</v>
      </c>
      <c r="D14444" t="s">
        <v>4425</v>
      </c>
    </row>
    <row r="14445" spans="1:4" x14ac:dyDescent="0.4">
      <c r="A14445" s="1" t="s">
        <v>13529</v>
      </c>
      <c r="B14445" t="s">
        <v>4451</v>
      </c>
      <c r="C14445" t="s">
        <v>13394</v>
      </c>
      <c r="D14445" t="s">
        <v>13530</v>
      </c>
    </row>
    <row r="14446" spans="1:4" x14ac:dyDescent="0.4">
      <c r="A14446" s="1" t="s">
        <v>13531</v>
      </c>
      <c r="B14446" t="s">
        <v>4451</v>
      </c>
      <c r="C14446" t="s">
        <v>13394</v>
      </c>
      <c r="D14446" t="s">
        <v>13532</v>
      </c>
    </row>
    <row r="14447" spans="1:4" x14ac:dyDescent="0.4">
      <c r="A14447" s="1" t="s">
        <v>13533</v>
      </c>
      <c r="B14447" t="s">
        <v>4451</v>
      </c>
      <c r="C14447" t="s">
        <v>13394</v>
      </c>
      <c r="D14447" t="s">
        <v>13534</v>
      </c>
    </row>
    <row r="14448" spans="1:4" x14ac:dyDescent="0.4">
      <c r="A14448" s="1" t="s">
        <v>13535</v>
      </c>
      <c r="B14448" t="s">
        <v>4451</v>
      </c>
      <c r="C14448" t="s">
        <v>13394</v>
      </c>
      <c r="D14448" t="s">
        <v>13536</v>
      </c>
    </row>
    <row r="14449" spans="1:4" x14ac:dyDescent="0.4">
      <c r="A14449" s="1" t="s">
        <v>13537</v>
      </c>
      <c r="B14449" t="s">
        <v>4451</v>
      </c>
      <c r="C14449" t="s">
        <v>13394</v>
      </c>
      <c r="D14449" t="s">
        <v>13538</v>
      </c>
    </row>
    <row r="14450" spans="1:4" x14ac:dyDescent="0.4">
      <c r="A14450" s="1" t="s">
        <v>13539</v>
      </c>
      <c r="B14450" t="s">
        <v>4451</v>
      </c>
      <c r="C14450" t="s">
        <v>13394</v>
      </c>
      <c r="D14450" t="s">
        <v>13540</v>
      </c>
    </row>
    <row r="14451" spans="1:4" x14ac:dyDescent="0.4">
      <c r="A14451" s="1" t="s">
        <v>13541</v>
      </c>
      <c r="B14451" t="s">
        <v>4451</v>
      </c>
      <c r="C14451" t="s">
        <v>13394</v>
      </c>
      <c r="D14451" t="s">
        <v>3706</v>
      </c>
    </row>
    <row r="14452" spans="1:4" x14ac:dyDescent="0.4">
      <c r="A14452" s="1" t="s">
        <v>13542</v>
      </c>
      <c r="B14452" t="s">
        <v>4451</v>
      </c>
      <c r="C14452" t="s">
        <v>13394</v>
      </c>
      <c r="D14452" t="s">
        <v>13543</v>
      </c>
    </row>
    <row r="14453" spans="1:4" x14ac:dyDescent="0.4">
      <c r="A14453" s="1" t="s">
        <v>13544</v>
      </c>
      <c r="B14453" t="s">
        <v>4451</v>
      </c>
      <c r="C14453" t="s">
        <v>13394</v>
      </c>
      <c r="D14453" t="s">
        <v>13545</v>
      </c>
    </row>
    <row r="14454" spans="1:4" x14ac:dyDescent="0.4">
      <c r="A14454" s="1" t="s">
        <v>13546</v>
      </c>
      <c r="B14454" t="s">
        <v>4451</v>
      </c>
      <c r="C14454" t="s">
        <v>13394</v>
      </c>
      <c r="D14454" t="s">
        <v>13547</v>
      </c>
    </row>
    <row r="14455" spans="1:4" x14ac:dyDescent="0.4">
      <c r="A14455" s="1" t="s">
        <v>13548</v>
      </c>
      <c r="B14455" t="s">
        <v>4451</v>
      </c>
      <c r="C14455" t="s">
        <v>13394</v>
      </c>
      <c r="D14455" t="s">
        <v>13549</v>
      </c>
    </row>
    <row r="14456" spans="1:4" x14ac:dyDescent="0.4">
      <c r="A14456" s="1" t="s">
        <v>13550</v>
      </c>
      <c r="B14456" t="s">
        <v>4451</v>
      </c>
      <c r="C14456" t="s">
        <v>13394</v>
      </c>
      <c r="D14456" t="s">
        <v>13551</v>
      </c>
    </row>
    <row r="14457" spans="1:4" x14ac:dyDescent="0.4">
      <c r="A14457" s="1" t="s">
        <v>13552</v>
      </c>
      <c r="B14457" t="s">
        <v>4451</v>
      </c>
      <c r="C14457" t="s">
        <v>13394</v>
      </c>
      <c r="D14457" t="s">
        <v>13553</v>
      </c>
    </row>
    <row r="14458" spans="1:4" x14ac:dyDescent="0.4">
      <c r="A14458" s="1" t="s">
        <v>13554</v>
      </c>
      <c r="B14458" t="s">
        <v>4451</v>
      </c>
      <c r="C14458" t="s">
        <v>13394</v>
      </c>
      <c r="D14458" t="s">
        <v>13555</v>
      </c>
    </row>
    <row r="14459" spans="1:4" x14ac:dyDescent="0.4">
      <c r="A14459" s="1" t="s">
        <v>13556</v>
      </c>
      <c r="B14459" t="s">
        <v>4451</v>
      </c>
      <c r="C14459" t="s">
        <v>13394</v>
      </c>
      <c r="D14459" t="s">
        <v>13557</v>
      </c>
    </row>
    <row r="14460" spans="1:4" x14ac:dyDescent="0.4">
      <c r="A14460" s="1" t="s">
        <v>13558</v>
      </c>
      <c r="B14460" t="s">
        <v>4451</v>
      </c>
      <c r="C14460" t="s">
        <v>13394</v>
      </c>
      <c r="D14460" t="s">
        <v>13559</v>
      </c>
    </row>
    <row r="14461" spans="1:4" x14ac:dyDescent="0.4">
      <c r="A14461" s="1" t="s">
        <v>13560</v>
      </c>
      <c r="B14461" t="s">
        <v>4451</v>
      </c>
      <c r="C14461" t="s">
        <v>13394</v>
      </c>
      <c r="D14461" t="s">
        <v>13561</v>
      </c>
    </row>
    <row r="14462" spans="1:4" x14ac:dyDescent="0.4">
      <c r="A14462" s="1" t="s">
        <v>13562</v>
      </c>
      <c r="B14462" t="s">
        <v>4451</v>
      </c>
      <c r="C14462" t="s">
        <v>13394</v>
      </c>
      <c r="D14462" t="s">
        <v>13563</v>
      </c>
    </row>
    <row r="14463" spans="1:4" x14ac:dyDescent="0.4">
      <c r="A14463" s="1" t="s">
        <v>13564</v>
      </c>
      <c r="B14463" t="s">
        <v>4451</v>
      </c>
      <c r="C14463" t="s">
        <v>13394</v>
      </c>
      <c r="D14463" t="s">
        <v>13565</v>
      </c>
    </row>
    <row r="14464" spans="1:4" x14ac:dyDescent="0.4">
      <c r="A14464" s="1" t="s">
        <v>13566</v>
      </c>
      <c r="B14464" t="s">
        <v>4451</v>
      </c>
      <c r="C14464" t="s">
        <v>13394</v>
      </c>
      <c r="D14464" t="s">
        <v>13567</v>
      </c>
    </row>
    <row r="14465" spans="1:4" x14ac:dyDescent="0.4">
      <c r="A14465" s="1" t="s">
        <v>13568</v>
      </c>
      <c r="B14465" t="s">
        <v>4451</v>
      </c>
      <c r="C14465" t="s">
        <v>13394</v>
      </c>
      <c r="D14465" t="s">
        <v>13569</v>
      </c>
    </row>
    <row r="14466" spans="1:4" x14ac:dyDescent="0.4">
      <c r="A14466" s="1" t="s">
        <v>13570</v>
      </c>
      <c r="B14466" t="s">
        <v>4451</v>
      </c>
      <c r="C14466" t="s">
        <v>13394</v>
      </c>
      <c r="D14466" t="s">
        <v>13571</v>
      </c>
    </row>
    <row r="14467" spans="1:4" x14ac:dyDescent="0.4">
      <c r="A14467" s="1" t="s">
        <v>13572</v>
      </c>
      <c r="B14467" t="s">
        <v>4451</v>
      </c>
      <c r="C14467" t="s">
        <v>13394</v>
      </c>
      <c r="D14467" t="s">
        <v>13573</v>
      </c>
    </row>
    <row r="14468" spans="1:4" x14ac:dyDescent="0.4">
      <c r="A14468" s="1" t="s">
        <v>13574</v>
      </c>
      <c r="B14468" t="s">
        <v>4451</v>
      </c>
      <c r="C14468" t="s">
        <v>13394</v>
      </c>
      <c r="D14468" t="s">
        <v>13575</v>
      </c>
    </row>
    <row r="14469" spans="1:4" x14ac:dyDescent="0.4">
      <c r="A14469" s="1" t="s">
        <v>13576</v>
      </c>
      <c r="B14469" t="s">
        <v>4451</v>
      </c>
      <c r="C14469" t="s">
        <v>13394</v>
      </c>
      <c r="D14469" t="s">
        <v>12163</v>
      </c>
    </row>
    <row r="14470" spans="1:4" x14ac:dyDescent="0.4">
      <c r="A14470" s="1" t="s">
        <v>13577</v>
      </c>
      <c r="B14470" t="s">
        <v>4451</v>
      </c>
      <c r="C14470" t="s">
        <v>13394</v>
      </c>
      <c r="D14470" t="s">
        <v>13578</v>
      </c>
    </row>
    <row r="14471" spans="1:4" x14ac:dyDescent="0.4">
      <c r="A14471" s="1" t="s">
        <v>13579</v>
      </c>
      <c r="B14471" t="s">
        <v>4451</v>
      </c>
      <c r="C14471" t="s">
        <v>13394</v>
      </c>
      <c r="D14471" t="s">
        <v>13580</v>
      </c>
    </row>
    <row r="14472" spans="1:4" x14ac:dyDescent="0.4">
      <c r="A14472" s="1" t="s">
        <v>13581</v>
      </c>
      <c r="B14472" t="s">
        <v>4451</v>
      </c>
      <c r="C14472" t="s">
        <v>13394</v>
      </c>
      <c r="D14472" t="s">
        <v>13582</v>
      </c>
    </row>
    <row r="14473" spans="1:4" x14ac:dyDescent="0.4">
      <c r="A14473" s="1" t="s">
        <v>13583</v>
      </c>
      <c r="B14473" t="s">
        <v>4451</v>
      </c>
      <c r="C14473" t="s">
        <v>13394</v>
      </c>
      <c r="D14473" t="s">
        <v>13584</v>
      </c>
    </row>
    <row r="14474" spans="1:4" x14ac:dyDescent="0.4">
      <c r="A14474" s="1" t="s">
        <v>13585</v>
      </c>
      <c r="B14474" t="s">
        <v>4451</v>
      </c>
      <c r="C14474" t="s">
        <v>13394</v>
      </c>
      <c r="D14474" t="s">
        <v>13586</v>
      </c>
    </row>
    <row r="14475" spans="1:4" x14ac:dyDescent="0.4">
      <c r="A14475" s="1" t="s">
        <v>13587</v>
      </c>
      <c r="B14475" t="s">
        <v>4451</v>
      </c>
      <c r="C14475" t="s">
        <v>13394</v>
      </c>
      <c r="D14475" t="s">
        <v>13588</v>
      </c>
    </row>
    <row r="14476" spans="1:4" x14ac:dyDescent="0.4">
      <c r="A14476" s="1" t="s">
        <v>13589</v>
      </c>
      <c r="B14476" t="s">
        <v>4451</v>
      </c>
      <c r="C14476" t="s">
        <v>13394</v>
      </c>
      <c r="D14476" t="s">
        <v>13590</v>
      </c>
    </row>
    <row r="14477" spans="1:4" x14ac:dyDescent="0.4">
      <c r="A14477" s="1" t="s">
        <v>13591</v>
      </c>
      <c r="B14477" t="s">
        <v>4451</v>
      </c>
      <c r="C14477" t="s">
        <v>13394</v>
      </c>
      <c r="D14477" t="s">
        <v>13592</v>
      </c>
    </row>
    <row r="14478" spans="1:4" x14ac:dyDescent="0.4">
      <c r="A14478" s="1" t="s">
        <v>13593</v>
      </c>
      <c r="B14478" t="s">
        <v>4451</v>
      </c>
      <c r="C14478" t="s">
        <v>13394</v>
      </c>
      <c r="D14478" t="s">
        <v>13594</v>
      </c>
    </row>
    <row r="14479" spans="1:4" x14ac:dyDescent="0.4">
      <c r="A14479" s="1" t="s">
        <v>13595</v>
      </c>
      <c r="B14479" t="s">
        <v>4451</v>
      </c>
      <c r="C14479" t="s">
        <v>13394</v>
      </c>
      <c r="D14479" t="s">
        <v>13596</v>
      </c>
    </row>
    <row r="14480" spans="1:4" x14ac:dyDescent="0.4">
      <c r="A14480" s="1" t="s">
        <v>13597</v>
      </c>
      <c r="B14480" t="s">
        <v>4451</v>
      </c>
      <c r="C14480" t="s">
        <v>13394</v>
      </c>
      <c r="D14480" t="s">
        <v>13598</v>
      </c>
    </row>
    <row r="14481" spans="1:4" x14ac:dyDescent="0.4">
      <c r="A14481" s="1" t="s">
        <v>13599</v>
      </c>
      <c r="B14481" t="s">
        <v>4451</v>
      </c>
      <c r="C14481" t="s">
        <v>13394</v>
      </c>
      <c r="D14481" t="s">
        <v>13600</v>
      </c>
    </row>
    <row r="14482" spans="1:4" x14ac:dyDescent="0.4">
      <c r="A14482" s="1" t="s">
        <v>13601</v>
      </c>
      <c r="B14482" t="s">
        <v>4451</v>
      </c>
      <c r="C14482" t="s">
        <v>13394</v>
      </c>
      <c r="D14482" t="s">
        <v>13602</v>
      </c>
    </row>
    <row r="14483" spans="1:4" x14ac:dyDescent="0.4">
      <c r="A14483" s="1" t="s">
        <v>13603</v>
      </c>
      <c r="B14483" t="s">
        <v>4451</v>
      </c>
      <c r="C14483" t="s">
        <v>13394</v>
      </c>
      <c r="D14483" t="s">
        <v>13604</v>
      </c>
    </row>
    <row r="14484" spans="1:4" x14ac:dyDescent="0.4">
      <c r="A14484" s="1" t="s">
        <v>13605</v>
      </c>
      <c r="B14484" t="s">
        <v>4451</v>
      </c>
      <c r="C14484" t="s">
        <v>13394</v>
      </c>
      <c r="D14484" t="s">
        <v>13606</v>
      </c>
    </row>
    <row r="14485" spans="1:4" x14ac:dyDescent="0.4">
      <c r="A14485" s="1" t="s">
        <v>13607</v>
      </c>
      <c r="B14485" t="s">
        <v>4451</v>
      </c>
      <c r="C14485" t="s">
        <v>13394</v>
      </c>
      <c r="D14485" t="s">
        <v>13608</v>
      </c>
    </row>
    <row r="14486" spans="1:4" x14ac:dyDescent="0.4">
      <c r="A14486" s="1" t="s">
        <v>13609</v>
      </c>
      <c r="B14486" t="s">
        <v>4451</v>
      </c>
      <c r="C14486" t="s">
        <v>13394</v>
      </c>
      <c r="D14486" t="s">
        <v>13610</v>
      </c>
    </row>
    <row r="14487" spans="1:4" x14ac:dyDescent="0.4">
      <c r="A14487" s="1" t="s">
        <v>13611</v>
      </c>
      <c r="B14487" t="s">
        <v>4451</v>
      </c>
      <c r="C14487" t="s">
        <v>13394</v>
      </c>
      <c r="D14487" t="s">
        <v>13612</v>
      </c>
    </row>
    <row r="14488" spans="1:4" x14ac:dyDescent="0.4">
      <c r="A14488" s="1" t="s">
        <v>13613</v>
      </c>
      <c r="B14488" t="s">
        <v>4451</v>
      </c>
      <c r="C14488" t="s">
        <v>13394</v>
      </c>
      <c r="D14488" t="s">
        <v>13614</v>
      </c>
    </row>
    <row r="14489" spans="1:4" x14ac:dyDescent="0.4">
      <c r="A14489" s="1" t="s">
        <v>13615</v>
      </c>
      <c r="B14489" t="s">
        <v>4451</v>
      </c>
      <c r="C14489" t="s">
        <v>13394</v>
      </c>
      <c r="D14489" t="s">
        <v>13616</v>
      </c>
    </row>
    <row r="14490" spans="1:4" x14ac:dyDescent="0.4">
      <c r="A14490" s="1" t="s">
        <v>13617</v>
      </c>
      <c r="B14490" t="s">
        <v>4451</v>
      </c>
      <c r="C14490" t="s">
        <v>13394</v>
      </c>
      <c r="D14490" t="s">
        <v>13618</v>
      </c>
    </row>
    <row r="14491" spans="1:4" x14ac:dyDescent="0.4">
      <c r="A14491" s="1" t="s">
        <v>13619</v>
      </c>
      <c r="B14491" t="s">
        <v>4451</v>
      </c>
      <c r="C14491" t="s">
        <v>13394</v>
      </c>
      <c r="D14491" t="s">
        <v>13620</v>
      </c>
    </row>
    <row r="14492" spans="1:4" x14ac:dyDescent="0.4">
      <c r="A14492" s="1" t="s">
        <v>13621</v>
      </c>
      <c r="B14492" t="s">
        <v>4451</v>
      </c>
      <c r="C14492" t="s">
        <v>13394</v>
      </c>
      <c r="D14492" t="s">
        <v>194</v>
      </c>
    </row>
    <row r="14493" spans="1:4" x14ac:dyDescent="0.4">
      <c r="A14493" s="1" t="s">
        <v>13622</v>
      </c>
      <c r="B14493" t="s">
        <v>4451</v>
      </c>
      <c r="C14493" t="s">
        <v>13394</v>
      </c>
      <c r="D14493" t="s">
        <v>1341</v>
      </c>
    </row>
    <row r="14494" spans="1:4" x14ac:dyDescent="0.4">
      <c r="A14494" s="1" t="s">
        <v>13623</v>
      </c>
      <c r="B14494" t="s">
        <v>4451</v>
      </c>
      <c r="C14494" t="s">
        <v>13394</v>
      </c>
      <c r="D14494" t="s">
        <v>13624</v>
      </c>
    </row>
    <row r="14495" spans="1:4" x14ac:dyDescent="0.4">
      <c r="A14495" s="1" t="s">
        <v>13625</v>
      </c>
      <c r="B14495" t="s">
        <v>4451</v>
      </c>
      <c r="C14495" t="s">
        <v>13394</v>
      </c>
      <c r="D14495" t="s">
        <v>13626</v>
      </c>
    </row>
    <row r="14496" spans="1:4" x14ac:dyDescent="0.4">
      <c r="A14496" s="1" t="s">
        <v>13627</v>
      </c>
      <c r="B14496" t="s">
        <v>4451</v>
      </c>
      <c r="C14496" t="s">
        <v>13394</v>
      </c>
      <c r="D14496" t="s">
        <v>13628</v>
      </c>
    </row>
    <row r="14497" spans="1:4" x14ac:dyDescent="0.4">
      <c r="A14497" s="1" t="s">
        <v>13629</v>
      </c>
      <c r="B14497" t="s">
        <v>4451</v>
      </c>
      <c r="C14497" t="s">
        <v>13394</v>
      </c>
      <c r="D14497" t="s">
        <v>13630</v>
      </c>
    </row>
    <row r="14498" spans="1:4" x14ac:dyDescent="0.4">
      <c r="A14498" s="1" t="s">
        <v>13631</v>
      </c>
      <c r="B14498" t="s">
        <v>4451</v>
      </c>
      <c r="C14498" t="s">
        <v>13394</v>
      </c>
      <c r="D14498" t="s">
        <v>13632</v>
      </c>
    </row>
    <row r="14499" spans="1:4" x14ac:dyDescent="0.4">
      <c r="A14499" s="1" t="s">
        <v>13633</v>
      </c>
      <c r="B14499" t="s">
        <v>4451</v>
      </c>
      <c r="C14499" t="s">
        <v>13394</v>
      </c>
      <c r="D14499" t="s">
        <v>13634</v>
      </c>
    </row>
    <row r="14500" spans="1:4" x14ac:dyDescent="0.4">
      <c r="A14500" s="1" t="s">
        <v>13635</v>
      </c>
      <c r="B14500" t="s">
        <v>4451</v>
      </c>
      <c r="C14500" t="s">
        <v>13394</v>
      </c>
      <c r="D14500" t="s">
        <v>3348</v>
      </c>
    </row>
    <row r="14501" spans="1:4" x14ac:dyDescent="0.4">
      <c r="A14501" s="1" t="s">
        <v>13636</v>
      </c>
      <c r="B14501" t="s">
        <v>4451</v>
      </c>
      <c r="C14501" t="s">
        <v>13394</v>
      </c>
      <c r="D14501" t="s">
        <v>13637</v>
      </c>
    </row>
    <row r="14502" spans="1:4" x14ac:dyDescent="0.4">
      <c r="A14502" s="1" t="s">
        <v>13638</v>
      </c>
      <c r="B14502" t="s">
        <v>4451</v>
      </c>
      <c r="C14502" t="s">
        <v>13394</v>
      </c>
      <c r="D14502" t="s">
        <v>13639</v>
      </c>
    </row>
    <row r="14503" spans="1:4" x14ac:dyDescent="0.4">
      <c r="A14503" s="1" t="s">
        <v>13640</v>
      </c>
      <c r="B14503" t="s">
        <v>4451</v>
      </c>
      <c r="C14503" t="s">
        <v>13394</v>
      </c>
      <c r="D14503" t="s">
        <v>13641</v>
      </c>
    </row>
    <row r="14504" spans="1:4" x14ac:dyDescent="0.4">
      <c r="A14504" s="1" t="s">
        <v>13642</v>
      </c>
      <c r="B14504" t="s">
        <v>4451</v>
      </c>
      <c r="C14504" t="s">
        <v>13394</v>
      </c>
      <c r="D14504" t="s">
        <v>13643</v>
      </c>
    </row>
    <row r="14505" spans="1:4" x14ac:dyDescent="0.4">
      <c r="A14505" s="1" t="s">
        <v>13644</v>
      </c>
      <c r="B14505" t="s">
        <v>4451</v>
      </c>
      <c r="C14505" t="s">
        <v>13394</v>
      </c>
      <c r="D14505" t="s">
        <v>13645</v>
      </c>
    </row>
    <row r="14506" spans="1:4" x14ac:dyDescent="0.4">
      <c r="A14506" s="1" t="s">
        <v>13646</v>
      </c>
      <c r="B14506" t="s">
        <v>4451</v>
      </c>
      <c r="C14506" t="s">
        <v>13394</v>
      </c>
      <c r="D14506" t="s">
        <v>13647</v>
      </c>
    </row>
    <row r="14507" spans="1:4" x14ac:dyDescent="0.4">
      <c r="A14507" s="1" t="s">
        <v>13648</v>
      </c>
      <c r="B14507" t="s">
        <v>4451</v>
      </c>
      <c r="C14507" t="s">
        <v>13394</v>
      </c>
      <c r="D14507" t="s">
        <v>13649</v>
      </c>
    </row>
    <row r="14508" spans="1:4" x14ac:dyDescent="0.4">
      <c r="A14508" s="1" t="s">
        <v>13650</v>
      </c>
      <c r="B14508" t="s">
        <v>4451</v>
      </c>
      <c r="C14508" t="s">
        <v>13394</v>
      </c>
      <c r="D14508" t="s">
        <v>13651</v>
      </c>
    </row>
    <row r="14509" spans="1:4" x14ac:dyDescent="0.4">
      <c r="A14509" s="1" t="s">
        <v>13652</v>
      </c>
      <c r="B14509" t="s">
        <v>4451</v>
      </c>
      <c r="C14509" t="s">
        <v>13394</v>
      </c>
      <c r="D14509" t="s">
        <v>13653</v>
      </c>
    </row>
    <row r="14510" spans="1:4" x14ac:dyDescent="0.4">
      <c r="A14510" s="1" t="s">
        <v>13654</v>
      </c>
      <c r="B14510" t="s">
        <v>4451</v>
      </c>
      <c r="C14510" t="s">
        <v>13394</v>
      </c>
      <c r="D14510" t="s">
        <v>13655</v>
      </c>
    </row>
    <row r="14511" spans="1:4" x14ac:dyDescent="0.4">
      <c r="A14511" s="1" t="s">
        <v>13656</v>
      </c>
      <c r="B14511" t="s">
        <v>4451</v>
      </c>
      <c r="C14511" t="s">
        <v>13394</v>
      </c>
      <c r="D14511" t="s">
        <v>13657</v>
      </c>
    </row>
    <row r="14512" spans="1:4" x14ac:dyDescent="0.4">
      <c r="A14512" s="1" t="s">
        <v>13658</v>
      </c>
      <c r="B14512" t="s">
        <v>4451</v>
      </c>
      <c r="C14512" t="s">
        <v>13394</v>
      </c>
      <c r="D14512" t="s">
        <v>13659</v>
      </c>
    </row>
    <row r="14513" spans="1:4" x14ac:dyDescent="0.4">
      <c r="A14513" s="1" t="s">
        <v>13660</v>
      </c>
      <c r="B14513" t="s">
        <v>4451</v>
      </c>
      <c r="C14513" t="s">
        <v>13394</v>
      </c>
      <c r="D14513" t="s">
        <v>13661</v>
      </c>
    </row>
    <row r="14514" spans="1:4" x14ac:dyDescent="0.4">
      <c r="A14514" s="1" t="s">
        <v>13662</v>
      </c>
      <c r="B14514" t="s">
        <v>4451</v>
      </c>
      <c r="C14514" t="s">
        <v>13394</v>
      </c>
      <c r="D14514" t="s">
        <v>13663</v>
      </c>
    </row>
    <row r="14515" spans="1:4" x14ac:dyDescent="0.4">
      <c r="A14515" s="1" t="s">
        <v>13664</v>
      </c>
      <c r="B14515" t="s">
        <v>4451</v>
      </c>
      <c r="C14515" t="s">
        <v>13394</v>
      </c>
      <c r="D14515" t="s">
        <v>13665</v>
      </c>
    </row>
    <row r="14516" spans="1:4" x14ac:dyDescent="0.4">
      <c r="A14516" s="1" t="s">
        <v>13666</v>
      </c>
      <c r="B14516" t="s">
        <v>4451</v>
      </c>
      <c r="C14516" t="s">
        <v>13394</v>
      </c>
      <c r="D14516" t="s">
        <v>13667</v>
      </c>
    </row>
    <row r="14517" spans="1:4" x14ac:dyDescent="0.4">
      <c r="A14517" s="1" t="s">
        <v>13668</v>
      </c>
      <c r="B14517" t="s">
        <v>4451</v>
      </c>
      <c r="C14517" t="s">
        <v>13394</v>
      </c>
      <c r="D14517" t="s">
        <v>13669</v>
      </c>
    </row>
    <row r="14518" spans="1:4" x14ac:dyDescent="0.4">
      <c r="A14518" s="1" t="s">
        <v>13670</v>
      </c>
      <c r="B14518" t="s">
        <v>4451</v>
      </c>
      <c r="C14518" t="s">
        <v>13394</v>
      </c>
      <c r="D14518" t="s">
        <v>13671</v>
      </c>
    </row>
    <row r="14519" spans="1:4" x14ac:dyDescent="0.4">
      <c r="A14519" s="1" t="s">
        <v>13672</v>
      </c>
      <c r="B14519" t="s">
        <v>4451</v>
      </c>
      <c r="C14519" t="s">
        <v>13394</v>
      </c>
      <c r="D14519" t="s">
        <v>13673</v>
      </c>
    </row>
    <row r="14520" spans="1:4" x14ac:dyDescent="0.4">
      <c r="A14520" s="1" t="s">
        <v>13674</v>
      </c>
      <c r="B14520" t="s">
        <v>4451</v>
      </c>
      <c r="C14520" t="s">
        <v>13394</v>
      </c>
      <c r="D14520" t="s">
        <v>13675</v>
      </c>
    </row>
    <row r="14521" spans="1:4" x14ac:dyDescent="0.4">
      <c r="A14521" s="1" t="s">
        <v>13676</v>
      </c>
      <c r="B14521" t="s">
        <v>4451</v>
      </c>
      <c r="C14521" t="s">
        <v>13394</v>
      </c>
      <c r="D14521" t="s">
        <v>13677</v>
      </c>
    </row>
    <row r="14522" spans="1:4" x14ac:dyDescent="0.4">
      <c r="A14522" s="1" t="s">
        <v>13678</v>
      </c>
      <c r="B14522" t="s">
        <v>4451</v>
      </c>
      <c r="C14522" t="s">
        <v>13394</v>
      </c>
      <c r="D14522" t="s">
        <v>13679</v>
      </c>
    </row>
    <row r="14523" spans="1:4" x14ac:dyDescent="0.4">
      <c r="A14523" s="1" t="s">
        <v>13680</v>
      </c>
      <c r="B14523" t="s">
        <v>4451</v>
      </c>
      <c r="C14523" t="s">
        <v>13394</v>
      </c>
      <c r="D14523" t="s">
        <v>13681</v>
      </c>
    </row>
    <row r="14524" spans="1:4" x14ac:dyDescent="0.4">
      <c r="A14524" s="1" t="s">
        <v>13682</v>
      </c>
      <c r="B14524" t="s">
        <v>4451</v>
      </c>
      <c r="C14524" t="s">
        <v>13394</v>
      </c>
      <c r="D14524" t="s">
        <v>13683</v>
      </c>
    </row>
    <row r="14525" spans="1:4" x14ac:dyDescent="0.4">
      <c r="A14525" s="1" t="s">
        <v>13684</v>
      </c>
      <c r="B14525" t="s">
        <v>4451</v>
      </c>
      <c r="C14525" t="s">
        <v>13394</v>
      </c>
      <c r="D14525" t="s">
        <v>13685</v>
      </c>
    </row>
    <row r="14526" spans="1:4" x14ac:dyDescent="0.4">
      <c r="A14526" s="1" t="s">
        <v>13686</v>
      </c>
      <c r="B14526" t="s">
        <v>4451</v>
      </c>
      <c r="C14526" t="s">
        <v>13394</v>
      </c>
      <c r="D14526" t="s">
        <v>13687</v>
      </c>
    </row>
    <row r="14527" spans="1:4" x14ac:dyDescent="0.4">
      <c r="A14527" s="1" t="s">
        <v>13688</v>
      </c>
      <c r="B14527" t="s">
        <v>4451</v>
      </c>
      <c r="C14527" t="s">
        <v>13394</v>
      </c>
      <c r="D14527" t="s">
        <v>13689</v>
      </c>
    </row>
    <row r="14528" spans="1:4" x14ac:dyDescent="0.4">
      <c r="A14528" s="1" t="s">
        <v>13690</v>
      </c>
      <c r="B14528" t="s">
        <v>4451</v>
      </c>
      <c r="C14528" t="s">
        <v>13394</v>
      </c>
      <c r="D14528" t="s">
        <v>4698</v>
      </c>
    </row>
    <row r="14529" spans="1:4" x14ac:dyDescent="0.4">
      <c r="A14529" s="1" t="s">
        <v>13691</v>
      </c>
      <c r="B14529" t="s">
        <v>4451</v>
      </c>
      <c r="C14529" t="s">
        <v>13394</v>
      </c>
      <c r="D14529" t="s">
        <v>13692</v>
      </c>
    </row>
    <row r="14530" spans="1:4" x14ac:dyDescent="0.4">
      <c r="A14530" s="1" t="s">
        <v>13693</v>
      </c>
      <c r="B14530" t="s">
        <v>4451</v>
      </c>
      <c r="C14530" t="s">
        <v>13394</v>
      </c>
      <c r="D14530" t="s">
        <v>13694</v>
      </c>
    </row>
    <row r="14531" spans="1:4" x14ac:dyDescent="0.4">
      <c r="A14531" s="1" t="s">
        <v>13695</v>
      </c>
      <c r="B14531" t="s">
        <v>4451</v>
      </c>
      <c r="C14531" t="s">
        <v>13394</v>
      </c>
      <c r="D14531" t="s">
        <v>13696</v>
      </c>
    </row>
    <row r="14532" spans="1:4" x14ac:dyDescent="0.4">
      <c r="A14532" s="1" t="s">
        <v>13697</v>
      </c>
      <c r="B14532" t="s">
        <v>4451</v>
      </c>
      <c r="C14532" t="s">
        <v>13394</v>
      </c>
      <c r="D14532" t="s">
        <v>13698</v>
      </c>
    </row>
    <row r="14533" spans="1:4" x14ac:dyDescent="0.4">
      <c r="A14533" s="1" t="s">
        <v>13699</v>
      </c>
      <c r="B14533" t="s">
        <v>4451</v>
      </c>
      <c r="C14533" t="s">
        <v>13394</v>
      </c>
      <c r="D14533" t="s">
        <v>13700</v>
      </c>
    </row>
    <row r="14534" spans="1:4" x14ac:dyDescent="0.4">
      <c r="A14534" s="1" t="s">
        <v>13701</v>
      </c>
      <c r="B14534" t="s">
        <v>4451</v>
      </c>
      <c r="C14534" t="s">
        <v>13394</v>
      </c>
      <c r="D14534" t="s">
        <v>13702</v>
      </c>
    </row>
    <row r="14535" spans="1:4" x14ac:dyDescent="0.4">
      <c r="A14535" s="1" t="s">
        <v>13703</v>
      </c>
      <c r="B14535" t="s">
        <v>4451</v>
      </c>
      <c r="C14535" t="s">
        <v>13394</v>
      </c>
      <c r="D14535" t="s">
        <v>13704</v>
      </c>
    </row>
    <row r="14536" spans="1:4" x14ac:dyDescent="0.4">
      <c r="A14536" s="1" t="s">
        <v>13705</v>
      </c>
      <c r="B14536" t="s">
        <v>4451</v>
      </c>
      <c r="C14536" t="s">
        <v>13394</v>
      </c>
      <c r="D14536" t="s">
        <v>13706</v>
      </c>
    </row>
    <row r="14537" spans="1:4" x14ac:dyDescent="0.4">
      <c r="A14537" s="1" t="s">
        <v>13707</v>
      </c>
      <c r="B14537" t="s">
        <v>4451</v>
      </c>
      <c r="C14537" t="s">
        <v>13394</v>
      </c>
      <c r="D14537" t="s">
        <v>13708</v>
      </c>
    </row>
    <row r="14538" spans="1:4" x14ac:dyDescent="0.4">
      <c r="A14538" s="1" t="s">
        <v>13709</v>
      </c>
      <c r="B14538" t="s">
        <v>4451</v>
      </c>
      <c r="C14538" t="s">
        <v>13394</v>
      </c>
      <c r="D14538" t="s">
        <v>13710</v>
      </c>
    </row>
    <row r="14539" spans="1:4" x14ac:dyDescent="0.4">
      <c r="A14539" s="1" t="s">
        <v>13711</v>
      </c>
      <c r="B14539" t="s">
        <v>4451</v>
      </c>
      <c r="C14539" t="s">
        <v>13394</v>
      </c>
      <c r="D14539" t="s">
        <v>13712</v>
      </c>
    </row>
    <row r="14540" spans="1:4" x14ac:dyDescent="0.4">
      <c r="A14540" s="1" t="s">
        <v>13713</v>
      </c>
      <c r="B14540" t="s">
        <v>4451</v>
      </c>
      <c r="C14540" t="s">
        <v>13394</v>
      </c>
      <c r="D14540" t="s">
        <v>13714</v>
      </c>
    </row>
    <row r="14541" spans="1:4" x14ac:dyDescent="0.4">
      <c r="A14541" s="1" t="s">
        <v>13715</v>
      </c>
      <c r="B14541" t="s">
        <v>4451</v>
      </c>
      <c r="C14541" t="s">
        <v>13394</v>
      </c>
      <c r="D14541" t="s">
        <v>13716</v>
      </c>
    </row>
    <row r="14542" spans="1:4" x14ac:dyDescent="0.4">
      <c r="A14542" s="1" t="s">
        <v>13717</v>
      </c>
      <c r="B14542" t="s">
        <v>4451</v>
      </c>
      <c r="C14542" t="s">
        <v>13394</v>
      </c>
      <c r="D14542" t="s">
        <v>13718</v>
      </c>
    </row>
    <row r="14543" spans="1:4" x14ac:dyDescent="0.4">
      <c r="A14543" s="1" t="s">
        <v>13719</v>
      </c>
      <c r="B14543" t="s">
        <v>4451</v>
      </c>
      <c r="C14543" t="s">
        <v>13394</v>
      </c>
      <c r="D14543" t="s">
        <v>13720</v>
      </c>
    </row>
    <row r="14544" spans="1:4" x14ac:dyDescent="0.4">
      <c r="A14544" s="1" t="s">
        <v>13721</v>
      </c>
      <c r="B14544" t="s">
        <v>4451</v>
      </c>
      <c r="C14544" t="s">
        <v>13394</v>
      </c>
      <c r="D14544" t="s">
        <v>13722</v>
      </c>
    </row>
    <row r="14545" spans="1:4" x14ac:dyDescent="0.4">
      <c r="A14545" s="1" t="s">
        <v>13723</v>
      </c>
      <c r="B14545" t="s">
        <v>4451</v>
      </c>
      <c r="C14545" t="s">
        <v>13394</v>
      </c>
      <c r="D14545" t="s">
        <v>13724</v>
      </c>
    </row>
    <row r="14546" spans="1:4" x14ac:dyDescent="0.4">
      <c r="A14546" s="1" t="s">
        <v>13725</v>
      </c>
      <c r="B14546" t="s">
        <v>4451</v>
      </c>
      <c r="C14546" t="s">
        <v>13394</v>
      </c>
      <c r="D14546" t="s">
        <v>13726</v>
      </c>
    </row>
    <row r="14547" spans="1:4" x14ac:dyDescent="0.4">
      <c r="A14547" s="1" t="s">
        <v>13727</v>
      </c>
      <c r="B14547" t="s">
        <v>4451</v>
      </c>
      <c r="C14547" t="s">
        <v>13394</v>
      </c>
      <c r="D14547" t="s">
        <v>2176</v>
      </c>
    </row>
    <row r="14548" spans="1:4" x14ac:dyDescent="0.4">
      <c r="A14548" s="1" t="s">
        <v>13728</v>
      </c>
      <c r="B14548" t="s">
        <v>4451</v>
      </c>
      <c r="C14548" t="s">
        <v>13394</v>
      </c>
      <c r="D14548" t="s">
        <v>13729</v>
      </c>
    </row>
    <row r="14549" spans="1:4" x14ac:dyDescent="0.4">
      <c r="A14549" s="1" t="s">
        <v>13730</v>
      </c>
      <c r="B14549" t="s">
        <v>4451</v>
      </c>
      <c r="C14549" t="s">
        <v>13731</v>
      </c>
    </row>
    <row r="14550" spans="1:4" x14ac:dyDescent="0.4">
      <c r="A14550" s="1" t="s">
        <v>13732</v>
      </c>
      <c r="B14550" t="s">
        <v>4451</v>
      </c>
      <c r="C14550" t="s">
        <v>13731</v>
      </c>
      <c r="D14550" t="s">
        <v>13733</v>
      </c>
    </row>
    <row r="14551" spans="1:4" x14ac:dyDescent="0.4">
      <c r="A14551" s="1" t="s">
        <v>13732</v>
      </c>
      <c r="B14551" t="s">
        <v>4451</v>
      </c>
      <c r="C14551" t="s">
        <v>13731</v>
      </c>
      <c r="D14551" t="s">
        <v>13734</v>
      </c>
    </row>
    <row r="14552" spans="1:4" x14ac:dyDescent="0.4">
      <c r="A14552" s="1" t="s">
        <v>13732</v>
      </c>
      <c r="B14552" t="s">
        <v>4451</v>
      </c>
      <c r="C14552" t="s">
        <v>13731</v>
      </c>
      <c r="D14552" t="s">
        <v>13735</v>
      </c>
    </row>
    <row r="14553" spans="1:4" x14ac:dyDescent="0.4">
      <c r="A14553" s="1" t="s">
        <v>13732</v>
      </c>
      <c r="B14553" t="s">
        <v>4451</v>
      </c>
      <c r="C14553" t="s">
        <v>13731</v>
      </c>
      <c r="D14553" t="s">
        <v>13736</v>
      </c>
    </row>
    <row r="14554" spans="1:4" x14ac:dyDescent="0.4">
      <c r="A14554" s="1" t="s">
        <v>13737</v>
      </c>
      <c r="B14554" t="s">
        <v>4451</v>
      </c>
      <c r="C14554" t="s">
        <v>13731</v>
      </c>
      <c r="D14554" t="s">
        <v>13738</v>
      </c>
    </row>
    <row r="14555" spans="1:4" x14ac:dyDescent="0.4">
      <c r="A14555" s="1" t="s">
        <v>13739</v>
      </c>
      <c r="B14555" t="s">
        <v>4451</v>
      </c>
      <c r="C14555" t="s">
        <v>13731</v>
      </c>
      <c r="D14555" t="s">
        <v>13740</v>
      </c>
    </row>
    <row r="14556" spans="1:4" x14ac:dyDescent="0.4">
      <c r="A14556" s="1" t="s">
        <v>13739</v>
      </c>
      <c r="B14556" t="s">
        <v>4451</v>
      </c>
      <c r="C14556" t="s">
        <v>13731</v>
      </c>
      <c r="D14556" t="s">
        <v>13741</v>
      </c>
    </row>
    <row r="14557" spans="1:4" x14ac:dyDescent="0.4">
      <c r="A14557" s="1" t="s">
        <v>13739</v>
      </c>
      <c r="B14557" t="s">
        <v>4451</v>
      </c>
      <c r="C14557" t="s">
        <v>13731</v>
      </c>
      <c r="D14557" t="s">
        <v>13742</v>
      </c>
    </row>
    <row r="14558" spans="1:4" x14ac:dyDescent="0.4">
      <c r="A14558" s="1" t="s">
        <v>13743</v>
      </c>
      <c r="B14558" t="s">
        <v>4451</v>
      </c>
      <c r="C14558" t="s">
        <v>13731</v>
      </c>
      <c r="D14558" t="s">
        <v>13744</v>
      </c>
    </row>
    <row r="14559" spans="1:4" x14ac:dyDescent="0.4">
      <c r="A14559" s="1" t="s">
        <v>13745</v>
      </c>
      <c r="B14559" t="s">
        <v>4451</v>
      </c>
      <c r="C14559" t="s">
        <v>13731</v>
      </c>
      <c r="D14559" t="s">
        <v>13746</v>
      </c>
    </row>
    <row r="14560" spans="1:4" x14ac:dyDescent="0.4">
      <c r="A14560" s="1" t="s">
        <v>13747</v>
      </c>
      <c r="B14560" t="s">
        <v>4451</v>
      </c>
      <c r="C14560" t="s">
        <v>13731</v>
      </c>
      <c r="D14560" t="s">
        <v>4248</v>
      </c>
    </row>
    <row r="14561" spans="1:4" x14ac:dyDescent="0.4">
      <c r="A14561" s="1" t="s">
        <v>13748</v>
      </c>
      <c r="B14561" t="s">
        <v>4451</v>
      </c>
      <c r="C14561" t="s">
        <v>13731</v>
      </c>
      <c r="D14561" t="s">
        <v>6181</v>
      </c>
    </row>
    <row r="14562" spans="1:4" x14ac:dyDescent="0.4">
      <c r="A14562" s="1" t="s">
        <v>13749</v>
      </c>
      <c r="B14562" t="s">
        <v>4451</v>
      </c>
      <c r="C14562" t="s">
        <v>13731</v>
      </c>
      <c r="D14562" t="s">
        <v>13750</v>
      </c>
    </row>
    <row r="14563" spans="1:4" x14ac:dyDescent="0.4">
      <c r="A14563" s="1" t="s">
        <v>13751</v>
      </c>
      <c r="B14563" t="s">
        <v>4451</v>
      </c>
      <c r="C14563" t="s">
        <v>13731</v>
      </c>
      <c r="D14563" t="s">
        <v>4257</v>
      </c>
    </row>
    <row r="14564" spans="1:4" x14ac:dyDescent="0.4">
      <c r="A14564" s="1" t="s">
        <v>13752</v>
      </c>
      <c r="B14564" t="s">
        <v>4451</v>
      </c>
      <c r="C14564" t="s">
        <v>13731</v>
      </c>
      <c r="D14564" t="s">
        <v>13753</v>
      </c>
    </row>
    <row r="14565" spans="1:4" x14ac:dyDescent="0.4">
      <c r="A14565" s="1" t="s">
        <v>13754</v>
      </c>
      <c r="B14565" t="s">
        <v>4451</v>
      </c>
      <c r="C14565" t="s">
        <v>13731</v>
      </c>
      <c r="D14565" t="s">
        <v>2529</v>
      </c>
    </row>
    <row r="14566" spans="1:4" x14ac:dyDescent="0.4">
      <c r="A14566" s="1" t="s">
        <v>13755</v>
      </c>
      <c r="B14566" t="s">
        <v>4451</v>
      </c>
      <c r="C14566" t="s">
        <v>13756</v>
      </c>
    </row>
    <row r="14567" spans="1:4" x14ac:dyDescent="0.4">
      <c r="A14567" s="1" t="s">
        <v>13757</v>
      </c>
      <c r="B14567" t="s">
        <v>4451</v>
      </c>
      <c r="C14567" t="s">
        <v>13756</v>
      </c>
      <c r="D14567" t="s">
        <v>13758</v>
      </c>
    </row>
    <row r="14568" spans="1:4" x14ac:dyDescent="0.4">
      <c r="A14568" s="1" t="s">
        <v>13759</v>
      </c>
      <c r="B14568" t="s">
        <v>4451</v>
      </c>
      <c r="C14568" t="s">
        <v>13756</v>
      </c>
      <c r="D14568" t="s">
        <v>13760</v>
      </c>
    </row>
    <row r="14569" spans="1:4" x14ac:dyDescent="0.4">
      <c r="A14569" s="1" t="s">
        <v>13761</v>
      </c>
      <c r="B14569" t="s">
        <v>4451</v>
      </c>
      <c r="C14569" t="s">
        <v>13756</v>
      </c>
      <c r="D14569" t="s">
        <v>13762</v>
      </c>
    </row>
    <row r="14570" spans="1:4" x14ac:dyDescent="0.4">
      <c r="A14570" s="1" t="s">
        <v>13763</v>
      </c>
      <c r="B14570" t="s">
        <v>4451</v>
      </c>
      <c r="C14570" t="s">
        <v>13756</v>
      </c>
      <c r="D14570" t="s">
        <v>13764</v>
      </c>
    </row>
    <row r="14571" spans="1:4" x14ac:dyDescent="0.4">
      <c r="A14571" s="1" t="s">
        <v>13765</v>
      </c>
      <c r="B14571" t="s">
        <v>4451</v>
      </c>
      <c r="C14571" t="s">
        <v>13756</v>
      </c>
      <c r="D14571" t="s">
        <v>6168</v>
      </c>
    </row>
    <row r="14572" spans="1:4" x14ac:dyDescent="0.4">
      <c r="A14572" s="1" t="s">
        <v>13766</v>
      </c>
      <c r="B14572" t="s">
        <v>4451</v>
      </c>
      <c r="C14572" t="s">
        <v>13756</v>
      </c>
      <c r="D14572" t="s">
        <v>13767</v>
      </c>
    </row>
    <row r="14573" spans="1:4" x14ac:dyDescent="0.4">
      <c r="A14573" s="1" t="s">
        <v>13768</v>
      </c>
      <c r="B14573" t="s">
        <v>4451</v>
      </c>
      <c r="C14573" t="s">
        <v>13756</v>
      </c>
      <c r="D14573" t="s">
        <v>13769</v>
      </c>
    </row>
    <row r="14574" spans="1:4" x14ac:dyDescent="0.4">
      <c r="A14574" s="1" t="s">
        <v>13770</v>
      </c>
      <c r="B14574" t="s">
        <v>4451</v>
      </c>
      <c r="C14574" t="s">
        <v>13756</v>
      </c>
      <c r="D14574" t="s">
        <v>13771</v>
      </c>
    </row>
    <row r="14575" spans="1:4" x14ac:dyDescent="0.4">
      <c r="A14575" s="1" t="s">
        <v>13772</v>
      </c>
      <c r="B14575" t="s">
        <v>4451</v>
      </c>
      <c r="C14575" t="s">
        <v>13756</v>
      </c>
      <c r="D14575" t="s">
        <v>6711</v>
      </c>
    </row>
    <row r="14576" spans="1:4" x14ac:dyDescent="0.4">
      <c r="A14576" s="1" t="s">
        <v>13773</v>
      </c>
      <c r="B14576" t="s">
        <v>4451</v>
      </c>
      <c r="C14576" t="s">
        <v>13756</v>
      </c>
      <c r="D14576" t="s">
        <v>13774</v>
      </c>
    </row>
    <row r="14577" spans="1:4" x14ac:dyDescent="0.4">
      <c r="A14577" s="1" t="s">
        <v>13775</v>
      </c>
      <c r="B14577" t="s">
        <v>4451</v>
      </c>
      <c r="C14577" t="s">
        <v>13756</v>
      </c>
      <c r="D14577" t="s">
        <v>6440</v>
      </c>
    </row>
    <row r="14578" spans="1:4" x14ac:dyDescent="0.4">
      <c r="A14578" s="1" t="s">
        <v>13776</v>
      </c>
      <c r="B14578" t="s">
        <v>4451</v>
      </c>
      <c r="C14578" t="s">
        <v>13756</v>
      </c>
      <c r="D14578" t="s">
        <v>13777</v>
      </c>
    </row>
    <row r="14579" spans="1:4" x14ac:dyDescent="0.4">
      <c r="A14579" s="1" t="s">
        <v>13778</v>
      </c>
      <c r="B14579" t="s">
        <v>4451</v>
      </c>
      <c r="C14579" t="s">
        <v>13756</v>
      </c>
      <c r="D14579" t="s">
        <v>13779</v>
      </c>
    </row>
    <row r="14580" spans="1:4" x14ac:dyDescent="0.4">
      <c r="A14580" s="1" t="s">
        <v>13780</v>
      </c>
      <c r="B14580" t="s">
        <v>4451</v>
      </c>
      <c r="C14580" t="s">
        <v>13756</v>
      </c>
      <c r="D14580" t="s">
        <v>13781</v>
      </c>
    </row>
    <row r="14581" spans="1:4" x14ac:dyDescent="0.4">
      <c r="A14581" s="1" t="s">
        <v>13782</v>
      </c>
      <c r="B14581" t="s">
        <v>4451</v>
      </c>
      <c r="C14581" t="s">
        <v>13756</v>
      </c>
      <c r="D14581" t="s">
        <v>13783</v>
      </c>
    </row>
    <row r="14582" spans="1:4" x14ac:dyDescent="0.4">
      <c r="A14582" s="1" t="s">
        <v>13784</v>
      </c>
      <c r="B14582" t="s">
        <v>4451</v>
      </c>
      <c r="C14582" t="s">
        <v>13756</v>
      </c>
      <c r="D14582" t="s">
        <v>13582</v>
      </c>
    </row>
    <row r="14583" spans="1:4" x14ac:dyDescent="0.4">
      <c r="A14583" s="1" t="s">
        <v>13785</v>
      </c>
      <c r="B14583" t="s">
        <v>4451</v>
      </c>
      <c r="C14583" t="s">
        <v>13756</v>
      </c>
      <c r="D14583" t="s">
        <v>1919</v>
      </c>
    </row>
    <row r="14584" spans="1:4" x14ac:dyDescent="0.4">
      <c r="A14584" s="1" t="s">
        <v>13786</v>
      </c>
      <c r="B14584" t="s">
        <v>4451</v>
      </c>
      <c r="C14584" t="s">
        <v>13756</v>
      </c>
      <c r="D14584" t="s">
        <v>13787</v>
      </c>
    </row>
    <row r="14585" spans="1:4" x14ac:dyDescent="0.4">
      <c r="A14585" s="1" t="s">
        <v>13788</v>
      </c>
      <c r="B14585" t="s">
        <v>4451</v>
      </c>
      <c r="C14585" t="s">
        <v>13756</v>
      </c>
      <c r="D14585" t="s">
        <v>13789</v>
      </c>
    </row>
    <row r="14586" spans="1:4" x14ac:dyDescent="0.4">
      <c r="A14586" s="1" t="s">
        <v>13790</v>
      </c>
      <c r="B14586" t="s">
        <v>4451</v>
      </c>
      <c r="C14586" t="s">
        <v>13756</v>
      </c>
      <c r="D14586" t="s">
        <v>5061</v>
      </c>
    </row>
    <row r="14587" spans="1:4" x14ac:dyDescent="0.4">
      <c r="A14587" s="1" t="s">
        <v>13791</v>
      </c>
      <c r="B14587" t="s">
        <v>4451</v>
      </c>
      <c r="C14587" t="s">
        <v>13756</v>
      </c>
      <c r="D14587" t="s">
        <v>13792</v>
      </c>
    </row>
    <row r="14588" spans="1:4" x14ac:dyDescent="0.4">
      <c r="A14588" s="1" t="s">
        <v>13793</v>
      </c>
      <c r="B14588" t="s">
        <v>4451</v>
      </c>
      <c r="C14588" t="s">
        <v>13756</v>
      </c>
      <c r="D14588" t="s">
        <v>13794</v>
      </c>
    </row>
    <row r="14589" spans="1:4" x14ac:dyDescent="0.4">
      <c r="A14589" s="1" t="s">
        <v>13795</v>
      </c>
      <c r="B14589" t="s">
        <v>4451</v>
      </c>
      <c r="C14589" t="s">
        <v>13756</v>
      </c>
      <c r="D14589" t="s">
        <v>13796</v>
      </c>
    </row>
    <row r="14590" spans="1:4" x14ac:dyDescent="0.4">
      <c r="A14590" s="1" t="s">
        <v>13797</v>
      </c>
      <c r="B14590" t="s">
        <v>4451</v>
      </c>
      <c r="C14590" t="s">
        <v>13756</v>
      </c>
      <c r="D14590" t="s">
        <v>114</v>
      </c>
    </row>
    <row r="14591" spans="1:4" x14ac:dyDescent="0.4">
      <c r="A14591" s="1" t="s">
        <v>13798</v>
      </c>
      <c r="B14591" t="s">
        <v>4451</v>
      </c>
      <c r="C14591" t="s">
        <v>13756</v>
      </c>
      <c r="D14591" t="s">
        <v>13799</v>
      </c>
    </row>
    <row r="14592" spans="1:4" x14ac:dyDescent="0.4">
      <c r="A14592" s="1" t="s">
        <v>13800</v>
      </c>
      <c r="B14592" t="s">
        <v>4451</v>
      </c>
      <c r="C14592" t="s">
        <v>13756</v>
      </c>
      <c r="D14592" t="s">
        <v>13801</v>
      </c>
    </row>
    <row r="14593" spans="1:4" x14ac:dyDescent="0.4">
      <c r="A14593" s="1" t="s">
        <v>13802</v>
      </c>
      <c r="B14593" t="s">
        <v>4451</v>
      </c>
      <c r="C14593" t="s">
        <v>13756</v>
      </c>
      <c r="D14593" t="s">
        <v>13803</v>
      </c>
    </row>
    <row r="14594" spans="1:4" x14ac:dyDescent="0.4">
      <c r="A14594" s="1" t="s">
        <v>13804</v>
      </c>
      <c r="B14594" t="s">
        <v>4451</v>
      </c>
      <c r="C14594" t="s">
        <v>13756</v>
      </c>
      <c r="D14594" t="s">
        <v>7009</v>
      </c>
    </row>
    <row r="14595" spans="1:4" x14ac:dyDescent="0.4">
      <c r="A14595" s="1" t="s">
        <v>13805</v>
      </c>
      <c r="B14595" t="s">
        <v>4451</v>
      </c>
      <c r="C14595" t="s">
        <v>13756</v>
      </c>
      <c r="D14595" t="s">
        <v>13806</v>
      </c>
    </row>
    <row r="14596" spans="1:4" x14ac:dyDescent="0.4">
      <c r="A14596" s="1" t="s">
        <v>13807</v>
      </c>
      <c r="B14596" t="s">
        <v>4451</v>
      </c>
      <c r="C14596" t="s">
        <v>13756</v>
      </c>
      <c r="D14596" t="s">
        <v>463</v>
      </c>
    </row>
    <row r="14597" spans="1:4" x14ac:dyDescent="0.4">
      <c r="A14597" s="1" t="s">
        <v>13808</v>
      </c>
      <c r="B14597" t="s">
        <v>4451</v>
      </c>
      <c r="C14597" t="s">
        <v>13756</v>
      </c>
      <c r="D14597" t="s">
        <v>13809</v>
      </c>
    </row>
    <row r="14598" spans="1:4" x14ac:dyDescent="0.4">
      <c r="A14598" s="1" t="s">
        <v>13810</v>
      </c>
      <c r="B14598" t="s">
        <v>4451</v>
      </c>
      <c r="C14598" t="s">
        <v>13756</v>
      </c>
      <c r="D14598" t="s">
        <v>13811</v>
      </c>
    </row>
    <row r="14599" spans="1:4" x14ac:dyDescent="0.4">
      <c r="A14599" s="1" t="s">
        <v>13812</v>
      </c>
      <c r="B14599" t="s">
        <v>4451</v>
      </c>
      <c r="C14599" t="s">
        <v>13756</v>
      </c>
      <c r="D14599" t="s">
        <v>13813</v>
      </c>
    </row>
    <row r="14600" spans="1:4" x14ac:dyDescent="0.4">
      <c r="A14600" s="1" t="s">
        <v>13814</v>
      </c>
      <c r="B14600" t="s">
        <v>4451</v>
      </c>
      <c r="C14600" t="s">
        <v>13756</v>
      </c>
      <c r="D14600" t="s">
        <v>13815</v>
      </c>
    </row>
    <row r="14601" spans="1:4" x14ac:dyDescent="0.4">
      <c r="A14601" s="1" t="s">
        <v>13816</v>
      </c>
      <c r="B14601" t="s">
        <v>4451</v>
      </c>
      <c r="C14601" t="s">
        <v>13756</v>
      </c>
      <c r="D14601" t="s">
        <v>13710</v>
      </c>
    </row>
    <row r="14602" spans="1:4" x14ac:dyDescent="0.4">
      <c r="A14602" s="1" t="s">
        <v>13817</v>
      </c>
      <c r="B14602" t="s">
        <v>4451</v>
      </c>
      <c r="C14602" t="s">
        <v>13756</v>
      </c>
      <c r="D14602" t="s">
        <v>13818</v>
      </c>
    </row>
    <row r="14603" spans="1:4" x14ac:dyDescent="0.4">
      <c r="A14603" s="1" t="s">
        <v>13819</v>
      </c>
      <c r="B14603" t="s">
        <v>4451</v>
      </c>
      <c r="C14603" t="s">
        <v>13756</v>
      </c>
      <c r="D14603" t="s">
        <v>13820</v>
      </c>
    </row>
    <row r="14604" spans="1:4" x14ac:dyDescent="0.4">
      <c r="A14604" s="1" t="s">
        <v>13821</v>
      </c>
      <c r="B14604" t="s">
        <v>4451</v>
      </c>
      <c r="C14604" t="s">
        <v>13822</v>
      </c>
    </row>
    <row r="14605" spans="1:4" x14ac:dyDescent="0.4">
      <c r="A14605" s="1" t="s">
        <v>13823</v>
      </c>
      <c r="B14605" t="s">
        <v>4451</v>
      </c>
      <c r="C14605" t="s">
        <v>13822</v>
      </c>
      <c r="D14605" t="s">
        <v>13824</v>
      </c>
    </row>
    <row r="14606" spans="1:4" x14ac:dyDescent="0.4">
      <c r="A14606" s="1" t="s">
        <v>13825</v>
      </c>
      <c r="B14606" t="s">
        <v>4451</v>
      </c>
      <c r="C14606" t="s">
        <v>13822</v>
      </c>
      <c r="D14606" t="s">
        <v>13826</v>
      </c>
    </row>
    <row r="14607" spans="1:4" x14ac:dyDescent="0.4">
      <c r="A14607" s="1" t="s">
        <v>13827</v>
      </c>
      <c r="B14607" t="s">
        <v>4451</v>
      </c>
      <c r="C14607" t="s">
        <v>13822</v>
      </c>
      <c r="D14607" t="s">
        <v>13828</v>
      </c>
    </row>
    <row r="14608" spans="1:4" x14ac:dyDescent="0.4">
      <c r="A14608" s="1" t="s">
        <v>13829</v>
      </c>
      <c r="B14608" t="s">
        <v>4451</v>
      </c>
      <c r="C14608" t="s">
        <v>13822</v>
      </c>
      <c r="D14608" t="s">
        <v>13830</v>
      </c>
    </row>
    <row r="14609" spans="1:4" x14ac:dyDescent="0.4">
      <c r="A14609" s="1" t="s">
        <v>13831</v>
      </c>
      <c r="B14609" t="s">
        <v>4451</v>
      </c>
      <c r="C14609" t="s">
        <v>13822</v>
      </c>
      <c r="D14609" t="s">
        <v>13832</v>
      </c>
    </row>
    <row r="14610" spans="1:4" x14ac:dyDescent="0.4">
      <c r="A14610" s="1" t="s">
        <v>13833</v>
      </c>
      <c r="B14610" t="s">
        <v>4451</v>
      </c>
      <c r="C14610" t="s">
        <v>13822</v>
      </c>
      <c r="D14610" t="s">
        <v>13407</v>
      </c>
    </row>
    <row r="14611" spans="1:4" x14ac:dyDescent="0.4">
      <c r="A14611" s="1" t="s">
        <v>13834</v>
      </c>
      <c r="B14611" t="s">
        <v>4451</v>
      </c>
      <c r="C14611" t="s">
        <v>13822</v>
      </c>
      <c r="D14611" t="s">
        <v>13835</v>
      </c>
    </row>
    <row r="14612" spans="1:4" x14ac:dyDescent="0.4">
      <c r="A14612" s="1" t="s">
        <v>13836</v>
      </c>
      <c r="B14612" t="s">
        <v>4451</v>
      </c>
      <c r="C14612" t="s">
        <v>13822</v>
      </c>
      <c r="D14612" t="s">
        <v>4361</v>
      </c>
    </row>
    <row r="14613" spans="1:4" x14ac:dyDescent="0.4">
      <c r="A14613" s="1" t="s">
        <v>13837</v>
      </c>
      <c r="B14613" t="s">
        <v>4451</v>
      </c>
      <c r="C14613" t="s">
        <v>13822</v>
      </c>
      <c r="D14613" t="s">
        <v>13838</v>
      </c>
    </row>
    <row r="14614" spans="1:4" x14ac:dyDescent="0.4">
      <c r="A14614" s="1" t="s">
        <v>13839</v>
      </c>
      <c r="B14614" t="s">
        <v>4451</v>
      </c>
      <c r="C14614" t="s">
        <v>13822</v>
      </c>
      <c r="D14614" t="s">
        <v>13840</v>
      </c>
    </row>
    <row r="14615" spans="1:4" x14ac:dyDescent="0.4">
      <c r="A14615" s="1" t="s">
        <v>13841</v>
      </c>
      <c r="B14615" t="s">
        <v>4451</v>
      </c>
      <c r="C14615" t="s">
        <v>13822</v>
      </c>
      <c r="D14615" t="s">
        <v>13842</v>
      </c>
    </row>
    <row r="14616" spans="1:4" x14ac:dyDescent="0.4">
      <c r="A14616" s="1" t="s">
        <v>13843</v>
      </c>
      <c r="B14616" t="s">
        <v>4451</v>
      </c>
      <c r="C14616" t="s">
        <v>13822</v>
      </c>
      <c r="D14616" t="s">
        <v>13844</v>
      </c>
    </row>
    <row r="14617" spans="1:4" x14ac:dyDescent="0.4">
      <c r="A14617" s="1" t="s">
        <v>13845</v>
      </c>
      <c r="B14617" t="s">
        <v>4451</v>
      </c>
      <c r="C14617" t="s">
        <v>13822</v>
      </c>
      <c r="D14617" t="s">
        <v>13423</v>
      </c>
    </row>
    <row r="14618" spans="1:4" x14ac:dyDescent="0.4">
      <c r="A14618" s="1" t="s">
        <v>13846</v>
      </c>
      <c r="B14618" t="s">
        <v>4451</v>
      </c>
      <c r="C14618" t="s">
        <v>13822</v>
      </c>
      <c r="D14618" t="s">
        <v>13425</v>
      </c>
    </row>
    <row r="14619" spans="1:4" x14ac:dyDescent="0.4">
      <c r="A14619" s="1" t="s">
        <v>13847</v>
      </c>
      <c r="B14619" t="s">
        <v>4451</v>
      </c>
      <c r="C14619" t="s">
        <v>13822</v>
      </c>
      <c r="D14619" t="s">
        <v>13848</v>
      </c>
    </row>
    <row r="14620" spans="1:4" x14ac:dyDescent="0.4">
      <c r="A14620" s="1" t="s">
        <v>13849</v>
      </c>
      <c r="B14620" t="s">
        <v>4451</v>
      </c>
      <c r="C14620" t="s">
        <v>13822</v>
      </c>
      <c r="D14620" t="s">
        <v>533</v>
      </c>
    </row>
    <row r="14621" spans="1:4" x14ac:dyDescent="0.4">
      <c r="A14621" s="1" t="s">
        <v>13850</v>
      </c>
      <c r="B14621" t="s">
        <v>4451</v>
      </c>
      <c r="C14621" t="s">
        <v>13822</v>
      </c>
      <c r="D14621" t="s">
        <v>13851</v>
      </c>
    </row>
    <row r="14622" spans="1:4" x14ac:dyDescent="0.4">
      <c r="A14622" s="1" t="s">
        <v>13852</v>
      </c>
      <c r="B14622" t="s">
        <v>4451</v>
      </c>
      <c r="C14622" t="s">
        <v>13822</v>
      </c>
      <c r="D14622" t="s">
        <v>6646</v>
      </c>
    </row>
    <row r="14623" spans="1:4" x14ac:dyDescent="0.4">
      <c r="A14623" s="1" t="s">
        <v>13853</v>
      </c>
      <c r="B14623" t="s">
        <v>4451</v>
      </c>
      <c r="C14623" t="s">
        <v>13822</v>
      </c>
      <c r="D14623" t="s">
        <v>139</v>
      </c>
    </row>
    <row r="14624" spans="1:4" x14ac:dyDescent="0.4">
      <c r="A14624" s="1" t="s">
        <v>13854</v>
      </c>
      <c r="B14624" t="s">
        <v>4451</v>
      </c>
      <c r="C14624" t="s">
        <v>13822</v>
      </c>
      <c r="D14624" t="s">
        <v>537</v>
      </c>
    </row>
    <row r="14625" spans="1:4" x14ac:dyDescent="0.4">
      <c r="A14625" s="1" t="s">
        <v>13837</v>
      </c>
      <c r="B14625" t="s">
        <v>4451</v>
      </c>
      <c r="C14625" t="s">
        <v>13822</v>
      </c>
      <c r="D14625" t="s">
        <v>11226</v>
      </c>
    </row>
    <row r="14626" spans="1:4" x14ac:dyDescent="0.4">
      <c r="A14626" s="1" t="s">
        <v>13855</v>
      </c>
      <c r="B14626" t="s">
        <v>4451</v>
      </c>
      <c r="C14626" t="s">
        <v>13822</v>
      </c>
      <c r="D14626" t="s">
        <v>13856</v>
      </c>
    </row>
    <row r="14627" spans="1:4" x14ac:dyDescent="0.4">
      <c r="A14627" s="1" t="s">
        <v>13847</v>
      </c>
      <c r="B14627" t="s">
        <v>4451</v>
      </c>
      <c r="C14627" t="s">
        <v>13822</v>
      </c>
      <c r="D14627" t="s">
        <v>13857</v>
      </c>
    </row>
    <row r="14628" spans="1:4" x14ac:dyDescent="0.4">
      <c r="A14628" s="1" t="s">
        <v>13858</v>
      </c>
      <c r="B14628" t="s">
        <v>4451</v>
      </c>
      <c r="C14628" t="s">
        <v>13822</v>
      </c>
      <c r="D14628" t="s">
        <v>13859</v>
      </c>
    </row>
    <row r="14629" spans="1:4" x14ac:dyDescent="0.4">
      <c r="A14629" s="1" t="s">
        <v>13860</v>
      </c>
      <c r="B14629" t="s">
        <v>4451</v>
      </c>
      <c r="C14629" t="s">
        <v>13822</v>
      </c>
      <c r="D14629" t="s">
        <v>13861</v>
      </c>
    </row>
    <row r="14630" spans="1:4" x14ac:dyDescent="0.4">
      <c r="A14630" s="1" t="s">
        <v>13862</v>
      </c>
      <c r="B14630" t="s">
        <v>4451</v>
      </c>
      <c r="C14630" t="s">
        <v>13822</v>
      </c>
      <c r="D14630" t="s">
        <v>4888</v>
      </c>
    </row>
    <row r="14631" spans="1:4" x14ac:dyDescent="0.4">
      <c r="A14631" s="1" t="s">
        <v>13863</v>
      </c>
      <c r="B14631" t="s">
        <v>4451</v>
      </c>
      <c r="C14631" t="s">
        <v>13822</v>
      </c>
      <c r="D14631" t="s">
        <v>13864</v>
      </c>
    </row>
    <row r="14632" spans="1:4" x14ac:dyDescent="0.4">
      <c r="A14632" s="1" t="s">
        <v>13865</v>
      </c>
      <c r="B14632" t="s">
        <v>4451</v>
      </c>
      <c r="C14632" t="s">
        <v>13822</v>
      </c>
      <c r="D14632" t="s">
        <v>13866</v>
      </c>
    </row>
    <row r="14633" spans="1:4" x14ac:dyDescent="0.4">
      <c r="A14633" s="1" t="s">
        <v>13867</v>
      </c>
      <c r="B14633" t="s">
        <v>4451</v>
      </c>
      <c r="C14633" t="s">
        <v>13822</v>
      </c>
      <c r="D14633" t="s">
        <v>13868</v>
      </c>
    </row>
    <row r="14634" spans="1:4" x14ac:dyDescent="0.4">
      <c r="A14634" s="1" t="s">
        <v>13869</v>
      </c>
      <c r="B14634" t="s">
        <v>4451</v>
      </c>
      <c r="C14634" t="s">
        <v>13822</v>
      </c>
      <c r="D14634" t="s">
        <v>13870</v>
      </c>
    </row>
    <row r="14635" spans="1:4" x14ac:dyDescent="0.4">
      <c r="A14635" s="1" t="s">
        <v>13869</v>
      </c>
      <c r="B14635" t="s">
        <v>4451</v>
      </c>
      <c r="C14635" t="s">
        <v>13822</v>
      </c>
      <c r="D14635" t="s">
        <v>13871</v>
      </c>
    </row>
    <row r="14636" spans="1:4" x14ac:dyDescent="0.4">
      <c r="A14636" s="1" t="s">
        <v>13872</v>
      </c>
      <c r="B14636" t="s">
        <v>4451</v>
      </c>
      <c r="C14636" t="s">
        <v>13822</v>
      </c>
      <c r="D14636" t="s">
        <v>13873</v>
      </c>
    </row>
    <row r="14637" spans="1:4" x14ac:dyDescent="0.4">
      <c r="A14637" s="1" t="s">
        <v>13874</v>
      </c>
      <c r="B14637" t="s">
        <v>4451</v>
      </c>
      <c r="C14637" t="s">
        <v>13822</v>
      </c>
      <c r="D14637" t="s">
        <v>13875</v>
      </c>
    </row>
    <row r="14638" spans="1:4" x14ac:dyDescent="0.4">
      <c r="A14638" s="1" t="s">
        <v>13831</v>
      </c>
      <c r="B14638" t="s">
        <v>4451</v>
      </c>
      <c r="C14638" t="s">
        <v>13822</v>
      </c>
      <c r="D14638" t="s">
        <v>13876</v>
      </c>
    </row>
    <row r="14639" spans="1:4" x14ac:dyDescent="0.4">
      <c r="A14639" s="1" t="s">
        <v>13877</v>
      </c>
      <c r="B14639" t="s">
        <v>4451</v>
      </c>
      <c r="C14639" t="s">
        <v>13822</v>
      </c>
      <c r="D14639" t="s">
        <v>13878</v>
      </c>
    </row>
    <row r="14640" spans="1:4" x14ac:dyDescent="0.4">
      <c r="A14640" s="1" t="s">
        <v>13879</v>
      </c>
      <c r="B14640" t="s">
        <v>4451</v>
      </c>
      <c r="C14640" t="s">
        <v>13822</v>
      </c>
      <c r="D14640" t="s">
        <v>13880</v>
      </c>
    </row>
    <row r="14641" spans="1:4" x14ac:dyDescent="0.4">
      <c r="A14641" s="1" t="s">
        <v>13839</v>
      </c>
      <c r="B14641" t="s">
        <v>4451</v>
      </c>
      <c r="C14641" t="s">
        <v>13822</v>
      </c>
      <c r="D14641" t="s">
        <v>11149</v>
      </c>
    </row>
    <row r="14642" spans="1:4" x14ac:dyDescent="0.4">
      <c r="A14642" s="1" t="s">
        <v>13881</v>
      </c>
      <c r="B14642" t="s">
        <v>4451</v>
      </c>
      <c r="C14642" t="s">
        <v>13822</v>
      </c>
      <c r="D14642" t="s">
        <v>13882</v>
      </c>
    </row>
    <row r="14643" spans="1:4" x14ac:dyDescent="0.4">
      <c r="A14643" s="1" t="s">
        <v>13883</v>
      </c>
      <c r="B14643" t="s">
        <v>4451</v>
      </c>
      <c r="C14643" t="s">
        <v>13822</v>
      </c>
      <c r="D14643" t="s">
        <v>13884</v>
      </c>
    </row>
    <row r="14644" spans="1:4" x14ac:dyDescent="0.4">
      <c r="A14644" s="1" t="s">
        <v>13885</v>
      </c>
      <c r="B14644" t="s">
        <v>4451</v>
      </c>
      <c r="C14644" t="s">
        <v>13822</v>
      </c>
      <c r="D14644" t="s">
        <v>13886</v>
      </c>
    </row>
    <row r="14645" spans="1:4" x14ac:dyDescent="0.4">
      <c r="A14645" s="1" t="s">
        <v>13887</v>
      </c>
      <c r="B14645" t="s">
        <v>4451</v>
      </c>
      <c r="C14645" t="s">
        <v>13822</v>
      </c>
      <c r="D14645" t="s">
        <v>13888</v>
      </c>
    </row>
    <row r="14646" spans="1:4" x14ac:dyDescent="0.4">
      <c r="A14646" s="1" t="s">
        <v>13889</v>
      </c>
      <c r="B14646" t="s">
        <v>4451</v>
      </c>
      <c r="C14646" t="s">
        <v>13822</v>
      </c>
      <c r="D14646" t="s">
        <v>13890</v>
      </c>
    </row>
    <row r="14647" spans="1:4" x14ac:dyDescent="0.4">
      <c r="A14647" s="1" t="s">
        <v>13891</v>
      </c>
      <c r="B14647" t="s">
        <v>4451</v>
      </c>
      <c r="C14647" t="s">
        <v>13822</v>
      </c>
      <c r="D14647" t="s">
        <v>13892</v>
      </c>
    </row>
    <row r="14648" spans="1:4" x14ac:dyDescent="0.4">
      <c r="A14648" s="1" t="s">
        <v>13893</v>
      </c>
      <c r="B14648" t="s">
        <v>4451</v>
      </c>
      <c r="C14648" t="s">
        <v>13822</v>
      </c>
      <c r="D14648" t="s">
        <v>13894</v>
      </c>
    </row>
    <row r="14649" spans="1:4" x14ac:dyDescent="0.4">
      <c r="A14649" s="1" t="s">
        <v>13895</v>
      </c>
      <c r="B14649" t="s">
        <v>4451</v>
      </c>
      <c r="C14649" t="s">
        <v>13822</v>
      </c>
      <c r="D14649" t="s">
        <v>13896</v>
      </c>
    </row>
    <row r="14650" spans="1:4" x14ac:dyDescent="0.4">
      <c r="A14650" s="1" t="s">
        <v>13845</v>
      </c>
      <c r="B14650" t="s">
        <v>4451</v>
      </c>
      <c r="C14650" t="s">
        <v>13822</v>
      </c>
      <c r="D14650" t="s">
        <v>13897</v>
      </c>
    </row>
    <row r="14651" spans="1:4" x14ac:dyDescent="0.4">
      <c r="A14651" s="1" t="s">
        <v>13887</v>
      </c>
      <c r="B14651" t="s">
        <v>4451</v>
      </c>
      <c r="C14651" t="s">
        <v>13822</v>
      </c>
      <c r="D14651" t="s">
        <v>3193</v>
      </c>
    </row>
    <row r="14652" spans="1:4" x14ac:dyDescent="0.4">
      <c r="A14652" s="1" t="s">
        <v>13898</v>
      </c>
      <c r="B14652" t="s">
        <v>4451</v>
      </c>
      <c r="C14652" t="s">
        <v>13822</v>
      </c>
      <c r="D14652" t="s">
        <v>11156</v>
      </c>
    </row>
    <row r="14653" spans="1:4" x14ac:dyDescent="0.4">
      <c r="A14653" s="1" t="s">
        <v>13899</v>
      </c>
      <c r="B14653" t="s">
        <v>4451</v>
      </c>
      <c r="C14653" t="s">
        <v>13822</v>
      </c>
      <c r="D14653" t="s">
        <v>13900</v>
      </c>
    </row>
    <row r="14654" spans="1:4" x14ac:dyDescent="0.4">
      <c r="A14654" s="1" t="s">
        <v>13885</v>
      </c>
      <c r="B14654" t="s">
        <v>4451</v>
      </c>
      <c r="C14654" t="s">
        <v>13822</v>
      </c>
      <c r="D14654" t="s">
        <v>13901</v>
      </c>
    </row>
    <row r="14655" spans="1:4" x14ac:dyDescent="0.4">
      <c r="A14655" s="1" t="s">
        <v>13902</v>
      </c>
      <c r="B14655" t="s">
        <v>4451</v>
      </c>
      <c r="C14655" t="s">
        <v>13822</v>
      </c>
      <c r="D14655" t="s">
        <v>13903</v>
      </c>
    </row>
    <row r="14656" spans="1:4" x14ac:dyDescent="0.4">
      <c r="A14656" s="1" t="s">
        <v>13904</v>
      </c>
      <c r="B14656" t="s">
        <v>4451</v>
      </c>
      <c r="C14656" t="s">
        <v>13822</v>
      </c>
      <c r="D14656" t="s">
        <v>13905</v>
      </c>
    </row>
    <row r="14657" spans="1:4" x14ac:dyDescent="0.4">
      <c r="A14657" s="1" t="s">
        <v>13906</v>
      </c>
      <c r="B14657" t="s">
        <v>4451</v>
      </c>
      <c r="C14657" t="s">
        <v>13822</v>
      </c>
      <c r="D14657" t="s">
        <v>13907</v>
      </c>
    </row>
    <row r="14658" spans="1:4" x14ac:dyDescent="0.4">
      <c r="A14658" s="1" t="s">
        <v>13908</v>
      </c>
      <c r="B14658" t="s">
        <v>4451</v>
      </c>
      <c r="C14658" t="s">
        <v>13822</v>
      </c>
      <c r="D14658" t="s">
        <v>13909</v>
      </c>
    </row>
    <row r="14659" spans="1:4" x14ac:dyDescent="0.4">
      <c r="A14659" s="1" t="s">
        <v>13910</v>
      </c>
      <c r="B14659" t="s">
        <v>4451</v>
      </c>
      <c r="C14659" t="s">
        <v>13822</v>
      </c>
      <c r="D14659" t="s">
        <v>13911</v>
      </c>
    </row>
    <row r="14660" spans="1:4" x14ac:dyDescent="0.4">
      <c r="A14660" s="1" t="s">
        <v>13845</v>
      </c>
      <c r="B14660" t="s">
        <v>4451</v>
      </c>
      <c r="C14660" t="s">
        <v>13822</v>
      </c>
      <c r="D14660" t="s">
        <v>13912</v>
      </c>
    </row>
    <row r="14661" spans="1:4" x14ac:dyDescent="0.4">
      <c r="A14661" s="1" t="s">
        <v>13913</v>
      </c>
      <c r="B14661" t="s">
        <v>4451</v>
      </c>
      <c r="C14661" t="s">
        <v>13822</v>
      </c>
      <c r="D14661" t="s">
        <v>13914</v>
      </c>
    </row>
    <row r="14662" spans="1:4" x14ac:dyDescent="0.4">
      <c r="A14662" s="1" t="s">
        <v>13915</v>
      </c>
      <c r="B14662" t="s">
        <v>4451</v>
      </c>
      <c r="C14662" t="s">
        <v>13822</v>
      </c>
      <c r="D14662" t="s">
        <v>13916</v>
      </c>
    </row>
    <row r="14663" spans="1:4" x14ac:dyDescent="0.4">
      <c r="A14663" s="1" t="s">
        <v>13917</v>
      </c>
      <c r="B14663" t="s">
        <v>4451</v>
      </c>
      <c r="C14663" t="s">
        <v>13822</v>
      </c>
      <c r="D14663" t="s">
        <v>13918</v>
      </c>
    </row>
    <row r="14664" spans="1:4" x14ac:dyDescent="0.4">
      <c r="A14664" s="1" t="s">
        <v>13919</v>
      </c>
      <c r="B14664" t="s">
        <v>4451</v>
      </c>
      <c r="C14664" t="s">
        <v>13822</v>
      </c>
      <c r="D14664" t="s">
        <v>13920</v>
      </c>
    </row>
    <row r="14665" spans="1:4" x14ac:dyDescent="0.4">
      <c r="A14665" s="1" t="s">
        <v>13898</v>
      </c>
      <c r="B14665" t="s">
        <v>4451</v>
      </c>
      <c r="C14665" t="s">
        <v>13822</v>
      </c>
      <c r="D14665" t="s">
        <v>8494</v>
      </c>
    </row>
    <row r="14666" spans="1:4" x14ac:dyDescent="0.4">
      <c r="A14666" s="1" t="s">
        <v>13921</v>
      </c>
      <c r="B14666" t="s">
        <v>4451</v>
      </c>
      <c r="C14666" t="s">
        <v>13822</v>
      </c>
      <c r="D14666" t="s">
        <v>13922</v>
      </c>
    </row>
    <row r="14667" spans="1:4" x14ac:dyDescent="0.4">
      <c r="A14667" s="1" t="s">
        <v>13863</v>
      </c>
      <c r="B14667" t="s">
        <v>4451</v>
      </c>
      <c r="C14667" t="s">
        <v>13822</v>
      </c>
      <c r="D14667" t="s">
        <v>13923</v>
      </c>
    </row>
    <row r="14668" spans="1:4" x14ac:dyDescent="0.4">
      <c r="A14668" s="1" t="s">
        <v>13924</v>
      </c>
      <c r="B14668" t="s">
        <v>4451</v>
      </c>
      <c r="C14668" t="s">
        <v>13822</v>
      </c>
      <c r="D14668" t="s">
        <v>13925</v>
      </c>
    </row>
    <row r="14669" spans="1:4" x14ac:dyDescent="0.4">
      <c r="A14669" s="1" t="s">
        <v>13926</v>
      </c>
      <c r="B14669" t="s">
        <v>4451</v>
      </c>
      <c r="C14669" t="s">
        <v>13822</v>
      </c>
      <c r="D14669" t="s">
        <v>13927</v>
      </c>
    </row>
    <row r="14670" spans="1:4" x14ac:dyDescent="0.4">
      <c r="A14670" s="1" t="s">
        <v>13928</v>
      </c>
      <c r="B14670" t="s">
        <v>4451</v>
      </c>
      <c r="C14670" t="s">
        <v>13822</v>
      </c>
      <c r="D14670" t="s">
        <v>13929</v>
      </c>
    </row>
    <row r="14671" spans="1:4" x14ac:dyDescent="0.4">
      <c r="A14671" s="1" t="s">
        <v>13887</v>
      </c>
      <c r="B14671" t="s">
        <v>4451</v>
      </c>
      <c r="C14671" t="s">
        <v>13822</v>
      </c>
      <c r="D14671" t="s">
        <v>5355</v>
      </c>
    </row>
    <row r="14672" spans="1:4" x14ac:dyDescent="0.4">
      <c r="A14672" s="1" t="s">
        <v>13930</v>
      </c>
      <c r="B14672" t="s">
        <v>4451</v>
      </c>
      <c r="C14672" t="s">
        <v>13822</v>
      </c>
      <c r="D14672" t="s">
        <v>13931</v>
      </c>
    </row>
    <row r="14673" spans="1:4" x14ac:dyDescent="0.4">
      <c r="A14673" s="1" t="s">
        <v>13932</v>
      </c>
      <c r="B14673" t="s">
        <v>4451</v>
      </c>
      <c r="C14673" t="s">
        <v>13822</v>
      </c>
      <c r="D14673" t="s">
        <v>13933</v>
      </c>
    </row>
    <row r="14674" spans="1:4" x14ac:dyDescent="0.4">
      <c r="A14674" s="1" t="s">
        <v>13887</v>
      </c>
      <c r="B14674" t="s">
        <v>4451</v>
      </c>
      <c r="C14674" t="s">
        <v>13822</v>
      </c>
      <c r="D14674" t="s">
        <v>13934</v>
      </c>
    </row>
    <row r="14675" spans="1:4" x14ac:dyDescent="0.4">
      <c r="A14675" s="1" t="s">
        <v>13839</v>
      </c>
      <c r="B14675" t="s">
        <v>4451</v>
      </c>
      <c r="C14675" t="s">
        <v>13822</v>
      </c>
      <c r="D14675" t="s">
        <v>13935</v>
      </c>
    </row>
    <row r="14676" spans="1:4" x14ac:dyDescent="0.4">
      <c r="A14676" s="1" t="s">
        <v>13853</v>
      </c>
      <c r="B14676" t="s">
        <v>4451</v>
      </c>
      <c r="C14676" t="s">
        <v>13822</v>
      </c>
      <c r="D14676" t="s">
        <v>13936</v>
      </c>
    </row>
    <row r="14677" spans="1:4" x14ac:dyDescent="0.4">
      <c r="A14677" s="1" t="s">
        <v>13937</v>
      </c>
      <c r="B14677" t="s">
        <v>4451</v>
      </c>
      <c r="C14677" t="s">
        <v>13822</v>
      </c>
      <c r="D14677" t="s">
        <v>13938</v>
      </c>
    </row>
    <row r="14678" spans="1:4" x14ac:dyDescent="0.4">
      <c r="A14678" s="1" t="s">
        <v>13863</v>
      </c>
      <c r="B14678" t="s">
        <v>4451</v>
      </c>
      <c r="C14678" t="s">
        <v>13822</v>
      </c>
      <c r="D14678" t="s">
        <v>13939</v>
      </c>
    </row>
    <row r="14679" spans="1:4" x14ac:dyDescent="0.4">
      <c r="A14679" s="1" t="s">
        <v>13940</v>
      </c>
      <c r="B14679" t="s">
        <v>4451</v>
      </c>
      <c r="C14679" t="s">
        <v>13822</v>
      </c>
      <c r="D14679" t="s">
        <v>13941</v>
      </c>
    </row>
    <row r="14680" spans="1:4" x14ac:dyDescent="0.4">
      <c r="A14680" s="1" t="s">
        <v>13940</v>
      </c>
      <c r="B14680" t="s">
        <v>4451</v>
      </c>
      <c r="C14680" t="s">
        <v>13822</v>
      </c>
      <c r="D14680" t="s">
        <v>13942</v>
      </c>
    </row>
    <row r="14681" spans="1:4" x14ac:dyDescent="0.4">
      <c r="A14681" s="1" t="s">
        <v>13943</v>
      </c>
      <c r="B14681" t="s">
        <v>4451</v>
      </c>
      <c r="C14681" t="s">
        <v>13822</v>
      </c>
      <c r="D14681" t="s">
        <v>13944</v>
      </c>
    </row>
    <row r="14682" spans="1:4" x14ac:dyDescent="0.4">
      <c r="A14682" s="1" t="s">
        <v>13945</v>
      </c>
      <c r="B14682" t="s">
        <v>4451</v>
      </c>
      <c r="C14682" t="s">
        <v>13822</v>
      </c>
      <c r="D14682" t="s">
        <v>13946</v>
      </c>
    </row>
    <row r="14683" spans="1:4" x14ac:dyDescent="0.4">
      <c r="A14683" s="1" t="s">
        <v>13850</v>
      </c>
      <c r="B14683" t="s">
        <v>4451</v>
      </c>
      <c r="C14683" t="s">
        <v>13822</v>
      </c>
      <c r="D14683" t="s">
        <v>13947</v>
      </c>
    </row>
    <row r="14684" spans="1:4" x14ac:dyDescent="0.4">
      <c r="A14684" s="1" t="s">
        <v>13948</v>
      </c>
      <c r="B14684" t="s">
        <v>4451</v>
      </c>
      <c r="C14684" t="s">
        <v>13822</v>
      </c>
      <c r="D14684" t="s">
        <v>13949</v>
      </c>
    </row>
    <row r="14685" spans="1:4" x14ac:dyDescent="0.4">
      <c r="A14685" s="1" t="s">
        <v>13948</v>
      </c>
      <c r="B14685" t="s">
        <v>4451</v>
      </c>
      <c r="C14685" t="s">
        <v>13822</v>
      </c>
      <c r="D14685" t="s">
        <v>13950</v>
      </c>
    </row>
    <row r="14686" spans="1:4" x14ac:dyDescent="0.4">
      <c r="A14686" s="1" t="s">
        <v>13948</v>
      </c>
      <c r="B14686" t="s">
        <v>4451</v>
      </c>
      <c r="C14686" t="s">
        <v>13822</v>
      </c>
      <c r="D14686" t="s">
        <v>13951</v>
      </c>
    </row>
    <row r="14687" spans="1:4" x14ac:dyDescent="0.4">
      <c r="A14687" s="1" t="s">
        <v>13948</v>
      </c>
      <c r="B14687" t="s">
        <v>4451</v>
      </c>
      <c r="C14687" t="s">
        <v>13822</v>
      </c>
      <c r="D14687" t="s">
        <v>13952</v>
      </c>
    </row>
    <row r="14688" spans="1:4" x14ac:dyDescent="0.4">
      <c r="A14688" s="1" t="s">
        <v>13953</v>
      </c>
      <c r="B14688" t="s">
        <v>4451</v>
      </c>
      <c r="C14688" t="s">
        <v>13822</v>
      </c>
      <c r="D14688" t="s">
        <v>13954</v>
      </c>
    </row>
    <row r="14689" spans="1:4" x14ac:dyDescent="0.4">
      <c r="A14689" s="1" t="s">
        <v>13850</v>
      </c>
      <c r="B14689" t="s">
        <v>4451</v>
      </c>
      <c r="C14689" t="s">
        <v>13822</v>
      </c>
      <c r="D14689" t="s">
        <v>13955</v>
      </c>
    </row>
    <row r="14690" spans="1:4" x14ac:dyDescent="0.4">
      <c r="A14690" s="1" t="s">
        <v>13883</v>
      </c>
      <c r="B14690" t="s">
        <v>4451</v>
      </c>
      <c r="C14690" t="s">
        <v>13822</v>
      </c>
      <c r="D14690" t="s">
        <v>13956</v>
      </c>
    </row>
    <row r="14691" spans="1:4" x14ac:dyDescent="0.4">
      <c r="A14691" s="1" t="s">
        <v>13957</v>
      </c>
      <c r="B14691" t="s">
        <v>4451</v>
      </c>
      <c r="C14691" t="s">
        <v>13822</v>
      </c>
      <c r="D14691" t="s">
        <v>13958</v>
      </c>
    </row>
    <row r="14692" spans="1:4" x14ac:dyDescent="0.4">
      <c r="A14692" s="1" t="s">
        <v>13959</v>
      </c>
      <c r="B14692" t="s">
        <v>4451</v>
      </c>
      <c r="C14692" t="s">
        <v>13822</v>
      </c>
      <c r="D14692" t="s">
        <v>13669</v>
      </c>
    </row>
    <row r="14693" spans="1:4" x14ac:dyDescent="0.4">
      <c r="A14693" s="1" t="s">
        <v>13959</v>
      </c>
      <c r="B14693" t="s">
        <v>4451</v>
      </c>
      <c r="C14693" t="s">
        <v>13822</v>
      </c>
      <c r="D14693" t="s">
        <v>13960</v>
      </c>
    </row>
    <row r="14694" spans="1:4" x14ac:dyDescent="0.4">
      <c r="A14694" s="1" t="s">
        <v>13959</v>
      </c>
      <c r="B14694" t="s">
        <v>4451</v>
      </c>
      <c r="C14694" t="s">
        <v>13822</v>
      </c>
      <c r="D14694" t="s">
        <v>13961</v>
      </c>
    </row>
    <row r="14695" spans="1:4" x14ac:dyDescent="0.4">
      <c r="A14695" s="1" t="s">
        <v>13932</v>
      </c>
      <c r="B14695" t="s">
        <v>4451</v>
      </c>
      <c r="C14695" t="s">
        <v>13822</v>
      </c>
      <c r="D14695" t="s">
        <v>13962</v>
      </c>
    </row>
    <row r="14696" spans="1:4" x14ac:dyDescent="0.4">
      <c r="A14696" s="1" t="s">
        <v>13963</v>
      </c>
      <c r="B14696" t="s">
        <v>4451</v>
      </c>
      <c r="C14696" t="s">
        <v>13822</v>
      </c>
      <c r="D14696" t="s">
        <v>13964</v>
      </c>
    </row>
    <row r="14697" spans="1:4" x14ac:dyDescent="0.4">
      <c r="A14697" s="1" t="s">
        <v>13953</v>
      </c>
      <c r="B14697" t="s">
        <v>4451</v>
      </c>
      <c r="C14697" t="s">
        <v>13822</v>
      </c>
      <c r="D14697" t="s">
        <v>13965</v>
      </c>
    </row>
    <row r="14698" spans="1:4" x14ac:dyDescent="0.4">
      <c r="A14698" s="1" t="s">
        <v>13924</v>
      </c>
      <c r="B14698" t="s">
        <v>4451</v>
      </c>
      <c r="C14698" t="s">
        <v>13822</v>
      </c>
      <c r="D14698" t="s">
        <v>13679</v>
      </c>
    </row>
    <row r="14699" spans="1:4" x14ac:dyDescent="0.4">
      <c r="A14699" s="1" t="s">
        <v>13966</v>
      </c>
      <c r="B14699" t="s">
        <v>4451</v>
      </c>
      <c r="C14699" t="s">
        <v>13822</v>
      </c>
      <c r="D14699" t="s">
        <v>13967</v>
      </c>
    </row>
    <row r="14700" spans="1:4" x14ac:dyDescent="0.4">
      <c r="A14700" s="1" t="s">
        <v>13834</v>
      </c>
      <c r="B14700" t="s">
        <v>4451</v>
      </c>
      <c r="C14700" t="s">
        <v>13822</v>
      </c>
      <c r="D14700" t="s">
        <v>13968</v>
      </c>
    </row>
    <row r="14701" spans="1:4" x14ac:dyDescent="0.4">
      <c r="A14701" s="1" t="s">
        <v>13969</v>
      </c>
      <c r="B14701" t="s">
        <v>4451</v>
      </c>
      <c r="C14701" t="s">
        <v>13822</v>
      </c>
      <c r="D14701" t="s">
        <v>13970</v>
      </c>
    </row>
    <row r="14702" spans="1:4" x14ac:dyDescent="0.4">
      <c r="A14702" s="1" t="s">
        <v>13971</v>
      </c>
      <c r="B14702" t="s">
        <v>4451</v>
      </c>
      <c r="C14702" t="s">
        <v>13822</v>
      </c>
      <c r="D14702" t="s">
        <v>13972</v>
      </c>
    </row>
    <row r="14703" spans="1:4" x14ac:dyDescent="0.4">
      <c r="A14703" s="1" t="s">
        <v>13971</v>
      </c>
      <c r="B14703" t="s">
        <v>4451</v>
      </c>
      <c r="C14703" t="s">
        <v>13822</v>
      </c>
      <c r="D14703" t="s">
        <v>13973</v>
      </c>
    </row>
    <row r="14704" spans="1:4" x14ac:dyDescent="0.4">
      <c r="A14704" s="1" t="s">
        <v>13971</v>
      </c>
      <c r="B14704" t="s">
        <v>4451</v>
      </c>
      <c r="C14704" t="s">
        <v>13822</v>
      </c>
      <c r="D14704" t="s">
        <v>13974</v>
      </c>
    </row>
    <row r="14705" spans="1:4" x14ac:dyDescent="0.4">
      <c r="A14705" s="1" t="s">
        <v>13825</v>
      </c>
      <c r="B14705" t="s">
        <v>4451</v>
      </c>
      <c r="C14705" t="s">
        <v>13822</v>
      </c>
      <c r="D14705" t="s">
        <v>13975</v>
      </c>
    </row>
    <row r="14706" spans="1:4" x14ac:dyDescent="0.4">
      <c r="A14706" s="1" t="s">
        <v>13825</v>
      </c>
      <c r="B14706" t="s">
        <v>4451</v>
      </c>
      <c r="C14706" t="s">
        <v>13822</v>
      </c>
      <c r="D14706" t="s">
        <v>13976</v>
      </c>
    </row>
    <row r="14707" spans="1:4" x14ac:dyDescent="0.4">
      <c r="A14707" s="1" t="s">
        <v>13977</v>
      </c>
      <c r="B14707" t="s">
        <v>4451</v>
      </c>
      <c r="C14707" t="s">
        <v>13822</v>
      </c>
      <c r="D14707" t="s">
        <v>13978</v>
      </c>
    </row>
    <row r="14708" spans="1:4" x14ac:dyDescent="0.4">
      <c r="A14708" s="1" t="s">
        <v>13977</v>
      </c>
      <c r="B14708" t="s">
        <v>4451</v>
      </c>
      <c r="C14708" t="s">
        <v>13822</v>
      </c>
      <c r="D14708" t="s">
        <v>13979</v>
      </c>
    </row>
    <row r="14709" spans="1:4" x14ac:dyDescent="0.4">
      <c r="A14709" s="1" t="s">
        <v>13924</v>
      </c>
      <c r="B14709" t="s">
        <v>4451</v>
      </c>
      <c r="C14709" t="s">
        <v>13822</v>
      </c>
      <c r="D14709" t="s">
        <v>13980</v>
      </c>
    </row>
    <row r="14710" spans="1:4" x14ac:dyDescent="0.4">
      <c r="A14710" s="1" t="s">
        <v>13981</v>
      </c>
      <c r="B14710" t="s">
        <v>4451</v>
      </c>
      <c r="C14710" t="s">
        <v>13822</v>
      </c>
      <c r="D14710" t="s">
        <v>13710</v>
      </c>
    </row>
    <row r="14711" spans="1:4" x14ac:dyDescent="0.4">
      <c r="A14711" s="1" t="s">
        <v>13893</v>
      </c>
      <c r="B14711" t="s">
        <v>4451</v>
      </c>
      <c r="C14711" t="s">
        <v>13822</v>
      </c>
      <c r="D14711" t="s">
        <v>13982</v>
      </c>
    </row>
    <row r="14712" spans="1:4" x14ac:dyDescent="0.4">
      <c r="A14712" s="1" t="s">
        <v>13847</v>
      </c>
      <c r="B14712" t="s">
        <v>4451</v>
      </c>
      <c r="C14712" t="s">
        <v>13822</v>
      </c>
      <c r="D14712" t="s">
        <v>13983</v>
      </c>
    </row>
    <row r="14713" spans="1:4" x14ac:dyDescent="0.4">
      <c r="A14713" s="1" t="s">
        <v>13966</v>
      </c>
      <c r="B14713" t="s">
        <v>4451</v>
      </c>
      <c r="C14713" t="s">
        <v>13822</v>
      </c>
      <c r="D14713" t="s">
        <v>13984</v>
      </c>
    </row>
    <row r="14714" spans="1:4" x14ac:dyDescent="0.4">
      <c r="A14714" s="1" t="s">
        <v>13966</v>
      </c>
      <c r="B14714" t="s">
        <v>4451</v>
      </c>
      <c r="C14714" t="s">
        <v>13822</v>
      </c>
      <c r="D14714" t="s">
        <v>13985</v>
      </c>
    </row>
    <row r="14715" spans="1:4" x14ac:dyDescent="0.4">
      <c r="A14715" s="1" t="s">
        <v>13874</v>
      </c>
      <c r="B14715" t="s">
        <v>4451</v>
      </c>
      <c r="C14715" t="s">
        <v>13822</v>
      </c>
      <c r="D14715" t="s">
        <v>11210</v>
      </c>
    </row>
    <row r="14716" spans="1:4" x14ac:dyDescent="0.4">
      <c r="A14716" s="1" t="s">
        <v>13986</v>
      </c>
      <c r="B14716" t="s">
        <v>4451</v>
      </c>
      <c r="C14716" t="s">
        <v>13822</v>
      </c>
      <c r="D14716" t="s">
        <v>3653</v>
      </c>
    </row>
    <row r="14717" spans="1:4" x14ac:dyDescent="0.4">
      <c r="A14717" s="1" t="s">
        <v>13833</v>
      </c>
      <c r="B14717" t="s">
        <v>4451</v>
      </c>
      <c r="C14717" t="s">
        <v>13822</v>
      </c>
      <c r="D14717" t="s">
        <v>13987</v>
      </c>
    </row>
    <row r="14718" spans="1:4" x14ac:dyDescent="0.4">
      <c r="A14718" s="1" t="s">
        <v>13847</v>
      </c>
      <c r="B14718" t="s">
        <v>4451</v>
      </c>
      <c r="C14718" t="s">
        <v>13822</v>
      </c>
      <c r="D14718" t="s">
        <v>4357</v>
      </c>
    </row>
    <row r="14719" spans="1:4" x14ac:dyDescent="0.4">
      <c r="A14719" s="1" t="s">
        <v>13836</v>
      </c>
      <c r="B14719" t="s">
        <v>4451</v>
      </c>
      <c r="C14719" t="s">
        <v>13822</v>
      </c>
      <c r="D14719" t="s">
        <v>12269</v>
      </c>
    </row>
    <row r="14720" spans="1:4" x14ac:dyDescent="0.4">
      <c r="A14720" s="1" t="s">
        <v>13825</v>
      </c>
      <c r="B14720" t="s">
        <v>4451</v>
      </c>
      <c r="C14720" t="s">
        <v>13822</v>
      </c>
      <c r="D14720" t="s">
        <v>9240</v>
      </c>
    </row>
    <row r="14721" spans="1:4" x14ac:dyDescent="0.4">
      <c r="A14721" s="1" t="s">
        <v>13825</v>
      </c>
      <c r="B14721" t="s">
        <v>4451</v>
      </c>
      <c r="C14721" t="s">
        <v>13822</v>
      </c>
      <c r="D14721" t="s">
        <v>13988</v>
      </c>
    </row>
    <row r="14722" spans="1:4" x14ac:dyDescent="0.4">
      <c r="A14722" s="1" t="s">
        <v>13989</v>
      </c>
      <c r="B14722" t="s">
        <v>4451</v>
      </c>
      <c r="C14722" t="s">
        <v>13822</v>
      </c>
      <c r="D14722" t="s">
        <v>13990</v>
      </c>
    </row>
    <row r="14723" spans="1:4" x14ac:dyDescent="0.4">
      <c r="A14723" s="1" t="s">
        <v>13853</v>
      </c>
      <c r="B14723" t="s">
        <v>4451</v>
      </c>
      <c r="C14723" t="s">
        <v>13822</v>
      </c>
      <c r="D14723" t="s">
        <v>13991</v>
      </c>
    </row>
    <row r="14724" spans="1:4" x14ac:dyDescent="0.4">
      <c r="A14724" s="1" t="s">
        <v>13908</v>
      </c>
      <c r="B14724" t="s">
        <v>4451</v>
      </c>
      <c r="C14724" t="s">
        <v>13822</v>
      </c>
      <c r="D14724" t="s">
        <v>13992</v>
      </c>
    </row>
    <row r="14725" spans="1:4" x14ac:dyDescent="0.4">
      <c r="A14725" s="1" t="s">
        <v>13993</v>
      </c>
      <c r="B14725" t="s">
        <v>4451</v>
      </c>
      <c r="C14725" t="s">
        <v>13994</v>
      </c>
    </row>
    <row r="14726" spans="1:4" x14ac:dyDescent="0.4">
      <c r="A14726" s="1" t="s">
        <v>13995</v>
      </c>
      <c r="B14726" t="s">
        <v>4451</v>
      </c>
      <c r="C14726" t="s">
        <v>13994</v>
      </c>
      <c r="D14726" t="s">
        <v>13996</v>
      </c>
    </row>
    <row r="14727" spans="1:4" x14ac:dyDescent="0.4">
      <c r="A14727" s="1" t="s">
        <v>13997</v>
      </c>
      <c r="B14727" t="s">
        <v>4451</v>
      </c>
      <c r="C14727" t="s">
        <v>13994</v>
      </c>
      <c r="D14727" t="s">
        <v>13998</v>
      </c>
    </row>
    <row r="14728" spans="1:4" x14ac:dyDescent="0.4">
      <c r="A14728" s="1" t="s">
        <v>13999</v>
      </c>
      <c r="B14728" t="s">
        <v>4451</v>
      </c>
      <c r="C14728" t="s">
        <v>13994</v>
      </c>
      <c r="D14728" t="s">
        <v>14000</v>
      </c>
    </row>
    <row r="14729" spans="1:4" x14ac:dyDescent="0.4">
      <c r="A14729" s="1" t="s">
        <v>14001</v>
      </c>
      <c r="B14729" t="s">
        <v>4451</v>
      </c>
      <c r="C14729" t="s">
        <v>13994</v>
      </c>
      <c r="D14729" t="s">
        <v>14002</v>
      </c>
    </row>
    <row r="14730" spans="1:4" x14ac:dyDescent="0.4">
      <c r="A14730" s="1" t="s">
        <v>14003</v>
      </c>
      <c r="B14730" t="s">
        <v>4451</v>
      </c>
      <c r="C14730" t="s">
        <v>13994</v>
      </c>
      <c r="D14730" t="s">
        <v>14004</v>
      </c>
    </row>
    <row r="14731" spans="1:4" x14ac:dyDescent="0.4">
      <c r="A14731" s="1" t="s">
        <v>14005</v>
      </c>
      <c r="B14731" t="s">
        <v>4451</v>
      </c>
      <c r="C14731" t="s">
        <v>13994</v>
      </c>
      <c r="D14731" t="s">
        <v>6539</v>
      </c>
    </row>
    <row r="14732" spans="1:4" x14ac:dyDescent="0.4">
      <c r="A14732" s="1" t="s">
        <v>14006</v>
      </c>
      <c r="B14732" t="s">
        <v>4451</v>
      </c>
      <c r="C14732" t="s">
        <v>14007</v>
      </c>
    </row>
    <row r="14733" spans="1:4" x14ac:dyDescent="0.4">
      <c r="A14733" s="1" t="s">
        <v>14008</v>
      </c>
      <c r="B14733" t="s">
        <v>4451</v>
      </c>
      <c r="C14733" t="s">
        <v>14007</v>
      </c>
      <c r="D14733" t="s">
        <v>4454</v>
      </c>
    </row>
    <row r="14734" spans="1:4" x14ac:dyDescent="0.4">
      <c r="A14734" s="1" t="s">
        <v>14009</v>
      </c>
      <c r="B14734" t="s">
        <v>4451</v>
      </c>
      <c r="C14734" t="s">
        <v>14007</v>
      </c>
      <c r="D14734" t="s">
        <v>14010</v>
      </c>
    </row>
    <row r="14735" spans="1:4" x14ac:dyDescent="0.4">
      <c r="A14735" s="1" t="s">
        <v>14011</v>
      </c>
      <c r="B14735" t="s">
        <v>4451</v>
      </c>
      <c r="C14735" t="s">
        <v>14007</v>
      </c>
      <c r="D14735" t="s">
        <v>14012</v>
      </c>
    </row>
    <row r="14736" spans="1:4" x14ac:dyDescent="0.4">
      <c r="A14736" s="1" t="s">
        <v>14013</v>
      </c>
      <c r="B14736" t="s">
        <v>4451</v>
      </c>
      <c r="C14736" t="s">
        <v>14007</v>
      </c>
      <c r="D14736" t="s">
        <v>14014</v>
      </c>
    </row>
    <row r="14737" spans="1:4" x14ac:dyDescent="0.4">
      <c r="A14737" s="1" t="s">
        <v>14015</v>
      </c>
      <c r="B14737" t="s">
        <v>4451</v>
      </c>
      <c r="C14737" t="s">
        <v>14007</v>
      </c>
      <c r="D14737" t="s">
        <v>14016</v>
      </c>
    </row>
    <row r="14738" spans="1:4" x14ac:dyDescent="0.4">
      <c r="A14738" s="1" t="s">
        <v>14017</v>
      </c>
      <c r="B14738" t="s">
        <v>4451</v>
      </c>
      <c r="C14738" t="s">
        <v>14007</v>
      </c>
      <c r="D14738" t="s">
        <v>14018</v>
      </c>
    </row>
    <row r="14739" spans="1:4" x14ac:dyDescent="0.4">
      <c r="A14739" s="1" t="s">
        <v>14019</v>
      </c>
      <c r="B14739" t="s">
        <v>4451</v>
      </c>
      <c r="C14739" t="s">
        <v>14007</v>
      </c>
      <c r="D14739" t="s">
        <v>14020</v>
      </c>
    </row>
    <row r="14740" spans="1:4" x14ac:dyDescent="0.4">
      <c r="A14740" s="1" t="s">
        <v>14021</v>
      </c>
      <c r="B14740" t="s">
        <v>4451</v>
      </c>
      <c r="C14740" t="s">
        <v>14007</v>
      </c>
      <c r="D14740" t="s">
        <v>14022</v>
      </c>
    </row>
    <row r="14741" spans="1:4" x14ac:dyDescent="0.4">
      <c r="A14741" s="1" t="s">
        <v>14023</v>
      </c>
      <c r="B14741" t="s">
        <v>4451</v>
      </c>
      <c r="C14741" t="s">
        <v>14007</v>
      </c>
      <c r="D14741" t="s">
        <v>14024</v>
      </c>
    </row>
    <row r="14742" spans="1:4" x14ac:dyDescent="0.4">
      <c r="A14742" s="1" t="s">
        <v>14025</v>
      </c>
      <c r="B14742" t="s">
        <v>4451</v>
      </c>
      <c r="C14742" t="s">
        <v>14007</v>
      </c>
      <c r="D14742" t="s">
        <v>14026</v>
      </c>
    </row>
    <row r="14743" spans="1:4" x14ac:dyDescent="0.4">
      <c r="A14743" s="1" t="s">
        <v>14027</v>
      </c>
      <c r="B14743" t="s">
        <v>4451</v>
      </c>
      <c r="C14743" t="s">
        <v>14007</v>
      </c>
      <c r="D14743" t="s">
        <v>14028</v>
      </c>
    </row>
    <row r="14744" spans="1:4" x14ac:dyDescent="0.4">
      <c r="A14744" s="1" t="s">
        <v>14029</v>
      </c>
      <c r="B14744" t="s">
        <v>4451</v>
      </c>
      <c r="C14744" t="s">
        <v>14007</v>
      </c>
      <c r="D14744" t="s">
        <v>14030</v>
      </c>
    </row>
    <row r="14745" spans="1:4" x14ac:dyDescent="0.4">
      <c r="A14745" s="1" t="s">
        <v>14031</v>
      </c>
      <c r="B14745" t="s">
        <v>4451</v>
      </c>
      <c r="C14745" t="s">
        <v>14007</v>
      </c>
      <c r="D14745" t="s">
        <v>14032</v>
      </c>
    </row>
    <row r="14746" spans="1:4" x14ac:dyDescent="0.4">
      <c r="A14746" s="1" t="s">
        <v>14033</v>
      </c>
      <c r="B14746" t="s">
        <v>4451</v>
      </c>
      <c r="C14746" t="s">
        <v>14007</v>
      </c>
      <c r="D14746" t="s">
        <v>13283</v>
      </c>
    </row>
    <row r="14747" spans="1:4" x14ac:dyDescent="0.4">
      <c r="A14747" s="1" t="s">
        <v>14034</v>
      </c>
      <c r="B14747" t="s">
        <v>4451</v>
      </c>
      <c r="C14747" t="s">
        <v>14007</v>
      </c>
      <c r="D14747" t="s">
        <v>11149</v>
      </c>
    </row>
    <row r="14748" spans="1:4" x14ac:dyDescent="0.4">
      <c r="A14748" s="1" t="s">
        <v>14035</v>
      </c>
      <c r="B14748" t="s">
        <v>4451</v>
      </c>
      <c r="C14748" t="s">
        <v>14007</v>
      </c>
      <c r="D14748" t="s">
        <v>13287</v>
      </c>
    </row>
    <row r="14749" spans="1:4" x14ac:dyDescent="0.4">
      <c r="A14749" s="1" t="s">
        <v>14036</v>
      </c>
      <c r="B14749" t="s">
        <v>4451</v>
      </c>
      <c r="C14749" t="s">
        <v>14007</v>
      </c>
      <c r="D14749" t="s">
        <v>14037</v>
      </c>
    </row>
    <row r="14750" spans="1:4" x14ac:dyDescent="0.4">
      <c r="A14750" s="1" t="s">
        <v>14038</v>
      </c>
      <c r="B14750" t="s">
        <v>4451</v>
      </c>
      <c r="C14750" t="s">
        <v>14007</v>
      </c>
      <c r="D14750" t="s">
        <v>6297</v>
      </c>
    </row>
    <row r="14751" spans="1:4" x14ac:dyDescent="0.4">
      <c r="A14751" s="1" t="s">
        <v>14039</v>
      </c>
      <c r="B14751" t="s">
        <v>4451</v>
      </c>
      <c r="C14751" t="s">
        <v>14007</v>
      </c>
      <c r="D14751" t="s">
        <v>1829</v>
      </c>
    </row>
    <row r="14752" spans="1:4" x14ac:dyDescent="0.4">
      <c r="A14752" s="1" t="s">
        <v>14040</v>
      </c>
      <c r="B14752" t="s">
        <v>4451</v>
      </c>
      <c r="C14752" t="s">
        <v>14007</v>
      </c>
      <c r="D14752" t="s">
        <v>14041</v>
      </c>
    </row>
    <row r="14753" spans="1:4" x14ac:dyDescent="0.4">
      <c r="A14753" s="1" t="s">
        <v>14042</v>
      </c>
      <c r="B14753" t="s">
        <v>4451</v>
      </c>
      <c r="C14753" t="s">
        <v>14007</v>
      </c>
      <c r="D14753" t="s">
        <v>14043</v>
      </c>
    </row>
    <row r="14754" spans="1:4" x14ac:dyDescent="0.4">
      <c r="A14754" s="1" t="s">
        <v>14044</v>
      </c>
      <c r="B14754" t="s">
        <v>4451</v>
      </c>
      <c r="C14754" t="s">
        <v>14007</v>
      </c>
      <c r="D14754" t="s">
        <v>14045</v>
      </c>
    </row>
    <row r="14755" spans="1:4" x14ac:dyDescent="0.4">
      <c r="A14755" s="1" t="s">
        <v>14046</v>
      </c>
      <c r="B14755" t="s">
        <v>4451</v>
      </c>
      <c r="C14755" t="s">
        <v>14007</v>
      </c>
      <c r="D14755" t="s">
        <v>14047</v>
      </c>
    </row>
    <row r="14756" spans="1:4" x14ac:dyDescent="0.4">
      <c r="A14756" s="1" t="s">
        <v>14048</v>
      </c>
      <c r="B14756" t="s">
        <v>4451</v>
      </c>
      <c r="C14756" t="s">
        <v>14007</v>
      </c>
      <c r="D14756" t="s">
        <v>4544</v>
      </c>
    </row>
    <row r="14757" spans="1:4" x14ac:dyDescent="0.4">
      <c r="A14757" s="1" t="s">
        <v>14049</v>
      </c>
      <c r="B14757" t="s">
        <v>4451</v>
      </c>
      <c r="C14757" t="s">
        <v>14007</v>
      </c>
      <c r="D14757" t="s">
        <v>14050</v>
      </c>
    </row>
    <row r="14758" spans="1:4" x14ac:dyDescent="0.4">
      <c r="A14758" s="1" t="s">
        <v>14051</v>
      </c>
      <c r="B14758" t="s">
        <v>4451</v>
      </c>
      <c r="C14758" t="s">
        <v>14007</v>
      </c>
      <c r="D14758" t="s">
        <v>14052</v>
      </c>
    </row>
    <row r="14759" spans="1:4" x14ac:dyDescent="0.4">
      <c r="A14759" s="1" t="s">
        <v>14053</v>
      </c>
      <c r="B14759" t="s">
        <v>4451</v>
      </c>
      <c r="C14759" t="s">
        <v>14007</v>
      </c>
      <c r="D14759" t="s">
        <v>13313</v>
      </c>
    </row>
    <row r="14760" spans="1:4" x14ac:dyDescent="0.4">
      <c r="A14760" s="1" t="s">
        <v>14054</v>
      </c>
      <c r="B14760" t="s">
        <v>4451</v>
      </c>
      <c r="C14760" t="s">
        <v>14007</v>
      </c>
      <c r="D14760" t="s">
        <v>14055</v>
      </c>
    </row>
    <row r="14761" spans="1:4" x14ac:dyDescent="0.4">
      <c r="A14761" s="1" t="s">
        <v>14056</v>
      </c>
      <c r="B14761" t="s">
        <v>4451</v>
      </c>
      <c r="C14761" t="s">
        <v>14007</v>
      </c>
      <c r="D14761" t="s">
        <v>14057</v>
      </c>
    </row>
    <row r="14762" spans="1:4" x14ac:dyDescent="0.4">
      <c r="A14762" s="1" t="s">
        <v>14058</v>
      </c>
      <c r="B14762" t="s">
        <v>4451</v>
      </c>
      <c r="C14762" t="s">
        <v>14007</v>
      </c>
      <c r="D14762" t="s">
        <v>14059</v>
      </c>
    </row>
    <row r="14763" spans="1:4" x14ac:dyDescent="0.4">
      <c r="A14763" s="1" t="s">
        <v>14060</v>
      </c>
      <c r="B14763" t="s">
        <v>4451</v>
      </c>
      <c r="C14763" t="s">
        <v>14007</v>
      </c>
      <c r="D14763" t="s">
        <v>178</v>
      </c>
    </row>
    <row r="14764" spans="1:4" x14ac:dyDescent="0.4">
      <c r="A14764" s="1" t="s">
        <v>14061</v>
      </c>
      <c r="B14764" t="s">
        <v>4451</v>
      </c>
      <c r="C14764" t="s">
        <v>14007</v>
      </c>
      <c r="D14764" t="s">
        <v>14062</v>
      </c>
    </row>
    <row r="14765" spans="1:4" x14ac:dyDescent="0.4">
      <c r="A14765" s="1" t="s">
        <v>14063</v>
      </c>
      <c r="B14765" t="s">
        <v>4451</v>
      </c>
      <c r="C14765" t="s">
        <v>14007</v>
      </c>
      <c r="D14765" t="s">
        <v>903</v>
      </c>
    </row>
    <row r="14766" spans="1:4" x14ac:dyDescent="0.4">
      <c r="A14766" s="1" t="s">
        <v>14064</v>
      </c>
      <c r="B14766" t="s">
        <v>4451</v>
      </c>
      <c r="C14766" t="s">
        <v>14007</v>
      </c>
      <c r="D14766" t="s">
        <v>14065</v>
      </c>
    </row>
    <row r="14767" spans="1:4" x14ac:dyDescent="0.4">
      <c r="A14767" s="1" t="s">
        <v>14066</v>
      </c>
      <c r="B14767" t="s">
        <v>4451</v>
      </c>
      <c r="C14767" t="s">
        <v>14007</v>
      </c>
      <c r="D14767" t="s">
        <v>14067</v>
      </c>
    </row>
    <row r="14768" spans="1:4" x14ac:dyDescent="0.4">
      <c r="A14768" s="1" t="s">
        <v>14068</v>
      </c>
      <c r="B14768" t="s">
        <v>4451</v>
      </c>
      <c r="C14768" t="s">
        <v>14007</v>
      </c>
      <c r="D14768" t="s">
        <v>3693</v>
      </c>
    </row>
    <row r="14769" spans="1:4" x14ac:dyDescent="0.4">
      <c r="A14769" s="1" t="s">
        <v>14069</v>
      </c>
      <c r="B14769" t="s">
        <v>4451</v>
      </c>
      <c r="C14769" t="s">
        <v>14007</v>
      </c>
      <c r="D14769" t="s">
        <v>14070</v>
      </c>
    </row>
    <row r="14770" spans="1:4" x14ac:dyDescent="0.4">
      <c r="A14770" s="1" t="s">
        <v>14071</v>
      </c>
      <c r="B14770" t="s">
        <v>4451</v>
      </c>
      <c r="C14770" t="s">
        <v>14007</v>
      </c>
      <c r="D14770" t="s">
        <v>14072</v>
      </c>
    </row>
    <row r="14771" spans="1:4" x14ac:dyDescent="0.4">
      <c r="A14771" s="1" t="s">
        <v>14073</v>
      </c>
      <c r="B14771" t="s">
        <v>4451</v>
      </c>
      <c r="C14771" t="s">
        <v>14007</v>
      </c>
      <c r="D14771" t="s">
        <v>14074</v>
      </c>
    </row>
    <row r="14772" spans="1:4" x14ac:dyDescent="0.4">
      <c r="A14772" s="1" t="s">
        <v>14075</v>
      </c>
      <c r="B14772" t="s">
        <v>4451</v>
      </c>
      <c r="C14772" t="s">
        <v>14007</v>
      </c>
      <c r="D14772" t="s">
        <v>14076</v>
      </c>
    </row>
    <row r="14773" spans="1:4" x14ac:dyDescent="0.4">
      <c r="A14773" s="1" t="s">
        <v>14077</v>
      </c>
      <c r="B14773" t="s">
        <v>4451</v>
      </c>
      <c r="C14773" t="s">
        <v>14007</v>
      </c>
      <c r="D14773" t="s">
        <v>14078</v>
      </c>
    </row>
    <row r="14774" spans="1:4" x14ac:dyDescent="0.4">
      <c r="A14774" s="1" t="s">
        <v>14079</v>
      </c>
      <c r="B14774" t="s">
        <v>4451</v>
      </c>
      <c r="C14774" t="s">
        <v>14007</v>
      </c>
      <c r="D14774" t="s">
        <v>14080</v>
      </c>
    </row>
    <row r="14775" spans="1:4" x14ac:dyDescent="0.4">
      <c r="A14775" s="1" t="s">
        <v>14081</v>
      </c>
      <c r="B14775" t="s">
        <v>4451</v>
      </c>
      <c r="C14775" t="s">
        <v>14007</v>
      </c>
      <c r="D14775" t="s">
        <v>14082</v>
      </c>
    </row>
    <row r="14776" spans="1:4" x14ac:dyDescent="0.4">
      <c r="A14776" s="1" t="s">
        <v>14083</v>
      </c>
      <c r="B14776" t="s">
        <v>4451</v>
      </c>
      <c r="C14776" t="s">
        <v>14007</v>
      </c>
      <c r="D14776" t="s">
        <v>14084</v>
      </c>
    </row>
    <row r="14777" spans="1:4" x14ac:dyDescent="0.4">
      <c r="A14777" s="1" t="s">
        <v>14085</v>
      </c>
      <c r="B14777" t="s">
        <v>4451</v>
      </c>
      <c r="C14777" t="s">
        <v>14007</v>
      </c>
      <c r="D14777" t="s">
        <v>14086</v>
      </c>
    </row>
    <row r="14778" spans="1:4" x14ac:dyDescent="0.4">
      <c r="A14778" s="1" t="s">
        <v>14087</v>
      </c>
      <c r="B14778" t="s">
        <v>4451</v>
      </c>
      <c r="C14778" t="s">
        <v>14007</v>
      </c>
      <c r="D14778" t="s">
        <v>14088</v>
      </c>
    </row>
    <row r="14779" spans="1:4" x14ac:dyDescent="0.4">
      <c r="A14779" s="1" t="s">
        <v>14089</v>
      </c>
      <c r="B14779" t="s">
        <v>4451</v>
      </c>
      <c r="C14779" t="s">
        <v>14007</v>
      </c>
      <c r="D14779" t="s">
        <v>14090</v>
      </c>
    </row>
    <row r="14780" spans="1:4" x14ac:dyDescent="0.4">
      <c r="A14780" s="1" t="s">
        <v>14091</v>
      </c>
      <c r="B14780" t="s">
        <v>4451</v>
      </c>
      <c r="C14780" t="s">
        <v>14007</v>
      </c>
      <c r="D14780" t="s">
        <v>14092</v>
      </c>
    </row>
    <row r="14781" spans="1:4" x14ac:dyDescent="0.4">
      <c r="A14781" s="1" t="s">
        <v>14093</v>
      </c>
      <c r="B14781" t="s">
        <v>4451</v>
      </c>
      <c r="C14781" t="s">
        <v>14007</v>
      </c>
      <c r="D14781" t="s">
        <v>14094</v>
      </c>
    </row>
    <row r="14782" spans="1:4" x14ac:dyDescent="0.4">
      <c r="A14782" s="1" t="s">
        <v>14095</v>
      </c>
      <c r="B14782" t="s">
        <v>4451</v>
      </c>
      <c r="C14782" t="s">
        <v>14007</v>
      </c>
      <c r="D14782" t="s">
        <v>14096</v>
      </c>
    </row>
    <row r="14783" spans="1:4" x14ac:dyDescent="0.4">
      <c r="A14783" s="1" t="s">
        <v>14097</v>
      </c>
      <c r="B14783" t="s">
        <v>4451</v>
      </c>
      <c r="C14783" t="s">
        <v>14007</v>
      </c>
      <c r="D14783" t="s">
        <v>14098</v>
      </c>
    </row>
    <row r="14784" spans="1:4" x14ac:dyDescent="0.4">
      <c r="A14784" s="1" t="s">
        <v>14099</v>
      </c>
      <c r="B14784" t="s">
        <v>4451</v>
      </c>
      <c r="C14784" t="s">
        <v>14007</v>
      </c>
      <c r="D14784" t="s">
        <v>14100</v>
      </c>
    </row>
    <row r="14785" spans="1:4" x14ac:dyDescent="0.4">
      <c r="A14785" s="1" t="s">
        <v>14101</v>
      </c>
      <c r="B14785" t="s">
        <v>4451</v>
      </c>
      <c r="C14785" t="s">
        <v>14007</v>
      </c>
      <c r="D14785" t="s">
        <v>14102</v>
      </c>
    </row>
    <row r="14786" spans="1:4" x14ac:dyDescent="0.4">
      <c r="A14786" s="1" t="s">
        <v>14103</v>
      </c>
      <c r="B14786" t="s">
        <v>4451</v>
      </c>
      <c r="C14786" t="s">
        <v>14007</v>
      </c>
      <c r="D14786" t="s">
        <v>14104</v>
      </c>
    </row>
    <row r="14787" spans="1:4" x14ac:dyDescent="0.4">
      <c r="A14787" s="1" t="s">
        <v>14105</v>
      </c>
      <c r="B14787" t="s">
        <v>4451</v>
      </c>
      <c r="C14787" t="s">
        <v>14007</v>
      </c>
      <c r="D14787" t="s">
        <v>14106</v>
      </c>
    </row>
    <row r="14788" spans="1:4" x14ac:dyDescent="0.4">
      <c r="A14788" s="1" t="s">
        <v>14107</v>
      </c>
      <c r="B14788" t="s">
        <v>4451</v>
      </c>
      <c r="C14788" t="s">
        <v>14007</v>
      </c>
      <c r="D14788" t="s">
        <v>14108</v>
      </c>
    </row>
    <row r="14789" spans="1:4" x14ac:dyDescent="0.4">
      <c r="A14789" s="1" t="s">
        <v>14109</v>
      </c>
      <c r="B14789" t="s">
        <v>4451</v>
      </c>
      <c r="C14789" t="s">
        <v>14007</v>
      </c>
      <c r="D14789" t="s">
        <v>14110</v>
      </c>
    </row>
    <row r="14790" spans="1:4" x14ac:dyDescent="0.4">
      <c r="A14790" s="1" t="s">
        <v>14111</v>
      </c>
      <c r="B14790" t="s">
        <v>4451</v>
      </c>
      <c r="C14790" t="s">
        <v>14007</v>
      </c>
      <c r="D14790" t="s">
        <v>14112</v>
      </c>
    </row>
    <row r="14791" spans="1:4" x14ac:dyDescent="0.4">
      <c r="A14791" s="1" t="s">
        <v>14113</v>
      </c>
      <c r="B14791" t="s">
        <v>4451</v>
      </c>
      <c r="C14791" t="s">
        <v>14007</v>
      </c>
      <c r="D14791" t="s">
        <v>14114</v>
      </c>
    </row>
    <row r="14792" spans="1:4" x14ac:dyDescent="0.4">
      <c r="A14792" s="1" t="s">
        <v>14115</v>
      </c>
      <c r="B14792" t="s">
        <v>4451</v>
      </c>
      <c r="C14792" t="s">
        <v>14007</v>
      </c>
      <c r="D14792" t="s">
        <v>14116</v>
      </c>
    </row>
    <row r="14793" spans="1:4" x14ac:dyDescent="0.4">
      <c r="A14793" s="1" t="s">
        <v>14117</v>
      </c>
      <c r="B14793" t="s">
        <v>4451</v>
      </c>
      <c r="C14793" t="s">
        <v>14007</v>
      </c>
      <c r="D14793" t="s">
        <v>14118</v>
      </c>
    </row>
    <row r="14794" spans="1:4" x14ac:dyDescent="0.4">
      <c r="A14794" s="1" t="s">
        <v>14119</v>
      </c>
      <c r="B14794" t="s">
        <v>4451</v>
      </c>
      <c r="C14794" t="s">
        <v>14007</v>
      </c>
      <c r="D14794" t="s">
        <v>14120</v>
      </c>
    </row>
    <row r="14795" spans="1:4" x14ac:dyDescent="0.4">
      <c r="A14795" s="1" t="s">
        <v>14121</v>
      </c>
      <c r="B14795" t="s">
        <v>4451</v>
      </c>
      <c r="C14795" t="s">
        <v>14007</v>
      </c>
      <c r="D14795" t="s">
        <v>14122</v>
      </c>
    </row>
    <row r="14796" spans="1:4" x14ac:dyDescent="0.4">
      <c r="A14796" s="1" t="s">
        <v>14123</v>
      </c>
      <c r="B14796" t="s">
        <v>4451</v>
      </c>
      <c r="C14796" t="s">
        <v>14007</v>
      </c>
      <c r="D14796" t="s">
        <v>14124</v>
      </c>
    </row>
    <row r="14797" spans="1:4" x14ac:dyDescent="0.4">
      <c r="A14797" s="1" t="s">
        <v>14125</v>
      </c>
      <c r="B14797" t="s">
        <v>4451</v>
      </c>
      <c r="C14797" t="s">
        <v>14007</v>
      </c>
      <c r="D14797" t="s">
        <v>7345</v>
      </c>
    </row>
    <row r="14798" spans="1:4" x14ac:dyDescent="0.4">
      <c r="A14798" s="1" t="s">
        <v>14126</v>
      </c>
      <c r="B14798" t="s">
        <v>4451</v>
      </c>
      <c r="C14798" t="s">
        <v>14007</v>
      </c>
      <c r="D14798" t="s">
        <v>14127</v>
      </c>
    </row>
    <row r="14799" spans="1:4" x14ac:dyDescent="0.4">
      <c r="A14799" s="1" t="s">
        <v>14128</v>
      </c>
      <c r="B14799" t="s">
        <v>4451</v>
      </c>
      <c r="C14799" t="s">
        <v>14007</v>
      </c>
      <c r="D14799" t="s">
        <v>14129</v>
      </c>
    </row>
    <row r="14800" spans="1:4" x14ac:dyDescent="0.4">
      <c r="A14800" s="1" t="s">
        <v>14130</v>
      </c>
      <c r="B14800" t="s">
        <v>4451</v>
      </c>
      <c r="C14800" t="s">
        <v>14007</v>
      </c>
      <c r="D14800" t="s">
        <v>14131</v>
      </c>
    </row>
    <row r="14801" spans="1:4" x14ac:dyDescent="0.4">
      <c r="A14801" s="1" t="s">
        <v>14132</v>
      </c>
      <c r="B14801" t="s">
        <v>4451</v>
      </c>
      <c r="C14801" t="s">
        <v>14007</v>
      </c>
      <c r="D14801" t="s">
        <v>11186</v>
      </c>
    </row>
    <row r="14802" spans="1:4" x14ac:dyDescent="0.4">
      <c r="A14802" s="1" t="s">
        <v>14133</v>
      </c>
      <c r="B14802" t="s">
        <v>4451</v>
      </c>
      <c r="C14802" t="s">
        <v>14007</v>
      </c>
      <c r="D14802" t="s">
        <v>6419</v>
      </c>
    </row>
    <row r="14803" spans="1:4" x14ac:dyDescent="0.4">
      <c r="A14803" s="1" t="s">
        <v>14134</v>
      </c>
      <c r="B14803" t="s">
        <v>4451</v>
      </c>
      <c r="C14803" t="s">
        <v>14007</v>
      </c>
      <c r="D14803" t="s">
        <v>14135</v>
      </c>
    </row>
    <row r="14804" spans="1:4" x14ac:dyDescent="0.4">
      <c r="A14804" s="1" t="s">
        <v>14136</v>
      </c>
      <c r="B14804" t="s">
        <v>4451</v>
      </c>
      <c r="C14804" t="s">
        <v>14007</v>
      </c>
      <c r="D14804" t="s">
        <v>1702</v>
      </c>
    </row>
    <row r="14805" spans="1:4" x14ac:dyDescent="0.4">
      <c r="A14805" s="1" t="s">
        <v>14137</v>
      </c>
      <c r="B14805" t="s">
        <v>4451</v>
      </c>
      <c r="C14805" t="s">
        <v>14007</v>
      </c>
      <c r="D14805" t="s">
        <v>506</v>
      </c>
    </row>
    <row r="14806" spans="1:4" x14ac:dyDescent="0.4">
      <c r="A14806" s="1" t="s">
        <v>14138</v>
      </c>
      <c r="B14806" t="s">
        <v>4451</v>
      </c>
      <c r="C14806" t="s">
        <v>14007</v>
      </c>
      <c r="D14806" t="s">
        <v>14139</v>
      </c>
    </row>
    <row r="14807" spans="1:4" x14ac:dyDescent="0.4">
      <c r="A14807" s="1" t="s">
        <v>14140</v>
      </c>
      <c r="B14807" t="s">
        <v>4451</v>
      </c>
      <c r="C14807" t="s">
        <v>14007</v>
      </c>
      <c r="D14807" t="s">
        <v>13708</v>
      </c>
    </row>
    <row r="14808" spans="1:4" x14ac:dyDescent="0.4">
      <c r="A14808" s="1" t="s">
        <v>14141</v>
      </c>
      <c r="B14808" t="s">
        <v>4451</v>
      </c>
      <c r="C14808" t="s">
        <v>14007</v>
      </c>
      <c r="D14808" t="s">
        <v>13710</v>
      </c>
    </row>
    <row r="14809" spans="1:4" x14ac:dyDescent="0.4">
      <c r="A14809" s="1" t="s">
        <v>14142</v>
      </c>
      <c r="B14809" t="s">
        <v>4451</v>
      </c>
      <c r="C14809" t="s">
        <v>14007</v>
      </c>
      <c r="D14809" t="s">
        <v>14143</v>
      </c>
    </row>
    <row r="14810" spans="1:4" x14ac:dyDescent="0.4">
      <c r="A14810" s="1" t="s">
        <v>14144</v>
      </c>
      <c r="B14810" t="s">
        <v>4451</v>
      </c>
      <c r="C14810" t="s">
        <v>14007</v>
      </c>
      <c r="D14810" t="s">
        <v>14145</v>
      </c>
    </row>
    <row r="14811" spans="1:4" x14ac:dyDescent="0.4">
      <c r="A14811" s="1" t="s">
        <v>14146</v>
      </c>
      <c r="B14811" t="s">
        <v>4451</v>
      </c>
      <c r="C14811" t="s">
        <v>14007</v>
      </c>
      <c r="D14811" t="s">
        <v>2486</v>
      </c>
    </row>
    <row r="14812" spans="1:4" x14ac:dyDescent="0.4">
      <c r="A14812" s="1" t="s">
        <v>14147</v>
      </c>
      <c r="B14812" t="s">
        <v>4451</v>
      </c>
      <c r="C14812" t="s">
        <v>14007</v>
      </c>
      <c r="D14812" t="s">
        <v>119</v>
      </c>
    </row>
    <row r="14813" spans="1:4" x14ac:dyDescent="0.4">
      <c r="A14813" s="1" t="s">
        <v>14148</v>
      </c>
      <c r="B14813" t="s">
        <v>4451</v>
      </c>
      <c r="C14813" t="s">
        <v>14149</v>
      </c>
    </row>
    <row r="14814" spans="1:4" x14ac:dyDescent="0.4">
      <c r="A14814" s="1" t="s">
        <v>14150</v>
      </c>
      <c r="B14814" t="s">
        <v>4451</v>
      </c>
      <c r="C14814" t="s">
        <v>14149</v>
      </c>
      <c r="D14814" t="s">
        <v>1657</v>
      </c>
    </row>
    <row r="14815" spans="1:4" x14ac:dyDescent="0.4">
      <c r="A14815" s="1" t="s">
        <v>14151</v>
      </c>
      <c r="B14815" t="s">
        <v>4451</v>
      </c>
      <c r="C14815" t="s">
        <v>14149</v>
      </c>
      <c r="D14815" t="s">
        <v>1444</v>
      </c>
    </row>
    <row r="14816" spans="1:4" x14ac:dyDescent="0.4">
      <c r="A14816" s="1" t="s">
        <v>11214</v>
      </c>
      <c r="B14816" t="s">
        <v>4451</v>
      </c>
      <c r="C14816" t="s">
        <v>14152</v>
      </c>
    </row>
    <row r="14817" spans="1:4" x14ac:dyDescent="0.4">
      <c r="A14817" s="1" t="s">
        <v>14153</v>
      </c>
      <c r="B14817" t="s">
        <v>4451</v>
      </c>
      <c r="C14817" t="s">
        <v>14152</v>
      </c>
      <c r="D14817" t="s">
        <v>14154</v>
      </c>
    </row>
    <row r="14818" spans="1:4" x14ac:dyDescent="0.4">
      <c r="A14818" s="1" t="s">
        <v>14155</v>
      </c>
      <c r="B14818" t="s">
        <v>4451</v>
      </c>
      <c r="C14818" t="s">
        <v>14152</v>
      </c>
      <c r="D14818" t="s">
        <v>14156</v>
      </c>
    </row>
    <row r="14819" spans="1:4" x14ac:dyDescent="0.4">
      <c r="A14819" s="1" t="s">
        <v>14157</v>
      </c>
      <c r="B14819" t="s">
        <v>4451</v>
      </c>
      <c r="C14819" t="s">
        <v>14152</v>
      </c>
      <c r="D14819" t="s">
        <v>14158</v>
      </c>
    </row>
    <row r="14820" spans="1:4" x14ac:dyDescent="0.4">
      <c r="A14820" s="1" t="s">
        <v>14159</v>
      </c>
      <c r="B14820" t="s">
        <v>4451</v>
      </c>
      <c r="C14820" t="s">
        <v>14152</v>
      </c>
      <c r="D14820" t="s">
        <v>14160</v>
      </c>
    </row>
    <row r="14821" spans="1:4" x14ac:dyDescent="0.4">
      <c r="A14821" s="1" t="s">
        <v>14161</v>
      </c>
      <c r="B14821" t="s">
        <v>4451</v>
      </c>
      <c r="C14821" t="s">
        <v>14152</v>
      </c>
      <c r="D14821" t="s">
        <v>14162</v>
      </c>
    </row>
    <row r="14822" spans="1:4" x14ac:dyDescent="0.4">
      <c r="A14822" s="1" t="s">
        <v>14163</v>
      </c>
      <c r="B14822" t="s">
        <v>4451</v>
      </c>
      <c r="C14822" t="s">
        <v>14152</v>
      </c>
      <c r="D14822" t="s">
        <v>14164</v>
      </c>
    </row>
    <row r="14823" spans="1:4" x14ac:dyDescent="0.4">
      <c r="A14823" s="1" t="s">
        <v>14165</v>
      </c>
      <c r="B14823" t="s">
        <v>4451</v>
      </c>
      <c r="C14823" t="s">
        <v>14152</v>
      </c>
      <c r="D14823" t="s">
        <v>14166</v>
      </c>
    </row>
    <row r="14824" spans="1:4" x14ac:dyDescent="0.4">
      <c r="A14824" s="1" t="s">
        <v>14167</v>
      </c>
      <c r="B14824" t="s">
        <v>4451</v>
      </c>
      <c r="C14824" t="s">
        <v>14152</v>
      </c>
      <c r="D14824" t="s">
        <v>14168</v>
      </c>
    </row>
    <row r="14825" spans="1:4" x14ac:dyDescent="0.4">
      <c r="A14825" s="1" t="s">
        <v>14169</v>
      </c>
      <c r="B14825" t="s">
        <v>4451</v>
      </c>
      <c r="C14825" t="s">
        <v>14152</v>
      </c>
      <c r="D14825" t="s">
        <v>14170</v>
      </c>
    </row>
    <row r="14826" spans="1:4" x14ac:dyDescent="0.4">
      <c r="A14826" s="1" t="s">
        <v>14171</v>
      </c>
      <c r="B14826" t="s">
        <v>4451</v>
      </c>
      <c r="C14826" t="s">
        <v>14152</v>
      </c>
      <c r="D14826" t="s">
        <v>14172</v>
      </c>
    </row>
    <row r="14827" spans="1:4" x14ac:dyDescent="0.4">
      <c r="A14827" s="1" t="s">
        <v>14173</v>
      </c>
      <c r="B14827" t="s">
        <v>4451</v>
      </c>
      <c r="C14827" t="s">
        <v>14152</v>
      </c>
      <c r="D14827" t="s">
        <v>14174</v>
      </c>
    </row>
    <row r="14828" spans="1:4" x14ac:dyDescent="0.4">
      <c r="A14828" s="1" t="s">
        <v>14175</v>
      </c>
      <c r="B14828" t="s">
        <v>4451</v>
      </c>
      <c r="C14828" t="s">
        <v>14152</v>
      </c>
      <c r="D14828" t="s">
        <v>14176</v>
      </c>
    </row>
    <row r="14829" spans="1:4" x14ac:dyDescent="0.4">
      <c r="A14829" s="1" t="s">
        <v>14177</v>
      </c>
      <c r="B14829" t="s">
        <v>4451</v>
      </c>
      <c r="C14829" t="s">
        <v>14152</v>
      </c>
      <c r="D14829" t="s">
        <v>14178</v>
      </c>
    </row>
    <row r="14830" spans="1:4" x14ac:dyDescent="0.4">
      <c r="A14830" s="1" t="s">
        <v>14179</v>
      </c>
      <c r="B14830" t="s">
        <v>4451</v>
      </c>
      <c r="C14830" t="s">
        <v>14152</v>
      </c>
      <c r="D14830" t="s">
        <v>14180</v>
      </c>
    </row>
    <row r="14831" spans="1:4" x14ac:dyDescent="0.4">
      <c r="A14831" s="1" t="s">
        <v>14181</v>
      </c>
      <c r="B14831" t="s">
        <v>4451</v>
      </c>
      <c r="C14831" t="s">
        <v>14182</v>
      </c>
    </row>
    <row r="14832" spans="1:4" x14ac:dyDescent="0.4">
      <c r="A14832" s="1" t="s">
        <v>14183</v>
      </c>
      <c r="B14832" t="s">
        <v>4451</v>
      </c>
      <c r="C14832" t="s">
        <v>14182</v>
      </c>
      <c r="D14832" t="s">
        <v>14184</v>
      </c>
    </row>
    <row r="14833" spans="1:4" x14ac:dyDescent="0.4">
      <c r="A14833" s="1" t="s">
        <v>14185</v>
      </c>
      <c r="B14833" t="s">
        <v>4451</v>
      </c>
      <c r="C14833" t="s">
        <v>14182</v>
      </c>
      <c r="D14833" t="s">
        <v>14186</v>
      </c>
    </row>
    <row r="14834" spans="1:4" x14ac:dyDescent="0.4">
      <c r="A14834" s="1" t="s">
        <v>14187</v>
      </c>
      <c r="B14834" t="s">
        <v>4451</v>
      </c>
      <c r="C14834" t="s">
        <v>14182</v>
      </c>
      <c r="D14834" t="s">
        <v>14188</v>
      </c>
    </row>
    <row r="14835" spans="1:4" x14ac:dyDescent="0.4">
      <c r="A14835" s="1" t="s">
        <v>14189</v>
      </c>
      <c r="B14835" t="s">
        <v>4451</v>
      </c>
      <c r="C14835" t="s">
        <v>14190</v>
      </c>
    </row>
    <row r="14836" spans="1:4" x14ac:dyDescent="0.4">
      <c r="A14836" s="1" t="s">
        <v>14191</v>
      </c>
      <c r="B14836" t="s">
        <v>4451</v>
      </c>
      <c r="C14836" t="s">
        <v>14190</v>
      </c>
      <c r="D14836" t="s">
        <v>14192</v>
      </c>
    </row>
    <row r="14837" spans="1:4" x14ac:dyDescent="0.4">
      <c r="A14837" s="1" t="s">
        <v>14193</v>
      </c>
      <c r="B14837" t="s">
        <v>4451</v>
      </c>
      <c r="C14837" t="s">
        <v>14190</v>
      </c>
      <c r="D14837" t="s">
        <v>8141</v>
      </c>
    </row>
    <row r="14838" spans="1:4" x14ac:dyDescent="0.4">
      <c r="A14838" s="1" t="s">
        <v>14194</v>
      </c>
      <c r="B14838" t="s">
        <v>4451</v>
      </c>
      <c r="C14838" t="s">
        <v>14195</v>
      </c>
    </row>
    <row r="14839" spans="1:4" x14ac:dyDescent="0.4">
      <c r="A14839" s="1" t="s">
        <v>14196</v>
      </c>
      <c r="B14839" t="s">
        <v>4451</v>
      </c>
      <c r="C14839" t="s">
        <v>14195</v>
      </c>
      <c r="D14839" t="s">
        <v>14197</v>
      </c>
    </row>
    <row r="14840" spans="1:4" x14ac:dyDescent="0.4">
      <c r="A14840" s="1" t="s">
        <v>14198</v>
      </c>
      <c r="B14840" t="s">
        <v>4451</v>
      </c>
      <c r="C14840" t="s">
        <v>14195</v>
      </c>
      <c r="D14840" t="s">
        <v>14199</v>
      </c>
    </row>
    <row r="14841" spans="1:4" x14ac:dyDescent="0.4">
      <c r="A14841" s="1" t="s">
        <v>14200</v>
      </c>
      <c r="B14841" t="s">
        <v>4451</v>
      </c>
      <c r="C14841" t="s">
        <v>14195</v>
      </c>
      <c r="D14841" t="s">
        <v>14201</v>
      </c>
    </row>
    <row r="14842" spans="1:4" x14ac:dyDescent="0.4">
      <c r="A14842" s="1" t="s">
        <v>14202</v>
      </c>
      <c r="B14842" t="s">
        <v>4451</v>
      </c>
      <c r="C14842" t="s">
        <v>14195</v>
      </c>
      <c r="D14842" t="s">
        <v>14203</v>
      </c>
    </row>
    <row r="14843" spans="1:4" x14ac:dyDescent="0.4">
      <c r="A14843" s="1" t="s">
        <v>14204</v>
      </c>
      <c r="B14843" t="s">
        <v>4451</v>
      </c>
      <c r="C14843" t="s">
        <v>14195</v>
      </c>
      <c r="D14843" t="s">
        <v>14205</v>
      </c>
    </row>
    <row r="14844" spans="1:4" x14ac:dyDescent="0.4">
      <c r="A14844" s="1" t="s">
        <v>14206</v>
      </c>
      <c r="B14844" t="s">
        <v>4451</v>
      </c>
      <c r="C14844" t="s">
        <v>14195</v>
      </c>
      <c r="D14844" t="s">
        <v>14207</v>
      </c>
    </row>
    <row r="14845" spans="1:4" x14ac:dyDescent="0.4">
      <c r="A14845" s="1" t="s">
        <v>14208</v>
      </c>
      <c r="B14845" t="s">
        <v>4451</v>
      </c>
      <c r="C14845" t="s">
        <v>14195</v>
      </c>
      <c r="D14845" t="s">
        <v>14209</v>
      </c>
    </row>
    <row r="14846" spans="1:4" x14ac:dyDescent="0.4">
      <c r="A14846" s="1" t="s">
        <v>14210</v>
      </c>
      <c r="B14846" t="s">
        <v>4451</v>
      </c>
      <c r="C14846" t="s">
        <v>14195</v>
      </c>
      <c r="D14846" t="s">
        <v>14211</v>
      </c>
    </row>
    <row r="14847" spans="1:4" x14ac:dyDescent="0.4">
      <c r="A14847" s="1" t="s">
        <v>14212</v>
      </c>
      <c r="B14847" t="s">
        <v>4451</v>
      </c>
      <c r="C14847" t="s">
        <v>14195</v>
      </c>
      <c r="D14847" t="s">
        <v>14213</v>
      </c>
    </row>
    <row r="14848" spans="1:4" x14ac:dyDescent="0.4">
      <c r="A14848" s="1" t="s">
        <v>14214</v>
      </c>
      <c r="B14848" t="s">
        <v>4451</v>
      </c>
      <c r="C14848" t="s">
        <v>14195</v>
      </c>
      <c r="D14848" t="s">
        <v>14215</v>
      </c>
    </row>
    <row r="14849" spans="1:4" x14ac:dyDescent="0.4">
      <c r="A14849" s="1" t="s">
        <v>14216</v>
      </c>
      <c r="B14849" t="s">
        <v>4451</v>
      </c>
      <c r="C14849" t="s">
        <v>14195</v>
      </c>
      <c r="D14849" t="s">
        <v>14217</v>
      </c>
    </row>
    <row r="14850" spans="1:4" x14ac:dyDescent="0.4">
      <c r="A14850" s="1" t="s">
        <v>14218</v>
      </c>
      <c r="B14850" t="s">
        <v>4451</v>
      </c>
      <c r="C14850" t="s">
        <v>14195</v>
      </c>
      <c r="D14850" t="s">
        <v>14219</v>
      </c>
    </row>
    <row r="14851" spans="1:4" x14ac:dyDescent="0.4">
      <c r="A14851" s="1" t="s">
        <v>14220</v>
      </c>
      <c r="B14851" t="s">
        <v>4451</v>
      </c>
      <c r="C14851" t="s">
        <v>14195</v>
      </c>
      <c r="D14851" t="s">
        <v>5094</v>
      </c>
    </row>
    <row r="14852" spans="1:4" x14ac:dyDescent="0.4">
      <c r="A14852" s="1" t="s">
        <v>14221</v>
      </c>
      <c r="B14852" t="s">
        <v>4451</v>
      </c>
      <c r="C14852" t="s">
        <v>14195</v>
      </c>
      <c r="D14852" t="s">
        <v>14222</v>
      </c>
    </row>
    <row r="14853" spans="1:4" x14ac:dyDescent="0.4">
      <c r="A14853" s="1" t="s">
        <v>14223</v>
      </c>
      <c r="B14853" t="s">
        <v>4451</v>
      </c>
      <c r="C14853" t="s">
        <v>14195</v>
      </c>
      <c r="D14853" t="s">
        <v>5443</v>
      </c>
    </row>
    <row r="14854" spans="1:4" x14ac:dyDescent="0.4">
      <c r="A14854" s="1" t="s">
        <v>14224</v>
      </c>
      <c r="B14854" t="s">
        <v>4451</v>
      </c>
      <c r="C14854" t="s">
        <v>14195</v>
      </c>
      <c r="D14854" t="s">
        <v>14225</v>
      </c>
    </row>
    <row r="14855" spans="1:4" x14ac:dyDescent="0.4">
      <c r="A14855" s="1" t="s">
        <v>14226</v>
      </c>
      <c r="B14855" t="s">
        <v>4451</v>
      </c>
      <c r="C14855" t="s">
        <v>14195</v>
      </c>
      <c r="D14855" t="s">
        <v>1628</v>
      </c>
    </row>
    <row r="14856" spans="1:4" x14ac:dyDescent="0.4">
      <c r="A14856" s="1" t="s">
        <v>14227</v>
      </c>
      <c r="B14856" t="s">
        <v>4451</v>
      </c>
      <c r="C14856" t="s">
        <v>14228</v>
      </c>
    </row>
    <row r="14857" spans="1:4" x14ac:dyDescent="0.4">
      <c r="A14857" s="1" t="s">
        <v>14229</v>
      </c>
      <c r="B14857" t="s">
        <v>4451</v>
      </c>
      <c r="C14857" t="s">
        <v>14228</v>
      </c>
      <c r="D14857" t="s">
        <v>14230</v>
      </c>
    </row>
    <row r="14858" spans="1:4" x14ac:dyDescent="0.4">
      <c r="A14858" s="1" t="s">
        <v>14229</v>
      </c>
      <c r="B14858" t="s">
        <v>4451</v>
      </c>
      <c r="C14858" t="s">
        <v>14228</v>
      </c>
      <c r="D14858" t="s">
        <v>14231</v>
      </c>
    </row>
    <row r="14859" spans="1:4" x14ac:dyDescent="0.4">
      <c r="A14859" s="1" t="s">
        <v>14232</v>
      </c>
      <c r="B14859" t="s">
        <v>4451</v>
      </c>
      <c r="C14859" t="s">
        <v>14228</v>
      </c>
      <c r="D14859" t="s">
        <v>5460</v>
      </c>
    </row>
    <row r="14860" spans="1:4" x14ac:dyDescent="0.4">
      <c r="A14860" s="1" t="s">
        <v>14233</v>
      </c>
      <c r="B14860" t="s">
        <v>4451</v>
      </c>
      <c r="C14860" t="s">
        <v>14228</v>
      </c>
      <c r="D14860" t="s">
        <v>14234</v>
      </c>
    </row>
    <row r="14861" spans="1:4" x14ac:dyDescent="0.4">
      <c r="A14861" s="1" t="s">
        <v>14235</v>
      </c>
      <c r="B14861" t="s">
        <v>4451</v>
      </c>
      <c r="C14861" t="s">
        <v>14228</v>
      </c>
      <c r="D14861" t="s">
        <v>14236</v>
      </c>
    </row>
    <row r="14862" spans="1:4" x14ac:dyDescent="0.4">
      <c r="A14862" s="1" t="s">
        <v>14235</v>
      </c>
      <c r="B14862" t="s">
        <v>4451</v>
      </c>
      <c r="C14862" t="s">
        <v>14228</v>
      </c>
      <c r="D14862" t="s">
        <v>14237</v>
      </c>
    </row>
    <row r="14863" spans="1:4" x14ac:dyDescent="0.4">
      <c r="A14863" s="1" t="s">
        <v>14235</v>
      </c>
      <c r="B14863" t="s">
        <v>4451</v>
      </c>
      <c r="C14863" t="s">
        <v>14228</v>
      </c>
      <c r="D14863" t="s">
        <v>14238</v>
      </c>
    </row>
    <row r="14864" spans="1:4" x14ac:dyDescent="0.4">
      <c r="A14864" s="1" t="s">
        <v>14239</v>
      </c>
      <c r="B14864" t="s">
        <v>4451</v>
      </c>
      <c r="C14864" t="s">
        <v>14228</v>
      </c>
      <c r="D14864" t="s">
        <v>14240</v>
      </c>
    </row>
    <row r="14865" spans="1:4" x14ac:dyDescent="0.4">
      <c r="A14865" s="1" t="s">
        <v>14241</v>
      </c>
      <c r="B14865" t="s">
        <v>4451</v>
      </c>
      <c r="C14865" t="s">
        <v>14228</v>
      </c>
      <c r="D14865" t="s">
        <v>5260</v>
      </c>
    </row>
    <row r="14866" spans="1:4" x14ac:dyDescent="0.4">
      <c r="A14866" s="1" t="s">
        <v>14242</v>
      </c>
      <c r="B14866" t="s">
        <v>4451</v>
      </c>
      <c r="C14866" t="s">
        <v>14228</v>
      </c>
      <c r="D14866" t="s">
        <v>14243</v>
      </c>
    </row>
    <row r="14867" spans="1:4" x14ac:dyDescent="0.4">
      <c r="A14867" s="1" t="s">
        <v>14244</v>
      </c>
      <c r="B14867" t="s">
        <v>4451</v>
      </c>
      <c r="C14867" t="s">
        <v>14228</v>
      </c>
      <c r="D14867" t="s">
        <v>14245</v>
      </c>
    </row>
    <row r="14868" spans="1:4" x14ac:dyDescent="0.4">
      <c r="A14868" s="1" t="s">
        <v>14246</v>
      </c>
      <c r="B14868" t="s">
        <v>4451</v>
      </c>
      <c r="C14868" t="s">
        <v>14228</v>
      </c>
      <c r="D14868" t="s">
        <v>14247</v>
      </c>
    </row>
    <row r="14869" spans="1:4" x14ac:dyDescent="0.4">
      <c r="A14869" s="1" t="s">
        <v>14246</v>
      </c>
      <c r="B14869" t="s">
        <v>4451</v>
      </c>
      <c r="C14869" t="s">
        <v>14228</v>
      </c>
      <c r="D14869" t="s">
        <v>14248</v>
      </c>
    </row>
    <row r="14870" spans="1:4" x14ac:dyDescent="0.4">
      <c r="A14870" s="1" t="s">
        <v>14246</v>
      </c>
      <c r="B14870" t="s">
        <v>4451</v>
      </c>
      <c r="C14870" t="s">
        <v>14228</v>
      </c>
      <c r="D14870" t="s">
        <v>14249</v>
      </c>
    </row>
    <row r="14871" spans="1:4" x14ac:dyDescent="0.4">
      <c r="A14871" s="1" t="s">
        <v>14246</v>
      </c>
      <c r="B14871" t="s">
        <v>4451</v>
      </c>
      <c r="C14871" t="s">
        <v>14228</v>
      </c>
      <c r="D14871" t="s">
        <v>14250</v>
      </c>
    </row>
    <row r="14872" spans="1:4" x14ac:dyDescent="0.4">
      <c r="A14872" s="1" t="s">
        <v>14242</v>
      </c>
      <c r="B14872" t="s">
        <v>4451</v>
      </c>
      <c r="C14872" t="s">
        <v>14228</v>
      </c>
      <c r="D14872" t="s">
        <v>14251</v>
      </c>
    </row>
    <row r="14873" spans="1:4" x14ac:dyDescent="0.4">
      <c r="A14873" s="1" t="s">
        <v>14252</v>
      </c>
      <c r="B14873" t="s">
        <v>4451</v>
      </c>
      <c r="C14873" t="s">
        <v>14228</v>
      </c>
      <c r="D14873" t="s">
        <v>14253</v>
      </c>
    </row>
    <row r="14874" spans="1:4" x14ac:dyDescent="0.4">
      <c r="A14874" s="1" t="s">
        <v>14254</v>
      </c>
      <c r="B14874" t="s">
        <v>4451</v>
      </c>
      <c r="C14874" t="s">
        <v>14228</v>
      </c>
      <c r="D14874" t="s">
        <v>14255</v>
      </c>
    </row>
    <row r="14875" spans="1:4" x14ac:dyDescent="0.4">
      <c r="A14875" s="1" t="s">
        <v>14254</v>
      </c>
      <c r="B14875" t="s">
        <v>4451</v>
      </c>
      <c r="C14875" t="s">
        <v>14228</v>
      </c>
      <c r="D14875" t="s">
        <v>14256</v>
      </c>
    </row>
    <row r="14876" spans="1:4" x14ac:dyDescent="0.4">
      <c r="A14876" s="1" t="s">
        <v>14254</v>
      </c>
      <c r="B14876" t="s">
        <v>4451</v>
      </c>
      <c r="C14876" t="s">
        <v>14228</v>
      </c>
      <c r="D14876" t="s">
        <v>6506</v>
      </c>
    </row>
    <row r="14877" spans="1:4" x14ac:dyDescent="0.4">
      <c r="A14877" s="1" t="s">
        <v>14254</v>
      </c>
      <c r="B14877" t="s">
        <v>4451</v>
      </c>
      <c r="C14877" t="s">
        <v>14228</v>
      </c>
      <c r="D14877" t="s">
        <v>14257</v>
      </c>
    </row>
    <row r="14878" spans="1:4" x14ac:dyDescent="0.4">
      <c r="A14878" s="1" t="s">
        <v>14258</v>
      </c>
      <c r="B14878" t="s">
        <v>4451</v>
      </c>
      <c r="C14878" t="s">
        <v>14228</v>
      </c>
      <c r="D14878" t="s">
        <v>14259</v>
      </c>
    </row>
    <row r="14879" spans="1:4" x14ac:dyDescent="0.4">
      <c r="A14879" s="1" t="s">
        <v>14258</v>
      </c>
      <c r="B14879" t="s">
        <v>4451</v>
      </c>
      <c r="C14879" t="s">
        <v>14228</v>
      </c>
      <c r="D14879" t="s">
        <v>14260</v>
      </c>
    </row>
    <row r="14880" spans="1:4" x14ac:dyDescent="0.4">
      <c r="A14880" s="1" t="s">
        <v>14258</v>
      </c>
      <c r="B14880" t="s">
        <v>4451</v>
      </c>
      <c r="C14880" t="s">
        <v>14228</v>
      </c>
      <c r="D14880" t="s">
        <v>14261</v>
      </c>
    </row>
    <row r="14881" spans="1:4" x14ac:dyDescent="0.4">
      <c r="A14881" s="1" t="s">
        <v>14258</v>
      </c>
      <c r="B14881" t="s">
        <v>4451</v>
      </c>
      <c r="C14881" t="s">
        <v>14228</v>
      </c>
      <c r="D14881" t="s">
        <v>14262</v>
      </c>
    </row>
    <row r="14882" spans="1:4" x14ac:dyDescent="0.4">
      <c r="A14882" s="1" t="s">
        <v>14258</v>
      </c>
      <c r="B14882" t="s">
        <v>4451</v>
      </c>
      <c r="C14882" t="s">
        <v>14228</v>
      </c>
      <c r="D14882" t="s">
        <v>14263</v>
      </c>
    </row>
    <row r="14883" spans="1:4" x14ac:dyDescent="0.4">
      <c r="A14883" s="1" t="s">
        <v>14264</v>
      </c>
      <c r="B14883" t="s">
        <v>4451</v>
      </c>
      <c r="C14883" t="s">
        <v>14228</v>
      </c>
      <c r="D14883" t="s">
        <v>14265</v>
      </c>
    </row>
    <row r="14884" spans="1:4" x14ac:dyDescent="0.4">
      <c r="A14884" s="1" t="s">
        <v>14266</v>
      </c>
      <c r="B14884" t="s">
        <v>4451</v>
      </c>
      <c r="C14884" t="s">
        <v>14228</v>
      </c>
      <c r="D14884" t="s">
        <v>14267</v>
      </c>
    </row>
    <row r="14885" spans="1:4" x14ac:dyDescent="0.4">
      <c r="A14885" s="1" t="s">
        <v>14266</v>
      </c>
      <c r="B14885" t="s">
        <v>4451</v>
      </c>
      <c r="C14885" t="s">
        <v>14228</v>
      </c>
      <c r="D14885" t="s">
        <v>14268</v>
      </c>
    </row>
    <row r="14886" spans="1:4" x14ac:dyDescent="0.4">
      <c r="A14886" s="1" t="s">
        <v>14269</v>
      </c>
      <c r="B14886" t="s">
        <v>4451</v>
      </c>
      <c r="C14886" t="s">
        <v>14228</v>
      </c>
      <c r="D14886" t="s">
        <v>14270</v>
      </c>
    </row>
    <row r="14887" spans="1:4" x14ac:dyDescent="0.4">
      <c r="A14887" s="1" t="s">
        <v>14269</v>
      </c>
      <c r="B14887" t="s">
        <v>4451</v>
      </c>
      <c r="C14887" t="s">
        <v>14228</v>
      </c>
      <c r="D14887" t="s">
        <v>14271</v>
      </c>
    </row>
    <row r="14888" spans="1:4" x14ac:dyDescent="0.4">
      <c r="A14888" s="1" t="s">
        <v>14269</v>
      </c>
      <c r="B14888" t="s">
        <v>4451</v>
      </c>
      <c r="C14888" t="s">
        <v>14228</v>
      </c>
      <c r="D14888" t="s">
        <v>14272</v>
      </c>
    </row>
    <row r="14889" spans="1:4" x14ac:dyDescent="0.4">
      <c r="A14889" s="1" t="s">
        <v>14266</v>
      </c>
      <c r="B14889" t="s">
        <v>4451</v>
      </c>
      <c r="C14889" t="s">
        <v>14228</v>
      </c>
      <c r="D14889" t="s">
        <v>3095</v>
      </c>
    </row>
    <row r="14890" spans="1:4" x14ac:dyDescent="0.4">
      <c r="A14890" s="1" t="s">
        <v>14273</v>
      </c>
      <c r="B14890" t="s">
        <v>4451</v>
      </c>
      <c r="C14890" t="s">
        <v>14228</v>
      </c>
      <c r="D14890" t="s">
        <v>14274</v>
      </c>
    </row>
    <row r="14891" spans="1:4" x14ac:dyDescent="0.4">
      <c r="A14891" s="1" t="s">
        <v>14254</v>
      </c>
      <c r="B14891" t="s">
        <v>4451</v>
      </c>
      <c r="C14891" t="s">
        <v>14228</v>
      </c>
      <c r="D14891" t="s">
        <v>14275</v>
      </c>
    </row>
    <row r="14892" spans="1:4" x14ac:dyDescent="0.4">
      <c r="A14892" s="1" t="s">
        <v>14276</v>
      </c>
      <c r="B14892" t="s">
        <v>4451</v>
      </c>
      <c r="C14892" t="s">
        <v>14228</v>
      </c>
      <c r="D14892" t="s">
        <v>139</v>
      </c>
    </row>
    <row r="14893" spans="1:4" x14ac:dyDescent="0.4">
      <c r="A14893" s="1" t="s">
        <v>14242</v>
      </c>
      <c r="B14893" t="s">
        <v>4451</v>
      </c>
      <c r="C14893" t="s">
        <v>14228</v>
      </c>
      <c r="D14893" t="s">
        <v>14277</v>
      </c>
    </row>
    <row r="14894" spans="1:4" x14ac:dyDescent="0.4">
      <c r="A14894" s="1" t="s">
        <v>14242</v>
      </c>
      <c r="B14894" t="s">
        <v>4451</v>
      </c>
      <c r="C14894" t="s">
        <v>14228</v>
      </c>
      <c r="D14894" t="s">
        <v>14278</v>
      </c>
    </row>
    <row r="14895" spans="1:4" x14ac:dyDescent="0.4">
      <c r="A14895" s="1" t="s">
        <v>14279</v>
      </c>
      <c r="B14895" t="s">
        <v>4451</v>
      </c>
      <c r="C14895" t="s">
        <v>14228</v>
      </c>
      <c r="D14895" t="s">
        <v>14280</v>
      </c>
    </row>
    <row r="14896" spans="1:4" x14ac:dyDescent="0.4">
      <c r="A14896" s="1" t="s">
        <v>14281</v>
      </c>
      <c r="B14896" t="s">
        <v>4451</v>
      </c>
      <c r="C14896" t="s">
        <v>14228</v>
      </c>
      <c r="D14896" t="s">
        <v>14282</v>
      </c>
    </row>
    <row r="14897" spans="1:4" x14ac:dyDescent="0.4">
      <c r="A14897" s="1" t="s">
        <v>14281</v>
      </c>
      <c r="B14897" t="s">
        <v>4451</v>
      </c>
      <c r="C14897" t="s">
        <v>14228</v>
      </c>
      <c r="D14897" t="s">
        <v>14283</v>
      </c>
    </row>
    <row r="14898" spans="1:4" x14ac:dyDescent="0.4">
      <c r="A14898" s="1" t="s">
        <v>14281</v>
      </c>
      <c r="B14898" t="s">
        <v>4451</v>
      </c>
      <c r="C14898" t="s">
        <v>14228</v>
      </c>
      <c r="D14898" t="s">
        <v>14284</v>
      </c>
    </row>
    <row r="14899" spans="1:4" x14ac:dyDescent="0.4">
      <c r="A14899" s="1" t="s">
        <v>14285</v>
      </c>
      <c r="B14899" t="s">
        <v>4451</v>
      </c>
      <c r="C14899" t="s">
        <v>14228</v>
      </c>
      <c r="D14899" t="s">
        <v>14286</v>
      </c>
    </row>
    <row r="14900" spans="1:4" x14ac:dyDescent="0.4">
      <c r="A14900" s="1" t="s">
        <v>14258</v>
      </c>
      <c r="B14900" t="s">
        <v>4451</v>
      </c>
      <c r="C14900" t="s">
        <v>14228</v>
      </c>
      <c r="D14900" t="s">
        <v>14287</v>
      </c>
    </row>
    <row r="14901" spans="1:4" x14ac:dyDescent="0.4">
      <c r="A14901" s="1" t="s">
        <v>14288</v>
      </c>
      <c r="B14901" t="s">
        <v>4451</v>
      </c>
      <c r="C14901" t="s">
        <v>14228</v>
      </c>
      <c r="D14901" t="s">
        <v>14289</v>
      </c>
    </row>
    <row r="14902" spans="1:4" x14ac:dyDescent="0.4">
      <c r="A14902" s="1" t="s">
        <v>14290</v>
      </c>
      <c r="B14902" t="s">
        <v>4451</v>
      </c>
      <c r="C14902" t="s">
        <v>14228</v>
      </c>
      <c r="D14902" t="s">
        <v>13283</v>
      </c>
    </row>
    <row r="14903" spans="1:4" x14ac:dyDescent="0.4">
      <c r="A14903" s="1" t="s">
        <v>14229</v>
      </c>
      <c r="B14903" t="s">
        <v>4451</v>
      </c>
      <c r="C14903" t="s">
        <v>14228</v>
      </c>
      <c r="D14903" t="s">
        <v>14291</v>
      </c>
    </row>
    <row r="14904" spans="1:4" x14ac:dyDescent="0.4">
      <c r="A14904" s="1" t="s">
        <v>14292</v>
      </c>
      <c r="B14904" t="s">
        <v>4451</v>
      </c>
      <c r="C14904" t="s">
        <v>14228</v>
      </c>
      <c r="D14904" t="s">
        <v>14293</v>
      </c>
    </row>
    <row r="14905" spans="1:4" x14ac:dyDescent="0.4">
      <c r="A14905" s="1" t="s">
        <v>14264</v>
      </c>
      <c r="B14905" t="s">
        <v>4451</v>
      </c>
      <c r="C14905" t="s">
        <v>14228</v>
      </c>
      <c r="D14905" t="s">
        <v>9940</v>
      </c>
    </row>
    <row r="14906" spans="1:4" x14ac:dyDescent="0.4">
      <c r="A14906" s="1" t="s">
        <v>14294</v>
      </c>
      <c r="B14906" t="s">
        <v>4451</v>
      </c>
      <c r="C14906" t="s">
        <v>14228</v>
      </c>
      <c r="D14906" t="s">
        <v>14295</v>
      </c>
    </row>
    <row r="14907" spans="1:4" x14ac:dyDescent="0.4">
      <c r="A14907" s="1" t="s">
        <v>14296</v>
      </c>
      <c r="B14907" t="s">
        <v>4451</v>
      </c>
      <c r="C14907" t="s">
        <v>14228</v>
      </c>
      <c r="D14907" t="s">
        <v>14297</v>
      </c>
    </row>
    <row r="14908" spans="1:4" x14ac:dyDescent="0.4">
      <c r="A14908" s="1" t="s">
        <v>14296</v>
      </c>
      <c r="B14908" t="s">
        <v>4451</v>
      </c>
      <c r="C14908" t="s">
        <v>14228</v>
      </c>
      <c r="D14908" t="s">
        <v>14298</v>
      </c>
    </row>
    <row r="14909" spans="1:4" x14ac:dyDescent="0.4">
      <c r="A14909" s="1" t="s">
        <v>14299</v>
      </c>
      <c r="B14909" t="s">
        <v>4451</v>
      </c>
      <c r="C14909" t="s">
        <v>14228</v>
      </c>
      <c r="D14909" t="s">
        <v>14300</v>
      </c>
    </row>
    <row r="14910" spans="1:4" x14ac:dyDescent="0.4">
      <c r="A14910" s="1" t="s">
        <v>14269</v>
      </c>
      <c r="B14910" t="s">
        <v>4451</v>
      </c>
      <c r="C14910" t="s">
        <v>14228</v>
      </c>
      <c r="D14910" t="s">
        <v>14037</v>
      </c>
    </row>
    <row r="14911" spans="1:4" x14ac:dyDescent="0.4">
      <c r="A14911" s="1" t="s">
        <v>14254</v>
      </c>
      <c r="B14911" t="s">
        <v>4451</v>
      </c>
      <c r="C14911" t="s">
        <v>14228</v>
      </c>
      <c r="D14911" t="s">
        <v>14301</v>
      </c>
    </row>
    <row r="14912" spans="1:4" x14ac:dyDescent="0.4">
      <c r="A14912" s="1" t="s">
        <v>14254</v>
      </c>
      <c r="B14912" t="s">
        <v>4451</v>
      </c>
      <c r="C14912" t="s">
        <v>14228</v>
      </c>
      <c r="D14912" t="s">
        <v>14302</v>
      </c>
    </row>
    <row r="14913" spans="1:4" x14ac:dyDescent="0.4">
      <c r="A14913" s="1" t="s">
        <v>14303</v>
      </c>
      <c r="B14913" t="s">
        <v>4451</v>
      </c>
      <c r="C14913" t="s">
        <v>14228</v>
      </c>
      <c r="D14913" t="s">
        <v>14304</v>
      </c>
    </row>
    <row r="14914" spans="1:4" x14ac:dyDescent="0.4">
      <c r="A14914" s="1" t="s">
        <v>14303</v>
      </c>
      <c r="B14914" t="s">
        <v>4451</v>
      </c>
      <c r="C14914" t="s">
        <v>14228</v>
      </c>
      <c r="D14914" t="s">
        <v>14305</v>
      </c>
    </row>
    <row r="14915" spans="1:4" x14ac:dyDescent="0.4">
      <c r="A14915" s="1" t="s">
        <v>14306</v>
      </c>
      <c r="B14915" t="s">
        <v>4451</v>
      </c>
      <c r="C14915" t="s">
        <v>14228</v>
      </c>
      <c r="D14915" t="s">
        <v>14307</v>
      </c>
    </row>
    <row r="14916" spans="1:4" x14ac:dyDescent="0.4">
      <c r="A14916" s="1" t="s">
        <v>14306</v>
      </c>
      <c r="B14916" t="s">
        <v>4451</v>
      </c>
      <c r="C14916" t="s">
        <v>14228</v>
      </c>
      <c r="D14916" t="s">
        <v>14308</v>
      </c>
    </row>
    <row r="14917" spans="1:4" x14ac:dyDescent="0.4">
      <c r="A14917" s="1" t="s">
        <v>14309</v>
      </c>
      <c r="B14917" t="s">
        <v>4451</v>
      </c>
      <c r="C14917" t="s">
        <v>14228</v>
      </c>
      <c r="D14917" t="s">
        <v>14310</v>
      </c>
    </row>
    <row r="14918" spans="1:4" x14ac:dyDescent="0.4">
      <c r="A14918" s="1" t="s">
        <v>14311</v>
      </c>
      <c r="B14918" t="s">
        <v>4451</v>
      </c>
      <c r="C14918" t="s">
        <v>14228</v>
      </c>
      <c r="D14918" t="s">
        <v>13127</v>
      </c>
    </row>
    <row r="14919" spans="1:4" x14ac:dyDescent="0.4">
      <c r="A14919" s="1" t="s">
        <v>14311</v>
      </c>
      <c r="B14919" t="s">
        <v>4451</v>
      </c>
      <c r="C14919" t="s">
        <v>14228</v>
      </c>
      <c r="D14919" t="s">
        <v>14312</v>
      </c>
    </row>
    <row r="14920" spans="1:4" x14ac:dyDescent="0.4">
      <c r="A14920" s="1" t="s">
        <v>14242</v>
      </c>
      <c r="B14920" t="s">
        <v>4451</v>
      </c>
      <c r="C14920" t="s">
        <v>14228</v>
      </c>
      <c r="D14920" t="s">
        <v>14313</v>
      </c>
    </row>
    <row r="14921" spans="1:4" x14ac:dyDescent="0.4">
      <c r="A14921" s="1" t="s">
        <v>14314</v>
      </c>
      <c r="B14921" t="s">
        <v>4451</v>
      </c>
      <c r="C14921" t="s">
        <v>14228</v>
      </c>
      <c r="D14921" t="s">
        <v>14315</v>
      </c>
    </row>
    <row r="14922" spans="1:4" x14ac:dyDescent="0.4">
      <c r="A14922" s="1" t="s">
        <v>14316</v>
      </c>
      <c r="B14922" t="s">
        <v>4451</v>
      </c>
      <c r="C14922" t="s">
        <v>14228</v>
      </c>
      <c r="D14922" t="s">
        <v>14317</v>
      </c>
    </row>
    <row r="14923" spans="1:4" x14ac:dyDescent="0.4">
      <c r="A14923" s="1" t="s">
        <v>14318</v>
      </c>
      <c r="B14923" t="s">
        <v>4451</v>
      </c>
      <c r="C14923" t="s">
        <v>14228</v>
      </c>
      <c r="D14923" t="s">
        <v>14319</v>
      </c>
    </row>
    <row r="14924" spans="1:4" x14ac:dyDescent="0.4">
      <c r="A14924" s="1" t="s">
        <v>14318</v>
      </c>
      <c r="B14924" t="s">
        <v>4451</v>
      </c>
      <c r="C14924" t="s">
        <v>14228</v>
      </c>
      <c r="D14924" t="s">
        <v>14320</v>
      </c>
    </row>
    <row r="14925" spans="1:4" x14ac:dyDescent="0.4">
      <c r="A14925" s="1" t="s">
        <v>14321</v>
      </c>
      <c r="B14925" t="s">
        <v>4451</v>
      </c>
      <c r="C14925" t="s">
        <v>14228</v>
      </c>
      <c r="D14925" t="s">
        <v>14322</v>
      </c>
    </row>
    <row r="14926" spans="1:4" x14ac:dyDescent="0.4">
      <c r="A14926" s="1" t="s">
        <v>14321</v>
      </c>
      <c r="B14926" t="s">
        <v>4451</v>
      </c>
      <c r="C14926" t="s">
        <v>14228</v>
      </c>
      <c r="D14926" t="s">
        <v>14323</v>
      </c>
    </row>
    <row r="14927" spans="1:4" x14ac:dyDescent="0.4">
      <c r="A14927" s="1" t="s">
        <v>14321</v>
      </c>
      <c r="B14927" t="s">
        <v>4451</v>
      </c>
      <c r="C14927" t="s">
        <v>14228</v>
      </c>
      <c r="D14927" t="s">
        <v>14324</v>
      </c>
    </row>
    <row r="14928" spans="1:4" x14ac:dyDescent="0.4">
      <c r="A14928" s="1" t="s">
        <v>14325</v>
      </c>
      <c r="B14928" t="s">
        <v>4451</v>
      </c>
      <c r="C14928" t="s">
        <v>14228</v>
      </c>
      <c r="D14928" t="s">
        <v>14326</v>
      </c>
    </row>
    <row r="14929" spans="1:4" x14ac:dyDescent="0.4">
      <c r="A14929" s="1" t="s">
        <v>14327</v>
      </c>
      <c r="B14929" t="s">
        <v>4451</v>
      </c>
      <c r="C14929" t="s">
        <v>14228</v>
      </c>
      <c r="D14929" t="s">
        <v>14328</v>
      </c>
    </row>
    <row r="14930" spans="1:4" x14ac:dyDescent="0.4">
      <c r="A14930" s="1" t="s">
        <v>14329</v>
      </c>
      <c r="B14930" t="s">
        <v>4451</v>
      </c>
      <c r="C14930" t="s">
        <v>14228</v>
      </c>
      <c r="D14930" t="s">
        <v>14330</v>
      </c>
    </row>
    <row r="14931" spans="1:4" x14ac:dyDescent="0.4">
      <c r="A14931" s="1" t="s">
        <v>14279</v>
      </c>
      <c r="B14931" t="s">
        <v>4451</v>
      </c>
      <c r="C14931" t="s">
        <v>14228</v>
      </c>
      <c r="D14931" t="s">
        <v>14331</v>
      </c>
    </row>
    <row r="14932" spans="1:4" x14ac:dyDescent="0.4">
      <c r="A14932" s="1" t="s">
        <v>14232</v>
      </c>
      <c r="B14932" t="s">
        <v>4451</v>
      </c>
      <c r="C14932" t="s">
        <v>14228</v>
      </c>
      <c r="D14932" t="s">
        <v>14332</v>
      </c>
    </row>
    <row r="14933" spans="1:4" x14ac:dyDescent="0.4">
      <c r="A14933" s="1" t="s">
        <v>14232</v>
      </c>
      <c r="B14933" t="s">
        <v>4451</v>
      </c>
      <c r="C14933" t="s">
        <v>14228</v>
      </c>
      <c r="D14933" t="s">
        <v>14333</v>
      </c>
    </row>
    <row r="14934" spans="1:4" x14ac:dyDescent="0.4">
      <c r="A14934" s="1" t="s">
        <v>14232</v>
      </c>
      <c r="B14934" t="s">
        <v>4451</v>
      </c>
      <c r="C14934" t="s">
        <v>14228</v>
      </c>
      <c r="D14934" t="s">
        <v>14334</v>
      </c>
    </row>
    <row r="14935" spans="1:4" x14ac:dyDescent="0.4">
      <c r="A14935" s="1" t="s">
        <v>14335</v>
      </c>
      <c r="B14935" t="s">
        <v>4451</v>
      </c>
      <c r="C14935" t="s">
        <v>14228</v>
      </c>
      <c r="D14935" t="s">
        <v>14336</v>
      </c>
    </row>
    <row r="14936" spans="1:4" x14ac:dyDescent="0.4">
      <c r="A14936" s="1" t="s">
        <v>14335</v>
      </c>
      <c r="B14936" t="s">
        <v>4451</v>
      </c>
      <c r="C14936" t="s">
        <v>14228</v>
      </c>
      <c r="D14936" t="s">
        <v>14337</v>
      </c>
    </row>
    <row r="14937" spans="1:4" x14ac:dyDescent="0.4">
      <c r="A14937" s="1" t="s">
        <v>14338</v>
      </c>
      <c r="B14937" t="s">
        <v>4451</v>
      </c>
      <c r="C14937" t="s">
        <v>14228</v>
      </c>
      <c r="D14937" t="s">
        <v>14339</v>
      </c>
    </row>
    <row r="14938" spans="1:4" x14ac:dyDescent="0.4">
      <c r="A14938" s="1" t="s">
        <v>14338</v>
      </c>
      <c r="B14938" t="s">
        <v>4451</v>
      </c>
      <c r="C14938" t="s">
        <v>14228</v>
      </c>
      <c r="D14938" t="s">
        <v>14340</v>
      </c>
    </row>
    <row r="14939" spans="1:4" x14ac:dyDescent="0.4">
      <c r="A14939" s="1" t="s">
        <v>14276</v>
      </c>
      <c r="B14939" t="s">
        <v>4451</v>
      </c>
      <c r="C14939" t="s">
        <v>14228</v>
      </c>
      <c r="D14939" t="s">
        <v>14341</v>
      </c>
    </row>
    <row r="14940" spans="1:4" x14ac:dyDescent="0.4">
      <c r="A14940" s="1" t="s">
        <v>14276</v>
      </c>
      <c r="B14940" t="s">
        <v>4451</v>
      </c>
      <c r="C14940" t="s">
        <v>14228</v>
      </c>
      <c r="D14940" t="s">
        <v>14342</v>
      </c>
    </row>
    <row r="14941" spans="1:4" x14ac:dyDescent="0.4">
      <c r="A14941" s="1" t="s">
        <v>14343</v>
      </c>
      <c r="B14941" t="s">
        <v>4451</v>
      </c>
      <c r="C14941" t="s">
        <v>14228</v>
      </c>
      <c r="D14941" t="s">
        <v>6724</v>
      </c>
    </row>
    <row r="14942" spans="1:4" x14ac:dyDescent="0.4">
      <c r="A14942" s="1" t="s">
        <v>14344</v>
      </c>
      <c r="B14942" t="s">
        <v>4451</v>
      </c>
      <c r="C14942" t="s">
        <v>14228</v>
      </c>
      <c r="D14942" t="s">
        <v>14345</v>
      </c>
    </row>
    <row r="14943" spans="1:4" x14ac:dyDescent="0.4">
      <c r="A14943" s="1" t="s">
        <v>14346</v>
      </c>
      <c r="B14943" t="s">
        <v>4451</v>
      </c>
      <c r="C14943" t="s">
        <v>14228</v>
      </c>
      <c r="D14943" t="s">
        <v>14347</v>
      </c>
    </row>
    <row r="14944" spans="1:4" x14ac:dyDescent="0.4">
      <c r="A14944" s="1" t="s">
        <v>14346</v>
      </c>
      <c r="B14944" t="s">
        <v>4451</v>
      </c>
      <c r="C14944" t="s">
        <v>14228</v>
      </c>
      <c r="D14944" t="s">
        <v>14348</v>
      </c>
    </row>
    <row r="14945" spans="1:4" x14ac:dyDescent="0.4">
      <c r="A14945" s="1" t="s">
        <v>14346</v>
      </c>
      <c r="B14945" t="s">
        <v>4451</v>
      </c>
      <c r="C14945" t="s">
        <v>14228</v>
      </c>
      <c r="D14945" t="s">
        <v>14349</v>
      </c>
    </row>
    <row r="14946" spans="1:4" x14ac:dyDescent="0.4">
      <c r="A14946" s="1" t="s">
        <v>14346</v>
      </c>
      <c r="B14946" t="s">
        <v>4451</v>
      </c>
      <c r="C14946" t="s">
        <v>14228</v>
      </c>
      <c r="D14946" t="s">
        <v>14350</v>
      </c>
    </row>
    <row r="14947" spans="1:4" x14ac:dyDescent="0.4">
      <c r="A14947" s="1" t="s">
        <v>14351</v>
      </c>
      <c r="B14947" t="s">
        <v>4451</v>
      </c>
      <c r="C14947" t="s">
        <v>14228</v>
      </c>
      <c r="D14947" t="s">
        <v>14352</v>
      </c>
    </row>
    <row r="14948" spans="1:4" x14ac:dyDescent="0.4">
      <c r="A14948" s="1" t="s">
        <v>14353</v>
      </c>
      <c r="B14948" t="s">
        <v>4451</v>
      </c>
      <c r="C14948" t="s">
        <v>14228</v>
      </c>
      <c r="D14948" t="s">
        <v>14354</v>
      </c>
    </row>
    <row r="14949" spans="1:4" x14ac:dyDescent="0.4">
      <c r="A14949" s="1" t="s">
        <v>14353</v>
      </c>
      <c r="B14949" t="s">
        <v>4451</v>
      </c>
      <c r="C14949" t="s">
        <v>14228</v>
      </c>
      <c r="D14949" t="s">
        <v>14355</v>
      </c>
    </row>
    <row r="14950" spans="1:4" x14ac:dyDescent="0.4">
      <c r="A14950" s="1" t="s">
        <v>14356</v>
      </c>
      <c r="B14950" t="s">
        <v>4451</v>
      </c>
      <c r="C14950" t="s">
        <v>14228</v>
      </c>
      <c r="D14950" t="s">
        <v>14357</v>
      </c>
    </row>
    <row r="14951" spans="1:4" x14ac:dyDescent="0.4">
      <c r="A14951" s="1" t="s">
        <v>14358</v>
      </c>
      <c r="B14951" t="s">
        <v>4451</v>
      </c>
      <c r="C14951" t="s">
        <v>14228</v>
      </c>
      <c r="D14951" t="s">
        <v>14359</v>
      </c>
    </row>
    <row r="14952" spans="1:4" x14ac:dyDescent="0.4">
      <c r="A14952" s="1" t="s">
        <v>14229</v>
      </c>
      <c r="B14952" t="s">
        <v>4451</v>
      </c>
      <c r="C14952" t="s">
        <v>14228</v>
      </c>
      <c r="D14952" t="s">
        <v>14360</v>
      </c>
    </row>
    <row r="14953" spans="1:4" x14ac:dyDescent="0.4">
      <c r="A14953" s="1" t="s">
        <v>14292</v>
      </c>
      <c r="B14953" t="s">
        <v>4451</v>
      </c>
      <c r="C14953" t="s">
        <v>14228</v>
      </c>
      <c r="D14953" t="s">
        <v>14361</v>
      </c>
    </row>
    <row r="14954" spans="1:4" x14ac:dyDescent="0.4">
      <c r="A14954" s="1" t="s">
        <v>14362</v>
      </c>
      <c r="B14954" t="s">
        <v>4451</v>
      </c>
      <c r="C14954" t="s">
        <v>14228</v>
      </c>
      <c r="D14954" t="s">
        <v>14363</v>
      </c>
    </row>
    <row r="14955" spans="1:4" x14ac:dyDescent="0.4">
      <c r="A14955" s="1" t="s">
        <v>14364</v>
      </c>
      <c r="B14955" t="s">
        <v>4451</v>
      </c>
      <c r="C14955" t="s">
        <v>14228</v>
      </c>
      <c r="D14955" t="s">
        <v>14365</v>
      </c>
    </row>
    <row r="14956" spans="1:4" x14ac:dyDescent="0.4">
      <c r="A14956" s="1" t="s">
        <v>14294</v>
      </c>
      <c r="B14956" t="s">
        <v>4451</v>
      </c>
      <c r="C14956" t="s">
        <v>14228</v>
      </c>
      <c r="D14956" t="s">
        <v>14366</v>
      </c>
    </row>
    <row r="14957" spans="1:4" x14ac:dyDescent="0.4">
      <c r="A14957" s="1" t="s">
        <v>14367</v>
      </c>
      <c r="B14957" t="s">
        <v>4451</v>
      </c>
      <c r="C14957" t="s">
        <v>14228</v>
      </c>
      <c r="D14957" t="s">
        <v>14368</v>
      </c>
    </row>
    <row r="14958" spans="1:4" x14ac:dyDescent="0.4">
      <c r="A14958" s="1" t="s">
        <v>14367</v>
      </c>
      <c r="B14958" t="s">
        <v>4451</v>
      </c>
      <c r="C14958" t="s">
        <v>14228</v>
      </c>
      <c r="D14958" t="s">
        <v>14369</v>
      </c>
    </row>
    <row r="14959" spans="1:4" x14ac:dyDescent="0.4">
      <c r="A14959" s="1" t="s">
        <v>14299</v>
      </c>
      <c r="B14959" t="s">
        <v>4451</v>
      </c>
      <c r="C14959" t="s">
        <v>14228</v>
      </c>
      <c r="D14959" t="s">
        <v>14370</v>
      </c>
    </row>
    <row r="14960" spans="1:4" x14ac:dyDescent="0.4">
      <c r="A14960" s="1" t="s">
        <v>14371</v>
      </c>
      <c r="B14960" t="s">
        <v>4451</v>
      </c>
      <c r="C14960" t="s">
        <v>14228</v>
      </c>
      <c r="D14960" t="s">
        <v>14372</v>
      </c>
    </row>
    <row r="14961" spans="1:4" x14ac:dyDescent="0.4">
      <c r="A14961" s="1" t="s">
        <v>14371</v>
      </c>
      <c r="B14961" t="s">
        <v>4451</v>
      </c>
      <c r="C14961" t="s">
        <v>14228</v>
      </c>
      <c r="D14961" t="s">
        <v>14373</v>
      </c>
    </row>
    <row r="14962" spans="1:4" x14ac:dyDescent="0.4">
      <c r="A14962" s="1" t="s">
        <v>14318</v>
      </c>
      <c r="B14962" t="s">
        <v>4451</v>
      </c>
      <c r="C14962" t="s">
        <v>14228</v>
      </c>
      <c r="D14962" t="s">
        <v>14374</v>
      </c>
    </row>
    <row r="14963" spans="1:4" x14ac:dyDescent="0.4">
      <c r="A14963" s="1" t="s">
        <v>14299</v>
      </c>
      <c r="B14963" t="s">
        <v>4451</v>
      </c>
      <c r="C14963" t="s">
        <v>14228</v>
      </c>
      <c r="D14963" t="s">
        <v>14375</v>
      </c>
    </row>
    <row r="14964" spans="1:4" x14ac:dyDescent="0.4">
      <c r="A14964" s="1" t="s">
        <v>14376</v>
      </c>
      <c r="B14964" t="s">
        <v>4451</v>
      </c>
      <c r="C14964" t="s">
        <v>14228</v>
      </c>
      <c r="D14964" t="s">
        <v>7381</v>
      </c>
    </row>
    <row r="14965" spans="1:4" x14ac:dyDescent="0.4">
      <c r="A14965" s="1" t="s">
        <v>14377</v>
      </c>
      <c r="B14965" t="s">
        <v>4451</v>
      </c>
      <c r="C14965" t="s">
        <v>14228</v>
      </c>
      <c r="D14965" t="s">
        <v>14378</v>
      </c>
    </row>
    <row r="14966" spans="1:4" x14ac:dyDescent="0.4">
      <c r="A14966" s="1" t="s">
        <v>14379</v>
      </c>
      <c r="B14966" t="s">
        <v>4451</v>
      </c>
      <c r="C14966" t="s">
        <v>14228</v>
      </c>
      <c r="D14966" t="s">
        <v>367</v>
      </c>
    </row>
    <row r="14967" spans="1:4" x14ac:dyDescent="0.4">
      <c r="A14967" s="1" t="s">
        <v>14380</v>
      </c>
      <c r="B14967" t="s">
        <v>4451</v>
      </c>
      <c r="C14967" t="s">
        <v>14228</v>
      </c>
      <c r="D14967" t="s">
        <v>14381</v>
      </c>
    </row>
    <row r="14968" spans="1:4" x14ac:dyDescent="0.4">
      <c r="A14968" s="1" t="s">
        <v>14294</v>
      </c>
      <c r="B14968" t="s">
        <v>4451</v>
      </c>
      <c r="C14968" t="s">
        <v>14228</v>
      </c>
      <c r="D14968" t="s">
        <v>14382</v>
      </c>
    </row>
    <row r="14969" spans="1:4" x14ac:dyDescent="0.4">
      <c r="A14969" s="1" t="s">
        <v>14279</v>
      </c>
      <c r="B14969" t="s">
        <v>4451</v>
      </c>
      <c r="C14969" t="s">
        <v>14228</v>
      </c>
      <c r="D14969" t="s">
        <v>14383</v>
      </c>
    </row>
    <row r="14970" spans="1:4" x14ac:dyDescent="0.4">
      <c r="A14970" s="1" t="s">
        <v>14279</v>
      </c>
      <c r="B14970" t="s">
        <v>4451</v>
      </c>
      <c r="C14970" t="s">
        <v>14228</v>
      </c>
      <c r="D14970" t="s">
        <v>14384</v>
      </c>
    </row>
    <row r="14971" spans="1:4" x14ac:dyDescent="0.4">
      <c r="A14971" s="1" t="s">
        <v>14279</v>
      </c>
      <c r="B14971" t="s">
        <v>4451</v>
      </c>
      <c r="C14971" t="s">
        <v>14228</v>
      </c>
      <c r="D14971" t="s">
        <v>14385</v>
      </c>
    </row>
    <row r="14972" spans="1:4" x14ac:dyDescent="0.4">
      <c r="A14972" s="1" t="s">
        <v>14386</v>
      </c>
      <c r="B14972" t="s">
        <v>4451</v>
      </c>
      <c r="C14972" t="s">
        <v>14228</v>
      </c>
      <c r="D14972" t="s">
        <v>9458</v>
      </c>
    </row>
    <row r="14973" spans="1:4" x14ac:dyDescent="0.4">
      <c r="A14973" s="1" t="s">
        <v>14343</v>
      </c>
      <c r="B14973" t="s">
        <v>4451</v>
      </c>
      <c r="C14973" t="s">
        <v>14228</v>
      </c>
      <c r="D14973" t="s">
        <v>5823</v>
      </c>
    </row>
    <row r="14974" spans="1:4" x14ac:dyDescent="0.4">
      <c r="A14974" s="1" t="s">
        <v>14281</v>
      </c>
      <c r="B14974" t="s">
        <v>4451</v>
      </c>
      <c r="C14974" t="s">
        <v>14228</v>
      </c>
      <c r="D14974" t="s">
        <v>14387</v>
      </c>
    </row>
    <row r="14975" spans="1:4" x14ac:dyDescent="0.4">
      <c r="A14975" s="1" t="s">
        <v>14388</v>
      </c>
      <c r="B14975" t="s">
        <v>4451</v>
      </c>
      <c r="C14975" t="s">
        <v>14228</v>
      </c>
      <c r="D14975" t="s">
        <v>14389</v>
      </c>
    </row>
    <row r="14976" spans="1:4" x14ac:dyDescent="0.4">
      <c r="A14976" s="1" t="s">
        <v>14229</v>
      </c>
      <c r="B14976" t="s">
        <v>4451</v>
      </c>
      <c r="C14976" t="s">
        <v>14228</v>
      </c>
      <c r="D14976" t="s">
        <v>14390</v>
      </c>
    </row>
    <row r="14977" spans="1:4" x14ac:dyDescent="0.4">
      <c r="A14977" s="1" t="s">
        <v>14391</v>
      </c>
      <c r="B14977" t="s">
        <v>4451</v>
      </c>
      <c r="C14977" t="s">
        <v>14228</v>
      </c>
      <c r="D14977" t="s">
        <v>14392</v>
      </c>
    </row>
    <row r="14978" spans="1:4" x14ac:dyDescent="0.4">
      <c r="A14978" s="1" t="s">
        <v>14303</v>
      </c>
      <c r="B14978" t="s">
        <v>4451</v>
      </c>
      <c r="C14978" t="s">
        <v>14228</v>
      </c>
      <c r="D14978" t="s">
        <v>14393</v>
      </c>
    </row>
    <row r="14979" spans="1:4" x14ac:dyDescent="0.4">
      <c r="A14979" s="1" t="s">
        <v>14394</v>
      </c>
      <c r="B14979" t="s">
        <v>4451</v>
      </c>
      <c r="C14979" t="s">
        <v>14228</v>
      </c>
      <c r="D14979" t="s">
        <v>4210</v>
      </c>
    </row>
    <row r="14980" spans="1:4" x14ac:dyDescent="0.4">
      <c r="A14980" s="1" t="s">
        <v>14394</v>
      </c>
      <c r="B14980" t="s">
        <v>4451</v>
      </c>
      <c r="C14980" t="s">
        <v>14228</v>
      </c>
      <c r="D14980" t="s">
        <v>14395</v>
      </c>
    </row>
    <row r="14981" spans="1:4" x14ac:dyDescent="0.4">
      <c r="A14981" s="1" t="s">
        <v>14394</v>
      </c>
      <c r="B14981" t="s">
        <v>4451</v>
      </c>
      <c r="C14981" t="s">
        <v>14228</v>
      </c>
      <c r="D14981" t="s">
        <v>14396</v>
      </c>
    </row>
    <row r="14982" spans="1:4" x14ac:dyDescent="0.4">
      <c r="A14982" s="1" t="s">
        <v>14353</v>
      </c>
      <c r="B14982" t="s">
        <v>4451</v>
      </c>
      <c r="C14982" t="s">
        <v>14228</v>
      </c>
      <c r="D14982" t="s">
        <v>14397</v>
      </c>
    </row>
    <row r="14983" spans="1:4" x14ac:dyDescent="0.4">
      <c r="A14983" s="1" t="s">
        <v>14264</v>
      </c>
      <c r="B14983" t="s">
        <v>4451</v>
      </c>
      <c r="C14983" t="s">
        <v>14228</v>
      </c>
      <c r="D14983" t="s">
        <v>14398</v>
      </c>
    </row>
    <row r="14984" spans="1:4" x14ac:dyDescent="0.4">
      <c r="A14984" s="1" t="s">
        <v>14335</v>
      </c>
      <c r="B14984" t="s">
        <v>4451</v>
      </c>
      <c r="C14984" t="s">
        <v>14228</v>
      </c>
      <c r="D14984" t="s">
        <v>14399</v>
      </c>
    </row>
    <row r="14985" spans="1:4" x14ac:dyDescent="0.4">
      <c r="A14985" s="1" t="s">
        <v>14400</v>
      </c>
      <c r="B14985" t="s">
        <v>4451</v>
      </c>
      <c r="C14985" t="s">
        <v>14228</v>
      </c>
      <c r="D14985" t="s">
        <v>13602</v>
      </c>
    </row>
    <row r="14986" spans="1:4" x14ac:dyDescent="0.4">
      <c r="A14986" s="1" t="s">
        <v>14364</v>
      </c>
      <c r="B14986" t="s">
        <v>4451</v>
      </c>
      <c r="C14986" t="s">
        <v>14228</v>
      </c>
      <c r="D14986" t="s">
        <v>5055</v>
      </c>
    </row>
    <row r="14987" spans="1:4" x14ac:dyDescent="0.4">
      <c r="A14987" s="1" t="s">
        <v>14264</v>
      </c>
      <c r="B14987" t="s">
        <v>4451</v>
      </c>
      <c r="C14987" t="s">
        <v>14228</v>
      </c>
      <c r="D14987" t="s">
        <v>14401</v>
      </c>
    </row>
    <row r="14988" spans="1:4" x14ac:dyDescent="0.4">
      <c r="A14988" s="1" t="s">
        <v>14244</v>
      </c>
      <c r="B14988" t="s">
        <v>4451</v>
      </c>
      <c r="C14988" t="s">
        <v>14228</v>
      </c>
      <c r="D14988" t="s">
        <v>14402</v>
      </c>
    </row>
    <row r="14989" spans="1:4" x14ac:dyDescent="0.4">
      <c r="A14989" s="1" t="s">
        <v>14244</v>
      </c>
      <c r="B14989" t="s">
        <v>4451</v>
      </c>
      <c r="C14989" t="s">
        <v>14228</v>
      </c>
      <c r="D14989" t="s">
        <v>14403</v>
      </c>
    </row>
    <row r="14990" spans="1:4" x14ac:dyDescent="0.4">
      <c r="A14990" s="1" t="s">
        <v>14404</v>
      </c>
      <c r="B14990" t="s">
        <v>4451</v>
      </c>
      <c r="C14990" t="s">
        <v>14228</v>
      </c>
      <c r="D14990" t="s">
        <v>13353</v>
      </c>
    </row>
    <row r="14991" spans="1:4" x14ac:dyDescent="0.4">
      <c r="A14991" s="1" t="s">
        <v>14404</v>
      </c>
      <c r="B14991" t="s">
        <v>4451</v>
      </c>
      <c r="C14991" t="s">
        <v>14228</v>
      </c>
      <c r="D14991" t="s">
        <v>14405</v>
      </c>
    </row>
    <row r="14992" spans="1:4" x14ac:dyDescent="0.4">
      <c r="A14992" s="1" t="s">
        <v>14269</v>
      </c>
      <c r="B14992" t="s">
        <v>4451</v>
      </c>
      <c r="C14992" t="s">
        <v>14228</v>
      </c>
      <c r="D14992" t="s">
        <v>14406</v>
      </c>
    </row>
    <row r="14993" spans="1:4" x14ac:dyDescent="0.4">
      <c r="A14993" s="1" t="s">
        <v>14229</v>
      </c>
      <c r="B14993" t="s">
        <v>4451</v>
      </c>
      <c r="C14993" t="s">
        <v>14228</v>
      </c>
      <c r="D14993" t="s">
        <v>14407</v>
      </c>
    </row>
    <row r="14994" spans="1:4" x14ac:dyDescent="0.4">
      <c r="A14994" s="1" t="s">
        <v>14335</v>
      </c>
      <c r="B14994" t="s">
        <v>4451</v>
      </c>
      <c r="C14994" t="s">
        <v>14228</v>
      </c>
      <c r="D14994" t="s">
        <v>14408</v>
      </c>
    </row>
    <row r="14995" spans="1:4" x14ac:dyDescent="0.4">
      <c r="A14995" s="1" t="s">
        <v>14409</v>
      </c>
      <c r="B14995" t="s">
        <v>4451</v>
      </c>
      <c r="C14995" t="s">
        <v>14228</v>
      </c>
      <c r="D14995" t="s">
        <v>14410</v>
      </c>
    </row>
    <row r="14996" spans="1:4" x14ac:dyDescent="0.4">
      <c r="A14996" s="1" t="s">
        <v>14409</v>
      </c>
      <c r="B14996" t="s">
        <v>4451</v>
      </c>
      <c r="C14996" t="s">
        <v>14228</v>
      </c>
      <c r="D14996" t="s">
        <v>14411</v>
      </c>
    </row>
    <row r="14997" spans="1:4" x14ac:dyDescent="0.4">
      <c r="A14997" s="1" t="s">
        <v>14412</v>
      </c>
      <c r="B14997" t="s">
        <v>4451</v>
      </c>
      <c r="C14997" t="s">
        <v>14228</v>
      </c>
      <c r="D14997" t="s">
        <v>14413</v>
      </c>
    </row>
    <row r="14998" spans="1:4" x14ac:dyDescent="0.4">
      <c r="A14998" s="1" t="s">
        <v>14266</v>
      </c>
      <c r="B14998" t="s">
        <v>4451</v>
      </c>
      <c r="C14998" t="s">
        <v>14228</v>
      </c>
      <c r="D14998" t="s">
        <v>14414</v>
      </c>
    </row>
    <row r="14999" spans="1:4" x14ac:dyDescent="0.4">
      <c r="A14999" s="1" t="s">
        <v>14266</v>
      </c>
      <c r="B14999" t="s">
        <v>4451</v>
      </c>
      <c r="C14999" t="s">
        <v>14228</v>
      </c>
      <c r="D14999" t="s">
        <v>14415</v>
      </c>
    </row>
    <row r="15000" spans="1:4" x14ac:dyDescent="0.4">
      <c r="A15000" s="1" t="s">
        <v>14416</v>
      </c>
      <c r="B15000" t="s">
        <v>4451</v>
      </c>
      <c r="C15000" t="s">
        <v>14228</v>
      </c>
      <c r="D15000" t="s">
        <v>199</v>
      </c>
    </row>
    <row r="15001" spans="1:4" x14ac:dyDescent="0.4">
      <c r="A15001" s="1" t="s">
        <v>14288</v>
      </c>
      <c r="B15001" t="s">
        <v>4451</v>
      </c>
      <c r="C15001" t="s">
        <v>14228</v>
      </c>
      <c r="D15001" t="s">
        <v>14417</v>
      </c>
    </row>
    <row r="15002" spans="1:4" x14ac:dyDescent="0.4">
      <c r="A15002" s="1" t="s">
        <v>14346</v>
      </c>
      <c r="B15002" t="s">
        <v>4451</v>
      </c>
      <c r="C15002" t="s">
        <v>14228</v>
      </c>
      <c r="D15002" t="s">
        <v>746</v>
      </c>
    </row>
    <row r="15003" spans="1:4" x14ac:dyDescent="0.4">
      <c r="A15003" s="1" t="s">
        <v>14346</v>
      </c>
      <c r="B15003" t="s">
        <v>4451</v>
      </c>
      <c r="C15003" t="s">
        <v>14228</v>
      </c>
      <c r="D15003" t="s">
        <v>14418</v>
      </c>
    </row>
    <row r="15004" spans="1:4" x14ac:dyDescent="0.4">
      <c r="A15004" s="1" t="s">
        <v>14343</v>
      </c>
      <c r="B15004" t="s">
        <v>4451</v>
      </c>
      <c r="C15004" t="s">
        <v>14228</v>
      </c>
      <c r="D15004" t="s">
        <v>14419</v>
      </c>
    </row>
    <row r="15005" spans="1:4" x14ac:dyDescent="0.4">
      <c r="A15005" s="1" t="s">
        <v>14290</v>
      </c>
      <c r="B15005" t="s">
        <v>4451</v>
      </c>
      <c r="C15005" t="s">
        <v>14228</v>
      </c>
      <c r="D15005" t="s">
        <v>14420</v>
      </c>
    </row>
    <row r="15006" spans="1:4" x14ac:dyDescent="0.4">
      <c r="A15006" s="1" t="s">
        <v>14367</v>
      </c>
      <c r="B15006" t="s">
        <v>4451</v>
      </c>
      <c r="C15006" t="s">
        <v>14228</v>
      </c>
      <c r="D15006" t="s">
        <v>14421</v>
      </c>
    </row>
    <row r="15007" spans="1:4" x14ac:dyDescent="0.4">
      <c r="A15007" s="1" t="s">
        <v>14388</v>
      </c>
      <c r="B15007" t="s">
        <v>4451</v>
      </c>
      <c r="C15007" t="s">
        <v>14228</v>
      </c>
      <c r="D15007" t="s">
        <v>14422</v>
      </c>
    </row>
    <row r="15008" spans="1:4" x14ac:dyDescent="0.4">
      <c r="A15008" s="1" t="s">
        <v>14423</v>
      </c>
      <c r="B15008" t="s">
        <v>4451</v>
      </c>
      <c r="C15008" t="s">
        <v>14228</v>
      </c>
      <c r="D15008" t="s">
        <v>4693</v>
      </c>
    </row>
    <row r="15009" spans="1:4" x14ac:dyDescent="0.4">
      <c r="A15009" s="1" t="s">
        <v>14424</v>
      </c>
      <c r="B15009" t="s">
        <v>4451</v>
      </c>
      <c r="C15009" t="s">
        <v>14228</v>
      </c>
      <c r="D15009" t="s">
        <v>14425</v>
      </c>
    </row>
    <row r="15010" spans="1:4" x14ac:dyDescent="0.4">
      <c r="A15010" s="1" t="s">
        <v>14423</v>
      </c>
      <c r="B15010" t="s">
        <v>4451</v>
      </c>
      <c r="C15010" t="s">
        <v>14228</v>
      </c>
      <c r="D15010" t="s">
        <v>14426</v>
      </c>
    </row>
    <row r="15011" spans="1:4" x14ac:dyDescent="0.4">
      <c r="A15011" s="1" t="s">
        <v>14423</v>
      </c>
      <c r="B15011" t="s">
        <v>4451</v>
      </c>
      <c r="C15011" t="s">
        <v>14228</v>
      </c>
      <c r="D15011" t="s">
        <v>14427</v>
      </c>
    </row>
    <row r="15012" spans="1:4" x14ac:dyDescent="0.4">
      <c r="A15012" s="1" t="s">
        <v>14423</v>
      </c>
      <c r="B15012" t="s">
        <v>4451</v>
      </c>
      <c r="C15012" t="s">
        <v>14228</v>
      </c>
      <c r="D15012" t="s">
        <v>14428</v>
      </c>
    </row>
    <row r="15013" spans="1:4" x14ac:dyDescent="0.4">
      <c r="A15013" s="1" t="s">
        <v>14362</v>
      </c>
      <c r="B15013" t="s">
        <v>4451</v>
      </c>
      <c r="C15013" t="s">
        <v>14228</v>
      </c>
      <c r="D15013" t="s">
        <v>14429</v>
      </c>
    </row>
    <row r="15014" spans="1:4" x14ac:dyDescent="0.4">
      <c r="A15014" s="1" t="s">
        <v>14362</v>
      </c>
      <c r="B15014" t="s">
        <v>4451</v>
      </c>
      <c r="C15014" t="s">
        <v>14228</v>
      </c>
      <c r="D15014" t="s">
        <v>14430</v>
      </c>
    </row>
    <row r="15015" spans="1:4" x14ac:dyDescent="0.4">
      <c r="A15015" s="1" t="s">
        <v>14279</v>
      </c>
      <c r="B15015" t="s">
        <v>4451</v>
      </c>
      <c r="C15015" t="s">
        <v>14228</v>
      </c>
      <c r="D15015" t="s">
        <v>14431</v>
      </c>
    </row>
    <row r="15016" spans="1:4" x14ac:dyDescent="0.4">
      <c r="A15016" s="1" t="s">
        <v>14343</v>
      </c>
      <c r="B15016" t="s">
        <v>4451</v>
      </c>
      <c r="C15016" t="s">
        <v>14228</v>
      </c>
      <c r="D15016" t="s">
        <v>14432</v>
      </c>
    </row>
    <row r="15017" spans="1:4" x14ac:dyDescent="0.4">
      <c r="A15017" s="1" t="s">
        <v>14416</v>
      </c>
      <c r="B15017" t="s">
        <v>4451</v>
      </c>
      <c r="C15017" t="s">
        <v>14228</v>
      </c>
      <c r="D15017" t="s">
        <v>14433</v>
      </c>
    </row>
    <row r="15018" spans="1:4" x14ac:dyDescent="0.4">
      <c r="A15018" s="1" t="s">
        <v>14356</v>
      </c>
      <c r="B15018" t="s">
        <v>4451</v>
      </c>
      <c r="C15018" t="s">
        <v>14228</v>
      </c>
      <c r="D15018" t="s">
        <v>14434</v>
      </c>
    </row>
    <row r="15019" spans="1:4" x14ac:dyDescent="0.4">
      <c r="A15019" s="1" t="s">
        <v>14424</v>
      </c>
      <c r="B15019" t="s">
        <v>4451</v>
      </c>
      <c r="C15019" t="s">
        <v>14228</v>
      </c>
      <c r="D15019" t="s">
        <v>14435</v>
      </c>
    </row>
    <row r="15020" spans="1:4" x14ac:dyDescent="0.4">
      <c r="A15020" s="1" t="s">
        <v>14436</v>
      </c>
      <c r="B15020" t="s">
        <v>4451</v>
      </c>
      <c r="C15020" t="s">
        <v>14437</v>
      </c>
    </row>
    <row r="15021" spans="1:4" x14ac:dyDescent="0.4">
      <c r="A15021" s="1" t="s">
        <v>14438</v>
      </c>
      <c r="B15021" t="s">
        <v>4451</v>
      </c>
      <c r="C15021" t="s">
        <v>14437</v>
      </c>
      <c r="D15021" t="s">
        <v>14439</v>
      </c>
    </row>
    <row r="15022" spans="1:4" x14ac:dyDescent="0.4">
      <c r="A15022" s="1" t="s">
        <v>14440</v>
      </c>
      <c r="B15022" t="s">
        <v>4451</v>
      </c>
      <c r="C15022" t="s">
        <v>14437</v>
      </c>
      <c r="D15022" t="s">
        <v>1850</v>
      </c>
    </row>
    <row r="15023" spans="1:4" x14ac:dyDescent="0.4">
      <c r="A15023" s="1" t="s">
        <v>14441</v>
      </c>
      <c r="B15023" t="s">
        <v>4451</v>
      </c>
      <c r="C15023" t="s">
        <v>14437</v>
      </c>
      <c r="D15023" t="s">
        <v>14442</v>
      </c>
    </row>
    <row r="15024" spans="1:4" x14ac:dyDescent="0.4">
      <c r="A15024" s="1" t="s">
        <v>14443</v>
      </c>
      <c r="B15024" t="s">
        <v>4451</v>
      </c>
      <c r="C15024" t="s">
        <v>14437</v>
      </c>
      <c r="D15024" t="s">
        <v>14444</v>
      </c>
    </row>
    <row r="15025" spans="1:4" x14ac:dyDescent="0.4">
      <c r="A15025" s="1" t="s">
        <v>14445</v>
      </c>
      <c r="B15025" t="s">
        <v>4451</v>
      </c>
      <c r="C15025" t="s">
        <v>14437</v>
      </c>
      <c r="D15025" t="s">
        <v>14446</v>
      </c>
    </row>
    <row r="15026" spans="1:4" x14ac:dyDescent="0.4">
      <c r="A15026" s="1" t="s">
        <v>14447</v>
      </c>
      <c r="B15026" t="s">
        <v>4451</v>
      </c>
      <c r="C15026" t="s">
        <v>14437</v>
      </c>
      <c r="D15026" t="s">
        <v>14448</v>
      </c>
    </row>
    <row r="15027" spans="1:4" x14ac:dyDescent="0.4">
      <c r="A15027" s="1" t="s">
        <v>14449</v>
      </c>
      <c r="B15027" t="s">
        <v>4451</v>
      </c>
      <c r="C15027" t="s">
        <v>14437</v>
      </c>
      <c r="D15027" t="s">
        <v>1997</v>
      </c>
    </row>
    <row r="15028" spans="1:4" x14ac:dyDescent="0.4">
      <c r="A15028" s="1" t="s">
        <v>14450</v>
      </c>
      <c r="B15028" t="s">
        <v>4451</v>
      </c>
      <c r="C15028" t="s">
        <v>14437</v>
      </c>
      <c r="D15028" t="s">
        <v>14451</v>
      </c>
    </row>
    <row r="15029" spans="1:4" x14ac:dyDescent="0.4">
      <c r="A15029" s="1" t="s">
        <v>14452</v>
      </c>
      <c r="B15029" t="s">
        <v>4451</v>
      </c>
      <c r="C15029" t="s">
        <v>14437</v>
      </c>
      <c r="D15029" t="s">
        <v>3728</v>
      </c>
    </row>
    <row r="15030" spans="1:4" x14ac:dyDescent="0.4">
      <c r="A15030" s="1" t="s">
        <v>14194</v>
      </c>
      <c r="B15030" t="s">
        <v>4451</v>
      </c>
      <c r="C15030" t="s">
        <v>14453</v>
      </c>
    </row>
    <row r="15031" spans="1:4" x14ac:dyDescent="0.4">
      <c r="A15031" s="1" t="s">
        <v>14454</v>
      </c>
      <c r="B15031" t="s">
        <v>4451</v>
      </c>
      <c r="C15031" t="s">
        <v>14453</v>
      </c>
      <c r="D15031" t="s">
        <v>14455</v>
      </c>
    </row>
    <row r="15032" spans="1:4" x14ac:dyDescent="0.4">
      <c r="A15032" s="1" t="s">
        <v>14456</v>
      </c>
      <c r="B15032" t="s">
        <v>4451</v>
      </c>
      <c r="C15032" t="s">
        <v>14453</v>
      </c>
      <c r="D15032" t="s">
        <v>14457</v>
      </c>
    </row>
    <row r="15033" spans="1:4" x14ac:dyDescent="0.4">
      <c r="A15033" s="1" t="s">
        <v>14458</v>
      </c>
      <c r="B15033" t="s">
        <v>4451</v>
      </c>
      <c r="C15033" t="s">
        <v>14453</v>
      </c>
      <c r="D15033" t="s">
        <v>14459</v>
      </c>
    </row>
    <row r="15034" spans="1:4" x14ac:dyDescent="0.4">
      <c r="A15034" s="1" t="s">
        <v>14460</v>
      </c>
      <c r="B15034" t="s">
        <v>4451</v>
      </c>
      <c r="C15034" t="s">
        <v>14453</v>
      </c>
      <c r="D15034" t="s">
        <v>14461</v>
      </c>
    </row>
    <row r="15035" spans="1:4" x14ac:dyDescent="0.4">
      <c r="A15035" s="1" t="s">
        <v>14462</v>
      </c>
      <c r="B15035" t="s">
        <v>4451</v>
      </c>
      <c r="C15035" t="s">
        <v>14453</v>
      </c>
      <c r="D15035" t="s">
        <v>14463</v>
      </c>
    </row>
    <row r="15036" spans="1:4" x14ac:dyDescent="0.4">
      <c r="A15036" s="1" t="s">
        <v>14464</v>
      </c>
      <c r="B15036" t="s">
        <v>4451</v>
      </c>
      <c r="C15036" t="s">
        <v>14453</v>
      </c>
      <c r="D15036" t="s">
        <v>14465</v>
      </c>
    </row>
    <row r="15037" spans="1:4" x14ac:dyDescent="0.4">
      <c r="A15037" s="1" t="s">
        <v>14466</v>
      </c>
      <c r="B15037" t="s">
        <v>4451</v>
      </c>
      <c r="C15037" t="s">
        <v>14453</v>
      </c>
      <c r="D15037" t="s">
        <v>14467</v>
      </c>
    </row>
    <row r="15038" spans="1:4" x14ac:dyDescent="0.4">
      <c r="A15038" s="1" t="s">
        <v>14468</v>
      </c>
      <c r="B15038" t="s">
        <v>4451</v>
      </c>
      <c r="C15038" t="s">
        <v>14453</v>
      </c>
      <c r="D15038" t="s">
        <v>14469</v>
      </c>
    </row>
    <row r="15039" spans="1:4" x14ac:dyDescent="0.4">
      <c r="A15039" s="1" t="s">
        <v>14470</v>
      </c>
      <c r="B15039" t="s">
        <v>4451</v>
      </c>
      <c r="C15039" t="s">
        <v>14453</v>
      </c>
      <c r="D15039" t="s">
        <v>14471</v>
      </c>
    </row>
    <row r="15040" spans="1:4" x14ac:dyDescent="0.4">
      <c r="A15040" s="1" t="s">
        <v>14472</v>
      </c>
      <c r="B15040" t="s">
        <v>4451</v>
      </c>
      <c r="C15040" t="s">
        <v>14453</v>
      </c>
      <c r="D15040" t="s">
        <v>6792</v>
      </c>
    </row>
    <row r="15041" spans="1:4" x14ac:dyDescent="0.4">
      <c r="A15041" s="1" t="s">
        <v>14473</v>
      </c>
      <c r="B15041" t="s">
        <v>4451</v>
      </c>
      <c r="C15041" t="s">
        <v>14453</v>
      </c>
      <c r="D15041" t="s">
        <v>14474</v>
      </c>
    </row>
    <row r="15042" spans="1:4" x14ac:dyDescent="0.4">
      <c r="A15042" s="1" t="s">
        <v>14475</v>
      </c>
      <c r="B15042" t="s">
        <v>4451</v>
      </c>
      <c r="C15042" t="s">
        <v>14453</v>
      </c>
      <c r="D15042" t="s">
        <v>14476</v>
      </c>
    </row>
    <row r="15043" spans="1:4" x14ac:dyDescent="0.4">
      <c r="A15043" s="1" t="s">
        <v>14477</v>
      </c>
      <c r="B15043" t="s">
        <v>4451</v>
      </c>
      <c r="C15043" t="s">
        <v>14453</v>
      </c>
      <c r="D15043" t="s">
        <v>14478</v>
      </c>
    </row>
    <row r="15044" spans="1:4" x14ac:dyDescent="0.4">
      <c r="A15044" s="1" t="s">
        <v>14479</v>
      </c>
      <c r="B15044" t="s">
        <v>4451</v>
      </c>
      <c r="C15044" t="s">
        <v>14453</v>
      </c>
      <c r="D15044" t="s">
        <v>14480</v>
      </c>
    </row>
    <row r="15045" spans="1:4" x14ac:dyDescent="0.4">
      <c r="A15045" s="1" t="s">
        <v>14481</v>
      </c>
      <c r="B15045" t="s">
        <v>4451</v>
      </c>
      <c r="C15045" t="s">
        <v>14453</v>
      </c>
      <c r="D15045" t="s">
        <v>2233</v>
      </c>
    </row>
    <row r="15046" spans="1:4" x14ac:dyDescent="0.4">
      <c r="A15046" s="1" t="s">
        <v>14482</v>
      </c>
      <c r="B15046" t="s">
        <v>4451</v>
      </c>
      <c r="C15046" t="s">
        <v>14453</v>
      </c>
      <c r="D15046" t="s">
        <v>10949</v>
      </c>
    </row>
    <row r="15047" spans="1:4" x14ac:dyDescent="0.4">
      <c r="A15047" s="1" t="s">
        <v>14483</v>
      </c>
      <c r="B15047" t="s">
        <v>4451</v>
      </c>
      <c r="C15047" t="s">
        <v>14453</v>
      </c>
      <c r="D15047" t="s">
        <v>906</v>
      </c>
    </row>
    <row r="15048" spans="1:4" x14ac:dyDescent="0.4">
      <c r="A15048" s="1" t="s">
        <v>14484</v>
      </c>
      <c r="B15048" t="s">
        <v>4451</v>
      </c>
      <c r="C15048" t="s">
        <v>14453</v>
      </c>
      <c r="D15048" t="s">
        <v>14485</v>
      </c>
    </row>
    <row r="15049" spans="1:4" x14ac:dyDescent="0.4">
      <c r="A15049" s="1" t="s">
        <v>14486</v>
      </c>
      <c r="B15049" t="s">
        <v>4451</v>
      </c>
      <c r="C15049" t="s">
        <v>14453</v>
      </c>
      <c r="D15049" t="s">
        <v>14487</v>
      </c>
    </row>
    <row r="15050" spans="1:4" x14ac:dyDescent="0.4">
      <c r="A15050" s="1" t="s">
        <v>14488</v>
      </c>
      <c r="B15050" t="s">
        <v>4451</v>
      </c>
      <c r="C15050" t="s">
        <v>14453</v>
      </c>
      <c r="D15050" t="s">
        <v>14489</v>
      </c>
    </row>
    <row r="15051" spans="1:4" x14ac:dyDescent="0.4">
      <c r="A15051" s="1" t="s">
        <v>14490</v>
      </c>
      <c r="B15051" t="s">
        <v>4451</v>
      </c>
      <c r="C15051" t="s">
        <v>14453</v>
      </c>
      <c r="D15051" t="s">
        <v>14491</v>
      </c>
    </row>
    <row r="15052" spans="1:4" x14ac:dyDescent="0.4">
      <c r="A15052" s="1" t="s">
        <v>14492</v>
      </c>
      <c r="B15052" t="s">
        <v>4451</v>
      </c>
      <c r="C15052" t="s">
        <v>14453</v>
      </c>
      <c r="D15052" t="s">
        <v>14493</v>
      </c>
    </row>
    <row r="15053" spans="1:4" x14ac:dyDescent="0.4">
      <c r="A15053" s="1" t="s">
        <v>14494</v>
      </c>
      <c r="B15053" t="s">
        <v>4451</v>
      </c>
      <c r="C15053" t="s">
        <v>14453</v>
      </c>
      <c r="D15053" t="s">
        <v>14495</v>
      </c>
    </row>
    <row r="15054" spans="1:4" x14ac:dyDescent="0.4">
      <c r="A15054" s="1" t="s">
        <v>14496</v>
      </c>
      <c r="B15054" t="s">
        <v>4451</v>
      </c>
      <c r="C15054" t="s">
        <v>14453</v>
      </c>
      <c r="D15054" t="s">
        <v>5131</v>
      </c>
    </row>
    <row r="15055" spans="1:4" x14ac:dyDescent="0.4">
      <c r="A15055" s="1" t="s">
        <v>14497</v>
      </c>
      <c r="B15055" t="s">
        <v>4451</v>
      </c>
      <c r="C15055" t="s">
        <v>14453</v>
      </c>
      <c r="D15055" t="s">
        <v>14498</v>
      </c>
    </row>
    <row r="15056" spans="1:4" x14ac:dyDescent="0.4">
      <c r="A15056" s="1" t="s">
        <v>14499</v>
      </c>
      <c r="B15056" t="s">
        <v>4451</v>
      </c>
      <c r="C15056" t="s">
        <v>14453</v>
      </c>
      <c r="D15056" t="s">
        <v>14500</v>
      </c>
    </row>
    <row r="15057" spans="1:4" x14ac:dyDescent="0.4">
      <c r="A15057" s="1" t="s">
        <v>14501</v>
      </c>
      <c r="B15057" t="s">
        <v>4451</v>
      </c>
      <c r="C15057" t="s">
        <v>14453</v>
      </c>
      <c r="D15057" t="s">
        <v>14502</v>
      </c>
    </row>
    <row r="15058" spans="1:4" x14ac:dyDescent="0.4">
      <c r="A15058" s="1" t="s">
        <v>14503</v>
      </c>
      <c r="B15058" t="s">
        <v>4451</v>
      </c>
      <c r="C15058" t="s">
        <v>14453</v>
      </c>
      <c r="D15058" t="s">
        <v>14504</v>
      </c>
    </row>
    <row r="15059" spans="1:4" x14ac:dyDescent="0.4">
      <c r="A15059" s="1" t="s">
        <v>14505</v>
      </c>
      <c r="B15059" t="s">
        <v>4451</v>
      </c>
      <c r="C15059" t="s">
        <v>14506</v>
      </c>
    </row>
    <row r="15060" spans="1:4" x14ac:dyDescent="0.4">
      <c r="A15060" s="1" t="s">
        <v>14507</v>
      </c>
      <c r="B15060" t="s">
        <v>4451</v>
      </c>
      <c r="C15060" t="s">
        <v>14506</v>
      </c>
      <c r="D15060" t="s">
        <v>14508</v>
      </c>
    </row>
    <row r="15061" spans="1:4" x14ac:dyDescent="0.4">
      <c r="A15061" s="1" t="s">
        <v>14509</v>
      </c>
      <c r="B15061" t="s">
        <v>4451</v>
      </c>
      <c r="C15061" t="s">
        <v>14506</v>
      </c>
      <c r="D15061" t="s">
        <v>14510</v>
      </c>
    </row>
    <row r="15062" spans="1:4" x14ac:dyDescent="0.4">
      <c r="A15062" s="1" t="s">
        <v>14511</v>
      </c>
      <c r="B15062" t="s">
        <v>4451</v>
      </c>
      <c r="C15062" t="s">
        <v>14506</v>
      </c>
      <c r="D15062" t="s">
        <v>14512</v>
      </c>
    </row>
    <row r="15063" spans="1:4" x14ac:dyDescent="0.4">
      <c r="A15063" s="1" t="s">
        <v>14513</v>
      </c>
      <c r="B15063" t="s">
        <v>4451</v>
      </c>
      <c r="C15063" t="s">
        <v>14506</v>
      </c>
      <c r="D15063" t="s">
        <v>14514</v>
      </c>
    </row>
    <row r="15064" spans="1:4" x14ac:dyDescent="0.4">
      <c r="A15064" s="1" t="s">
        <v>14515</v>
      </c>
      <c r="B15064" t="s">
        <v>4451</v>
      </c>
      <c r="C15064" t="s">
        <v>14506</v>
      </c>
      <c r="D15064" t="s">
        <v>7316</v>
      </c>
    </row>
    <row r="15065" spans="1:4" x14ac:dyDescent="0.4">
      <c r="A15065" s="1" t="s">
        <v>14516</v>
      </c>
      <c r="B15065" t="s">
        <v>4451</v>
      </c>
      <c r="C15065" t="s">
        <v>14506</v>
      </c>
      <c r="D15065" t="s">
        <v>14517</v>
      </c>
    </row>
    <row r="15066" spans="1:4" x14ac:dyDescent="0.4">
      <c r="A15066" s="1" t="s">
        <v>14518</v>
      </c>
      <c r="B15066" t="s">
        <v>4451</v>
      </c>
      <c r="C15066" t="s">
        <v>14506</v>
      </c>
      <c r="D15066" t="s">
        <v>14519</v>
      </c>
    </row>
    <row r="15067" spans="1:4" x14ac:dyDescent="0.4">
      <c r="A15067" s="1" t="s">
        <v>14520</v>
      </c>
      <c r="B15067" t="s">
        <v>4451</v>
      </c>
      <c r="C15067" t="s">
        <v>14506</v>
      </c>
      <c r="D15067" t="s">
        <v>14521</v>
      </c>
    </row>
    <row r="15068" spans="1:4" x14ac:dyDescent="0.4">
      <c r="A15068" s="1" t="s">
        <v>14522</v>
      </c>
      <c r="B15068" t="s">
        <v>4451</v>
      </c>
      <c r="C15068" t="s">
        <v>14506</v>
      </c>
      <c r="D15068" t="s">
        <v>14523</v>
      </c>
    </row>
    <row r="15069" spans="1:4" x14ac:dyDescent="0.4">
      <c r="A15069" s="1" t="s">
        <v>14524</v>
      </c>
      <c r="B15069" t="s">
        <v>4451</v>
      </c>
      <c r="C15069" t="s">
        <v>14506</v>
      </c>
      <c r="D15069" t="s">
        <v>14525</v>
      </c>
    </row>
    <row r="15070" spans="1:4" x14ac:dyDescent="0.4">
      <c r="A15070" s="1" t="s">
        <v>14526</v>
      </c>
      <c r="B15070" t="s">
        <v>4451</v>
      </c>
      <c r="C15070" t="s">
        <v>14527</v>
      </c>
    </row>
    <row r="15071" spans="1:4" x14ac:dyDescent="0.4">
      <c r="A15071" s="1" t="s">
        <v>14528</v>
      </c>
      <c r="B15071" t="s">
        <v>4451</v>
      </c>
      <c r="C15071" t="s">
        <v>14527</v>
      </c>
      <c r="D15071" t="s">
        <v>14529</v>
      </c>
    </row>
    <row r="15072" spans="1:4" x14ac:dyDescent="0.4">
      <c r="A15072" s="1" t="s">
        <v>14530</v>
      </c>
      <c r="B15072" t="s">
        <v>4451</v>
      </c>
      <c r="C15072" t="s">
        <v>14527</v>
      </c>
      <c r="D15072" t="s">
        <v>14531</v>
      </c>
    </row>
    <row r="15073" spans="1:4" x14ac:dyDescent="0.4">
      <c r="A15073" s="1" t="s">
        <v>14532</v>
      </c>
      <c r="B15073" t="s">
        <v>11981</v>
      </c>
      <c r="C15073" t="s">
        <v>12281</v>
      </c>
      <c r="D15073" t="s">
        <v>14533</v>
      </c>
    </row>
    <row r="15074" spans="1:4" x14ac:dyDescent="0.4">
      <c r="A15074" s="1" t="s">
        <v>14534</v>
      </c>
      <c r="B15074" t="s">
        <v>11981</v>
      </c>
      <c r="C15074" t="s">
        <v>12281</v>
      </c>
      <c r="D15074" t="s">
        <v>14535</v>
      </c>
    </row>
    <row r="15075" spans="1:4" x14ac:dyDescent="0.4">
      <c r="A15075" s="1" t="s">
        <v>14536</v>
      </c>
      <c r="B15075" t="s">
        <v>11981</v>
      </c>
      <c r="C15075" t="s">
        <v>12281</v>
      </c>
      <c r="D15075" t="s">
        <v>14537</v>
      </c>
    </row>
    <row r="15076" spans="1:4" x14ac:dyDescent="0.4">
      <c r="A15076" s="1" t="s">
        <v>14538</v>
      </c>
      <c r="B15076" t="s">
        <v>11981</v>
      </c>
      <c r="C15076" t="s">
        <v>12281</v>
      </c>
      <c r="D15076" t="s">
        <v>14539</v>
      </c>
    </row>
    <row r="15077" spans="1:4" x14ac:dyDescent="0.4">
      <c r="A15077" s="1" t="s">
        <v>14540</v>
      </c>
      <c r="B15077" t="s">
        <v>11981</v>
      </c>
      <c r="C15077" t="s">
        <v>12281</v>
      </c>
      <c r="D15077" t="s">
        <v>14541</v>
      </c>
    </row>
    <row r="15078" spans="1:4" x14ac:dyDescent="0.4">
      <c r="A15078" s="1" t="s">
        <v>14542</v>
      </c>
      <c r="B15078" t="s">
        <v>11981</v>
      </c>
      <c r="C15078" t="s">
        <v>12281</v>
      </c>
      <c r="D15078" t="s">
        <v>9319</v>
      </c>
    </row>
    <row r="15079" spans="1:4" x14ac:dyDescent="0.4">
      <c r="A15079" s="1" t="s">
        <v>14543</v>
      </c>
      <c r="B15079" t="s">
        <v>11981</v>
      </c>
      <c r="C15079" t="s">
        <v>12281</v>
      </c>
      <c r="D15079" t="s">
        <v>14544</v>
      </c>
    </row>
    <row r="15080" spans="1:4" x14ac:dyDescent="0.4">
      <c r="A15080" s="1" t="s">
        <v>14545</v>
      </c>
      <c r="B15080" t="s">
        <v>11981</v>
      </c>
      <c r="C15080" t="s">
        <v>12281</v>
      </c>
      <c r="D15080" t="s">
        <v>14546</v>
      </c>
    </row>
    <row r="15081" spans="1:4" x14ac:dyDescent="0.4">
      <c r="A15081" s="1" t="s">
        <v>14547</v>
      </c>
      <c r="B15081" t="s">
        <v>11981</v>
      </c>
      <c r="C15081" t="s">
        <v>12281</v>
      </c>
      <c r="D15081" t="s">
        <v>14548</v>
      </c>
    </row>
    <row r="15082" spans="1:4" x14ac:dyDescent="0.4">
      <c r="A15082" s="1" t="s">
        <v>14549</v>
      </c>
      <c r="B15082" t="s">
        <v>11981</v>
      </c>
      <c r="C15082" t="s">
        <v>12281</v>
      </c>
      <c r="D15082" t="s">
        <v>14550</v>
      </c>
    </row>
    <row r="15083" spans="1:4" x14ac:dyDescent="0.4">
      <c r="A15083" s="1" t="s">
        <v>14551</v>
      </c>
      <c r="B15083" t="s">
        <v>11981</v>
      </c>
      <c r="C15083" t="s">
        <v>12281</v>
      </c>
      <c r="D15083" t="s">
        <v>14552</v>
      </c>
    </row>
    <row r="15084" spans="1:4" x14ac:dyDescent="0.4">
      <c r="A15084" s="1" t="s">
        <v>14553</v>
      </c>
      <c r="B15084" t="s">
        <v>11981</v>
      </c>
      <c r="C15084" t="s">
        <v>12281</v>
      </c>
      <c r="D15084" t="s">
        <v>4888</v>
      </c>
    </row>
    <row r="15085" spans="1:4" x14ac:dyDescent="0.4">
      <c r="A15085" s="1" t="s">
        <v>14554</v>
      </c>
      <c r="B15085" t="s">
        <v>11981</v>
      </c>
      <c r="C15085" t="s">
        <v>12281</v>
      </c>
      <c r="D15085" t="s">
        <v>14555</v>
      </c>
    </row>
    <row r="15086" spans="1:4" x14ac:dyDescent="0.4">
      <c r="A15086" s="1" t="s">
        <v>14556</v>
      </c>
      <c r="B15086" t="s">
        <v>11981</v>
      </c>
      <c r="C15086" t="s">
        <v>12281</v>
      </c>
      <c r="D15086" t="s">
        <v>255</v>
      </c>
    </row>
    <row r="15087" spans="1:4" x14ac:dyDescent="0.4">
      <c r="A15087" s="1" t="s">
        <v>14557</v>
      </c>
      <c r="B15087" t="s">
        <v>11981</v>
      </c>
      <c r="C15087" t="s">
        <v>12281</v>
      </c>
      <c r="D15087" t="s">
        <v>14558</v>
      </c>
    </row>
    <row r="15088" spans="1:4" x14ac:dyDescent="0.4">
      <c r="A15088" s="1" t="s">
        <v>14559</v>
      </c>
      <c r="B15088" t="s">
        <v>11981</v>
      </c>
      <c r="C15088" t="s">
        <v>12281</v>
      </c>
      <c r="D15088" t="s">
        <v>14560</v>
      </c>
    </row>
    <row r="15089" spans="1:4" x14ac:dyDescent="0.4">
      <c r="A15089" s="1" t="s">
        <v>14561</v>
      </c>
      <c r="B15089" t="s">
        <v>11981</v>
      </c>
      <c r="C15089" t="s">
        <v>12281</v>
      </c>
      <c r="D15089" t="s">
        <v>14562</v>
      </c>
    </row>
    <row r="15090" spans="1:4" x14ac:dyDescent="0.4">
      <c r="A15090" s="1" t="s">
        <v>14563</v>
      </c>
      <c r="B15090" t="s">
        <v>11981</v>
      </c>
      <c r="C15090" t="s">
        <v>12281</v>
      </c>
      <c r="D15090" t="s">
        <v>2317</v>
      </c>
    </row>
    <row r="15091" spans="1:4" x14ac:dyDescent="0.4">
      <c r="A15091" s="1" t="s">
        <v>14564</v>
      </c>
      <c r="B15091" t="s">
        <v>11981</v>
      </c>
      <c r="C15091" t="s">
        <v>12281</v>
      </c>
      <c r="D15091" t="s">
        <v>4924</v>
      </c>
    </row>
    <row r="15092" spans="1:4" x14ac:dyDescent="0.4">
      <c r="A15092" s="1" t="s">
        <v>14565</v>
      </c>
      <c r="B15092" t="s">
        <v>11981</v>
      </c>
      <c r="C15092" t="s">
        <v>12281</v>
      </c>
      <c r="D15092" t="s">
        <v>14566</v>
      </c>
    </row>
    <row r="15093" spans="1:4" x14ac:dyDescent="0.4">
      <c r="A15093" s="1" t="s">
        <v>14567</v>
      </c>
      <c r="B15093" t="s">
        <v>11981</v>
      </c>
      <c r="C15093" t="s">
        <v>12281</v>
      </c>
      <c r="D15093" t="s">
        <v>7516</v>
      </c>
    </row>
    <row r="15094" spans="1:4" x14ac:dyDescent="0.4">
      <c r="A15094" s="1" t="s">
        <v>14568</v>
      </c>
      <c r="B15094" t="s">
        <v>11981</v>
      </c>
      <c r="C15094" t="s">
        <v>12281</v>
      </c>
      <c r="D15094" t="s">
        <v>3363</v>
      </c>
    </row>
    <row r="15095" spans="1:4" x14ac:dyDescent="0.4">
      <c r="A15095" s="1" t="s">
        <v>14569</v>
      </c>
      <c r="B15095" t="s">
        <v>11981</v>
      </c>
      <c r="C15095" t="s">
        <v>12281</v>
      </c>
      <c r="D15095" t="s">
        <v>14570</v>
      </c>
    </row>
    <row r="15096" spans="1:4" x14ac:dyDescent="0.4">
      <c r="A15096" s="1" t="s">
        <v>14571</v>
      </c>
      <c r="B15096" t="s">
        <v>11981</v>
      </c>
      <c r="C15096" t="s">
        <v>12281</v>
      </c>
      <c r="D15096" t="s">
        <v>14572</v>
      </c>
    </row>
    <row r="15097" spans="1:4" x14ac:dyDescent="0.4">
      <c r="A15097" s="1" t="s">
        <v>14573</v>
      </c>
      <c r="B15097" t="s">
        <v>11981</v>
      </c>
      <c r="C15097" t="s">
        <v>12281</v>
      </c>
      <c r="D15097" t="s">
        <v>14574</v>
      </c>
    </row>
    <row r="15098" spans="1:4" x14ac:dyDescent="0.4">
      <c r="A15098" s="1" t="s">
        <v>14575</v>
      </c>
      <c r="B15098" t="s">
        <v>11981</v>
      </c>
      <c r="C15098" t="s">
        <v>12281</v>
      </c>
      <c r="D15098" t="s">
        <v>14576</v>
      </c>
    </row>
    <row r="15099" spans="1:4" x14ac:dyDescent="0.4">
      <c r="A15099" s="1" t="s">
        <v>14577</v>
      </c>
      <c r="B15099" t="s">
        <v>11981</v>
      </c>
      <c r="C15099" t="s">
        <v>12281</v>
      </c>
      <c r="D15099" t="s">
        <v>14578</v>
      </c>
    </row>
    <row r="15100" spans="1:4" x14ac:dyDescent="0.4">
      <c r="A15100" s="1" t="s">
        <v>14579</v>
      </c>
      <c r="B15100" t="s">
        <v>11981</v>
      </c>
      <c r="C15100" t="s">
        <v>12281</v>
      </c>
      <c r="D15100" t="s">
        <v>14580</v>
      </c>
    </row>
    <row r="15101" spans="1:4" x14ac:dyDescent="0.4">
      <c r="A15101" s="1" t="s">
        <v>14581</v>
      </c>
      <c r="B15101" t="s">
        <v>11981</v>
      </c>
      <c r="C15101" t="s">
        <v>12281</v>
      </c>
      <c r="D15101" t="s">
        <v>75</v>
      </c>
    </row>
    <row r="15102" spans="1:4" x14ac:dyDescent="0.4">
      <c r="A15102" s="1" t="s">
        <v>14582</v>
      </c>
      <c r="B15102" t="s">
        <v>11981</v>
      </c>
      <c r="C15102" t="s">
        <v>12281</v>
      </c>
      <c r="D15102" t="s">
        <v>14583</v>
      </c>
    </row>
    <row r="15103" spans="1:4" x14ac:dyDescent="0.4">
      <c r="A15103" s="1" t="s">
        <v>14584</v>
      </c>
      <c r="B15103" t="s">
        <v>11981</v>
      </c>
      <c r="C15103" t="s">
        <v>12281</v>
      </c>
      <c r="D15103" t="s">
        <v>14585</v>
      </c>
    </row>
    <row r="15104" spans="1:4" x14ac:dyDescent="0.4">
      <c r="A15104" s="1" t="s">
        <v>14586</v>
      </c>
      <c r="B15104" t="s">
        <v>11981</v>
      </c>
      <c r="C15104" t="s">
        <v>12281</v>
      </c>
      <c r="D15104" t="s">
        <v>7316</v>
      </c>
    </row>
    <row r="15105" spans="1:4" x14ac:dyDescent="0.4">
      <c r="A15105" s="1" t="s">
        <v>14587</v>
      </c>
      <c r="B15105" t="s">
        <v>11981</v>
      </c>
      <c r="C15105" t="s">
        <v>12281</v>
      </c>
      <c r="D15105" t="s">
        <v>14588</v>
      </c>
    </row>
    <row r="15106" spans="1:4" x14ac:dyDescent="0.4">
      <c r="A15106" s="1" t="s">
        <v>14589</v>
      </c>
      <c r="B15106" t="s">
        <v>11981</v>
      </c>
      <c r="C15106" t="s">
        <v>12281</v>
      </c>
      <c r="D15106" t="s">
        <v>14590</v>
      </c>
    </row>
    <row r="15107" spans="1:4" x14ac:dyDescent="0.4">
      <c r="A15107" s="1" t="s">
        <v>14591</v>
      </c>
      <c r="B15107" t="s">
        <v>11981</v>
      </c>
      <c r="C15107" t="s">
        <v>12281</v>
      </c>
      <c r="D15107" t="s">
        <v>14592</v>
      </c>
    </row>
    <row r="15108" spans="1:4" x14ac:dyDescent="0.4">
      <c r="A15108" s="1" t="s">
        <v>14593</v>
      </c>
      <c r="B15108" t="s">
        <v>11981</v>
      </c>
      <c r="C15108" t="s">
        <v>12281</v>
      </c>
      <c r="D15108" t="s">
        <v>14594</v>
      </c>
    </row>
    <row r="15109" spans="1:4" x14ac:dyDescent="0.4">
      <c r="A15109" s="1" t="s">
        <v>14595</v>
      </c>
      <c r="B15109" t="s">
        <v>11981</v>
      </c>
      <c r="C15109" t="s">
        <v>12281</v>
      </c>
      <c r="D15109" t="s">
        <v>14596</v>
      </c>
    </row>
    <row r="15110" spans="1:4" x14ac:dyDescent="0.4">
      <c r="A15110" s="1" t="s">
        <v>14597</v>
      </c>
      <c r="B15110" t="s">
        <v>11981</v>
      </c>
      <c r="C15110" t="s">
        <v>12281</v>
      </c>
      <c r="D15110" t="s">
        <v>14598</v>
      </c>
    </row>
    <row r="15111" spans="1:4" x14ac:dyDescent="0.4">
      <c r="A15111" s="1" t="s">
        <v>14599</v>
      </c>
      <c r="B15111" t="s">
        <v>11981</v>
      </c>
      <c r="C15111" t="s">
        <v>12281</v>
      </c>
      <c r="D15111" t="s">
        <v>14600</v>
      </c>
    </row>
    <row r="15112" spans="1:4" x14ac:dyDescent="0.4">
      <c r="A15112" s="1" t="s">
        <v>14601</v>
      </c>
      <c r="B15112" t="s">
        <v>11981</v>
      </c>
      <c r="C15112" t="s">
        <v>12281</v>
      </c>
      <c r="D15112" t="s">
        <v>14602</v>
      </c>
    </row>
    <row r="15113" spans="1:4" x14ac:dyDescent="0.4">
      <c r="A15113" s="1" t="s">
        <v>14603</v>
      </c>
      <c r="B15113" t="s">
        <v>11981</v>
      </c>
      <c r="C15113" t="s">
        <v>12281</v>
      </c>
      <c r="D15113" t="s">
        <v>14604</v>
      </c>
    </row>
    <row r="15114" spans="1:4" x14ac:dyDescent="0.4">
      <c r="A15114" s="1" t="s">
        <v>14605</v>
      </c>
      <c r="B15114" t="s">
        <v>11981</v>
      </c>
      <c r="C15114" t="s">
        <v>12281</v>
      </c>
      <c r="D15114" t="s">
        <v>14606</v>
      </c>
    </row>
    <row r="15115" spans="1:4" x14ac:dyDescent="0.4">
      <c r="A15115" s="1" t="s">
        <v>14607</v>
      </c>
      <c r="B15115" t="s">
        <v>11981</v>
      </c>
      <c r="C15115" t="s">
        <v>12281</v>
      </c>
      <c r="D15115" t="s">
        <v>14608</v>
      </c>
    </row>
    <row r="15116" spans="1:4" x14ac:dyDescent="0.4">
      <c r="A15116" s="1" t="s">
        <v>14609</v>
      </c>
      <c r="B15116" t="s">
        <v>11981</v>
      </c>
      <c r="C15116" t="s">
        <v>12281</v>
      </c>
      <c r="D15116" t="s">
        <v>14610</v>
      </c>
    </row>
    <row r="15117" spans="1:4" x14ac:dyDescent="0.4">
      <c r="A15117" s="1" t="s">
        <v>14611</v>
      </c>
      <c r="B15117" t="s">
        <v>11981</v>
      </c>
      <c r="C15117" t="s">
        <v>12281</v>
      </c>
      <c r="D15117" t="s">
        <v>14612</v>
      </c>
    </row>
    <row r="15118" spans="1:4" x14ac:dyDescent="0.4">
      <c r="A15118" s="1" t="s">
        <v>14613</v>
      </c>
      <c r="B15118" t="s">
        <v>11981</v>
      </c>
      <c r="C15118" t="s">
        <v>12281</v>
      </c>
      <c r="D15118" t="s">
        <v>14614</v>
      </c>
    </row>
    <row r="15119" spans="1:4" x14ac:dyDescent="0.4">
      <c r="A15119" s="1" t="s">
        <v>14615</v>
      </c>
      <c r="B15119" t="s">
        <v>11981</v>
      </c>
      <c r="C15119" t="s">
        <v>12281</v>
      </c>
      <c r="D15119" t="s">
        <v>14616</v>
      </c>
    </row>
    <row r="15120" spans="1:4" x14ac:dyDescent="0.4">
      <c r="A15120" s="1" t="s">
        <v>14617</v>
      </c>
      <c r="B15120" t="s">
        <v>11981</v>
      </c>
      <c r="C15120" t="s">
        <v>12281</v>
      </c>
      <c r="D15120" t="s">
        <v>14618</v>
      </c>
    </row>
    <row r="15121" spans="1:4" x14ac:dyDescent="0.4">
      <c r="A15121" s="1" t="s">
        <v>14619</v>
      </c>
      <c r="B15121" t="s">
        <v>11981</v>
      </c>
      <c r="C15121" t="s">
        <v>12281</v>
      </c>
      <c r="D15121" t="s">
        <v>14620</v>
      </c>
    </row>
    <row r="15122" spans="1:4" x14ac:dyDescent="0.4">
      <c r="A15122" s="1" t="s">
        <v>14621</v>
      </c>
      <c r="B15122" t="s">
        <v>11981</v>
      </c>
      <c r="C15122" t="s">
        <v>12281</v>
      </c>
      <c r="D15122" t="s">
        <v>14622</v>
      </c>
    </row>
    <row r="15123" spans="1:4" x14ac:dyDescent="0.4">
      <c r="A15123" s="1" t="s">
        <v>14623</v>
      </c>
      <c r="B15123" t="s">
        <v>11981</v>
      </c>
      <c r="C15123" t="s">
        <v>12281</v>
      </c>
      <c r="D15123" t="s">
        <v>14624</v>
      </c>
    </row>
    <row r="15124" spans="1:4" x14ac:dyDescent="0.4">
      <c r="A15124" s="1" t="s">
        <v>14625</v>
      </c>
      <c r="B15124" t="s">
        <v>11981</v>
      </c>
      <c r="C15124" t="s">
        <v>12281</v>
      </c>
      <c r="D15124" t="s">
        <v>14626</v>
      </c>
    </row>
    <row r="15125" spans="1:4" x14ac:dyDescent="0.4">
      <c r="A15125" s="1" t="s">
        <v>14627</v>
      </c>
      <c r="B15125" t="s">
        <v>11981</v>
      </c>
      <c r="C15125" t="s">
        <v>12281</v>
      </c>
      <c r="D15125" t="s">
        <v>14628</v>
      </c>
    </row>
    <row r="15126" spans="1:4" x14ac:dyDescent="0.4">
      <c r="A15126" s="1" t="s">
        <v>14629</v>
      </c>
      <c r="B15126" t="s">
        <v>11981</v>
      </c>
      <c r="C15126" t="s">
        <v>12281</v>
      </c>
      <c r="D15126" t="s">
        <v>14630</v>
      </c>
    </row>
    <row r="15127" spans="1:4" x14ac:dyDescent="0.4">
      <c r="A15127" s="1" t="s">
        <v>14631</v>
      </c>
      <c r="B15127" t="s">
        <v>11981</v>
      </c>
      <c r="C15127" t="s">
        <v>12281</v>
      </c>
      <c r="D15127" t="s">
        <v>14632</v>
      </c>
    </row>
    <row r="15128" spans="1:4" x14ac:dyDescent="0.4">
      <c r="A15128" s="1" t="s">
        <v>14633</v>
      </c>
      <c r="B15128" t="s">
        <v>11981</v>
      </c>
      <c r="C15128" t="s">
        <v>12281</v>
      </c>
      <c r="D15128" t="s">
        <v>14634</v>
      </c>
    </row>
    <row r="15129" spans="1:4" x14ac:dyDescent="0.4">
      <c r="A15129" s="1" t="s">
        <v>14635</v>
      </c>
      <c r="B15129" t="s">
        <v>11981</v>
      </c>
      <c r="C15129" t="s">
        <v>12281</v>
      </c>
      <c r="D15129" t="s">
        <v>14636</v>
      </c>
    </row>
    <row r="15130" spans="1:4" x14ac:dyDescent="0.4">
      <c r="A15130" s="1" t="s">
        <v>14637</v>
      </c>
      <c r="B15130" t="s">
        <v>11981</v>
      </c>
      <c r="C15130" t="s">
        <v>12281</v>
      </c>
      <c r="D15130" t="s">
        <v>14638</v>
      </c>
    </row>
    <row r="15131" spans="1:4" x14ac:dyDescent="0.4">
      <c r="A15131" s="1" t="s">
        <v>14639</v>
      </c>
      <c r="B15131" t="s">
        <v>11981</v>
      </c>
      <c r="C15131" t="s">
        <v>12281</v>
      </c>
      <c r="D15131" t="s">
        <v>14640</v>
      </c>
    </row>
    <row r="15132" spans="1:4" x14ac:dyDescent="0.4">
      <c r="A15132" s="1" t="s">
        <v>14641</v>
      </c>
      <c r="B15132" t="s">
        <v>11981</v>
      </c>
      <c r="C15132" t="s">
        <v>12281</v>
      </c>
      <c r="D15132" t="s">
        <v>14642</v>
      </c>
    </row>
    <row r="15133" spans="1:4" x14ac:dyDescent="0.4">
      <c r="A15133" s="1" t="s">
        <v>14643</v>
      </c>
      <c r="B15133" t="s">
        <v>11981</v>
      </c>
      <c r="C15133" t="s">
        <v>12281</v>
      </c>
      <c r="D15133" t="s">
        <v>14644</v>
      </c>
    </row>
    <row r="15134" spans="1:4" x14ac:dyDescent="0.4">
      <c r="A15134" s="1" t="s">
        <v>14645</v>
      </c>
      <c r="B15134" t="s">
        <v>11981</v>
      </c>
      <c r="C15134" t="s">
        <v>12281</v>
      </c>
      <c r="D15134" t="s">
        <v>14646</v>
      </c>
    </row>
    <row r="15135" spans="1:4" x14ac:dyDescent="0.4">
      <c r="A15135" s="1" t="s">
        <v>14647</v>
      </c>
      <c r="B15135" t="s">
        <v>11981</v>
      </c>
      <c r="C15135" t="s">
        <v>12281</v>
      </c>
      <c r="D15135" t="s">
        <v>14648</v>
      </c>
    </row>
    <row r="15136" spans="1:4" x14ac:dyDescent="0.4">
      <c r="A15136" s="1" t="s">
        <v>14649</v>
      </c>
      <c r="B15136" t="s">
        <v>11981</v>
      </c>
      <c r="C15136" t="s">
        <v>12281</v>
      </c>
      <c r="D15136" t="s">
        <v>14650</v>
      </c>
    </row>
    <row r="15137" spans="1:4" x14ac:dyDescent="0.4">
      <c r="A15137" s="1" t="s">
        <v>14651</v>
      </c>
      <c r="B15137" t="s">
        <v>11981</v>
      </c>
      <c r="C15137" t="s">
        <v>12281</v>
      </c>
      <c r="D15137" t="s">
        <v>14652</v>
      </c>
    </row>
    <row r="15138" spans="1:4" x14ac:dyDescent="0.4">
      <c r="A15138" s="1" t="s">
        <v>14653</v>
      </c>
      <c r="B15138" t="s">
        <v>11981</v>
      </c>
      <c r="C15138" t="s">
        <v>12281</v>
      </c>
      <c r="D15138" t="s">
        <v>14654</v>
      </c>
    </row>
    <row r="15139" spans="1:4" x14ac:dyDescent="0.4">
      <c r="A15139" s="1" t="s">
        <v>14655</v>
      </c>
      <c r="B15139" t="s">
        <v>11981</v>
      </c>
      <c r="C15139" t="s">
        <v>12281</v>
      </c>
      <c r="D15139" t="s">
        <v>14656</v>
      </c>
    </row>
    <row r="15140" spans="1:4" x14ac:dyDescent="0.4">
      <c r="A15140" s="1" t="s">
        <v>14657</v>
      </c>
      <c r="B15140" t="s">
        <v>11981</v>
      </c>
      <c r="C15140" t="s">
        <v>12281</v>
      </c>
      <c r="D15140" t="s">
        <v>14658</v>
      </c>
    </row>
    <row r="15141" spans="1:4" x14ac:dyDescent="0.4">
      <c r="A15141" s="1" t="s">
        <v>14659</v>
      </c>
      <c r="B15141" t="s">
        <v>11981</v>
      </c>
      <c r="C15141" t="s">
        <v>12281</v>
      </c>
      <c r="D15141" t="s">
        <v>14660</v>
      </c>
    </row>
    <row r="15142" spans="1:4" x14ac:dyDescent="0.4">
      <c r="A15142" s="1" t="s">
        <v>14661</v>
      </c>
      <c r="B15142" t="s">
        <v>11981</v>
      </c>
      <c r="C15142" t="s">
        <v>12281</v>
      </c>
      <c r="D15142" t="s">
        <v>14662</v>
      </c>
    </row>
    <row r="15143" spans="1:4" x14ac:dyDescent="0.4">
      <c r="A15143" s="1" t="s">
        <v>14663</v>
      </c>
      <c r="B15143" t="s">
        <v>11981</v>
      </c>
      <c r="C15143" t="s">
        <v>12281</v>
      </c>
      <c r="D15143" t="s">
        <v>14664</v>
      </c>
    </row>
    <row r="15144" spans="1:4" x14ac:dyDescent="0.4">
      <c r="A15144" s="1" t="s">
        <v>14665</v>
      </c>
      <c r="B15144" t="s">
        <v>11981</v>
      </c>
      <c r="C15144" t="s">
        <v>12281</v>
      </c>
      <c r="D15144" t="s">
        <v>14666</v>
      </c>
    </row>
    <row r="15145" spans="1:4" x14ac:dyDescent="0.4">
      <c r="A15145" s="1" t="s">
        <v>14667</v>
      </c>
      <c r="B15145" t="s">
        <v>11981</v>
      </c>
      <c r="C15145" t="s">
        <v>12281</v>
      </c>
      <c r="D15145" t="s">
        <v>14668</v>
      </c>
    </row>
    <row r="15146" spans="1:4" x14ac:dyDescent="0.4">
      <c r="A15146" s="1" t="s">
        <v>14669</v>
      </c>
      <c r="B15146" t="s">
        <v>11981</v>
      </c>
      <c r="C15146" t="s">
        <v>12281</v>
      </c>
      <c r="D15146" t="s">
        <v>14670</v>
      </c>
    </row>
    <row r="15147" spans="1:4" x14ac:dyDescent="0.4">
      <c r="A15147" s="1" t="s">
        <v>14671</v>
      </c>
      <c r="B15147" t="s">
        <v>11981</v>
      </c>
      <c r="C15147" t="s">
        <v>12281</v>
      </c>
      <c r="D15147" t="s">
        <v>14672</v>
      </c>
    </row>
    <row r="15148" spans="1:4" x14ac:dyDescent="0.4">
      <c r="A15148" s="1" t="s">
        <v>14673</v>
      </c>
      <c r="B15148" t="s">
        <v>11981</v>
      </c>
      <c r="C15148" t="s">
        <v>12281</v>
      </c>
      <c r="D15148" t="s">
        <v>14674</v>
      </c>
    </row>
    <row r="15149" spans="1:4" x14ac:dyDescent="0.4">
      <c r="A15149" s="1" t="s">
        <v>14675</v>
      </c>
      <c r="B15149" t="s">
        <v>11981</v>
      </c>
      <c r="C15149" t="s">
        <v>12281</v>
      </c>
      <c r="D15149" t="s">
        <v>14676</v>
      </c>
    </row>
    <row r="15150" spans="1:4" x14ac:dyDescent="0.4">
      <c r="A15150" s="1" t="s">
        <v>14677</v>
      </c>
      <c r="B15150" t="s">
        <v>11981</v>
      </c>
      <c r="C15150" t="s">
        <v>12281</v>
      </c>
      <c r="D15150" t="s">
        <v>14678</v>
      </c>
    </row>
    <row r="15151" spans="1:4" x14ac:dyDescent="0.4">
      <c r="A15151" s="1" t="s">
        <v>14679</v>
      </c>
      <c r="B15151" t="s">
        <v>11981</v>
      </c>
      <c r="C15151" t="s">
        <v>12281</v>
      </c>
      <c r="D15151" t="s">
        <v>14680</v>
      </c>
    </row>
    <row r="15152" spans="1:4" x14ac:dyDescent="0.4">
      <c r="A15152" s="1" t="s">
        <v>14681</v>
      </c>
      <c r="B15152" t="s">
        <v>11981</v>
      </c>
      <c r="C15152" t="s">
        <v>12281</v>
      </c>
      <c r="D15152" t="s">
        <v>14682</v>
      </c>
    </row>
    <row r="15153" spans="1:4" x14ac:dyDescent="0.4">
      <c r="A15153" s="1" t="s">
        <v>14683</v>
      </c>
      <c r="B15153" t="s">
        <v>11981</v>
      </c>
      <c r="C15153" t="s">
        <v>12281</v>
      </c>
      <c r="D15153" t="s">
        <v>14684</v>
      </c>
    </row>
    <row r="15154" spans="1:4" x14ac:dyDescent="0.4">
      <c r="A15154" s="1" t="s">
        <v>14685</v>
      </c>
      <c r="B15154" t="s">
        <v>11981</v>
      </c>
      <c r="C15154" t="s">
        <v>12281</v>
      </c>
      <c r="D15154" t="s">
        <v>14686</v>
      </c>
    </row>
    <row r="15155" spans="1:4" x14ac:dyDescent="0.4">
      <c r="A15155" s="1" t="s">
        <v>14687</v>
      </c>
      <c r="B15155" t="s">
        <v>11981</v>
      </c>
      <c r="C15155" t="s">
        <v>12281</v>
      </c>
      <c r="D15155" t="s">
        <v>14688</v>
      </c>
    </row>
    <row r="15156" spans="1:4" x14ac:dyDescent="0.4">
      <c r="A15156" s="1" t="s">
        <v>14689</v>
      </c>
      <c r="B15156" t="s">
        <v>11981</v>
      </c>
      <c r="C15156" t="s">
        <v>12281</v>
      </c>
      <c r="D15156" t="s">
        <v>14690</v>
      </c>
    </row>
    <row r="15157" spans="1:4" x14ac:dyDescent="0.4">
      <c r="A15157" s="1" t="s">
        <v>14691</v>
      </c>
      <c r="B15157" t="s">
        <v>11981</v>
      </c>
      <c r="C15157" t="s">
        <v>12281</v>
      </c>
      <c r="D15157" t="s">
        <v>14692</v>
      </c>
    </row>
    <row r="15158" spans="1:4" x14ac:dyDescent="0.4">
      <c r="A15158" s="1" t="s">
        <v>14693</v>
      </c>
      <c r="B15158" t="s">
        <v>11981</v>
      </c>
      <c r="C15158" t="s">
        <v>12281</v>
      </c>
      <c r="D15158" t="s">
        <v>14694</v>
      </c>
    </row>
    <row r="15159" spans="1:4" x14ac:dyDescent="0.4">
      <c r="A15159" s="1" t="s">
        <v>14695</v>
      </c>
      <c r="B15159" t="s">
        <v>11981</v>
      </c>
      <c r="C15159" t="s">
        <v>12281</v>
      </c>
      <c r="D15159" t="s">
        <v>14696</v>
      </c>
    </row>
    <row r="15160" spans="1:4" x14ac:dyDescent="0.4">
      <c r="A15160" s="1" t="s">
        <v>14697</v>
      </c>
      <c r="B15160" t="s">
        <v>11981</v>
      </c>
      <c r="C15160" t="s">
        <v>12281</v>
      </c>
      <c r="D15160" t="s">
        <v>14698</v>
      </c>
    </row>
    <row r="15161" spans="1:4" x14ac:dyDescent="0.4">
      <c r="A15161" s="1" t="s">
        <v>14699</v>
      </c>
      <c r="B15161" t="s">
        <v>11981</v>
      </c>
      <c r="C15161" t="s">
        <v>12281</v>
      </c>
      <c r="D15161" t="s">
        <v>14700</v>
      </c>
    </row>
    <row r="15162" spans="1:4" x14ac:dyDescent="0.4">
      <c r="A15162" s="1" t="s">
        <v>14701</v>
      </c>
      <c r="B15162" t="s">
        <v>11981</v>
      </c>
      <c r="C15162" t="s">
        <v>12281</v>
      </c>
      <c r="D15162" t="s">
        <v>14702</v>
      </c>
    </row>
    <row r="15163" spans="1:4" x14ac:dyDescent="0.4">
      <c r="A15163" s="1" t="s">
        <v>14703</v>
      </c>
      <c r="B15163" t="s">
        <v>11981</v>
      </c>
      <c r="C15163" t="s">
        <v>12281</v>
      </c>
      <c r="D15163" t="s">
        <v>14704</v>
      </c>
    </row>
    <row r="15164" spans="1:4" x14ac:dyDescent="0.4">
      <c r="A15164" s="1" t="s">
        <v>14705</v>
      </c>
      <c r="B15164" t="s">
        <v>11981</v>
      </c>
      <c r="C15164" t="s">
        <v>12281</v>
      </c>
      <c r="D15164" t="s">
        <v>14706</v>
      </c>
    </row>
    <row r="15165" spans="1:4" x14ac:dyDescent="0.4">
      <c r="A15165" s="1" t="s">
        <v>14707</v>
      </c>
      <c r="B15165" t="s">
        <v>11981</v>
      </c>
      <c r="C15165" t="s">
        <v>12281</v>
      </c>
      <c r="D15165" t="s">
        <v>185</v>
      </c>
    </row>
    <row r="15166" spans="1:4" x14ac:dyDescent="0.4">
      <c r="A15166" s="1" t="s">
        <v>14708</v>
      </c>
      <c r="B15166" t="s">
        <v>11981</v>
      </c>
      <c r="C15166" t="s">
        <v>12281</v>
      </c>
      <c r="D15166" t="s">
        <v>14709</v>
      </c>
    </row>
    <row r="15167" spans="1:4" x14ac:dyDescent="0.4">
      <c r="A15167" s="1" t="s">
        <v>14710</v>
      </c>
      <c r="B15167" t="s">
        <v>11981</v>
      </c>
      <c r="C15167" t="s">
        <v>12281</v>
      </c>
      <c r="D15167" t="s">
        <v>2212</v>
      </c>
    </row>
    <row r="15168" spans="1:4" x14ac:dyDescent="0.4">
      <c r="A15168" s="1" t="s">
        <v>14711</v>
      </c>
      <c r="B15168" t="s">
        <v>11981</v>
      </c>
      <c r="C15168" t="s">
        <v>12281</v>
      </c>
      <c r="D15168" t="s">
        <v>5378</v>
      </c>
    </row>
    <row r="15169" spans="1:4" x14ac:dyDescent="0.4">
      <c r="A15169" s="1" t="s">
        <v>14712</v>
      </c>
      <c r="B15169" t="s">
        <v>11981</v>
      </c>
      <c r="C15169" t="s">
        <v>12281</v>
      </c>
      <c r="D15169" t="s">
        <v>14713</v>
      </c>
    </row>
    <row r="15170" spans="1:4" x14ac:dyDescent="0.4">
      <c r="A15170" s="1" t="s">
        <v>14714</v>
      </c>
      <c r="B15170" t="s">
        <v>11981</v>
      </c>
      <c r="C15170" t="s">
        <v>12281</v>
      </c>
      <c r="D15170" t="s">
        <v>5571</v>
      </c>
    </row>
    <row r="15171" spans="1:4" x14ac:dyDescent="0.4">
      <c r="A15171" s="1" t="s">
        <v>14715</v>
      </c>
      <c r="B15171" t="s">
        <v>11981</v>
      </c>
      <c r="C15171" t="s">
        <v>12281</v>
      </c>
      <c r="D15171" t="s">
        <v>808</v>
      </c>
    </row>
    <row r="15172" spans="1:4" x14ac:dyDescent="0.4">
      <c r="A15172" s="1" t="s">
        <v>14716</v>
      </c>
      <c r="B15172" t="s">
        <v>11981</v>
      </c>
      <c r="C15172" t="s">
        <v>12281</v>
      </c>
      <c r="D15172" t="s">
        <v>14717</v>
      </c>
    </row>
    <row r="15173" spans="1:4" x14ac:dyDescent="0.4">
      <c r="A15173" s="1" t="s">
        <v>14718</v>
      </c>
      <c r="B15173" t="s">
        <v>11981</v>
      </c>
      <c r="C15173" t="s">
        <v>12281</v>
      </c>
      <c r="D15173" t="s">
        <v>2119</v>
      </c>
    </row>
    <row r="15174" spans="1:4" x14ac:dyDescent="0.4">
      <c r="A15174" s="1" t="s">
        <v>14719</v>
      </c>
      <c r="B15174" t="s">
        <v>11981</v>
      </c>
      <c r="C15174" t="s">
        <v>12281</v>
      </c>
      <c r="D15174" t="s">
        <v>14720</v>
      </c>
    </row>
    <row r="15175" spans="1:4" x14ac:dyDescent="0.4">
      <c r="A15175" s="1" t="s">
        <v>14721</v>
      </c>
      <c r="B15175" t="s">
        <v>11981</v>
      </c>
      <c r="C15175" t="s">
        <v>12281</v>
      </c>
      <c r="D15175" t="s">
        <v>14722</v>
      </c>
    </row>
    <row r="15176" spans="1:4" x14ac:dyDescent="0.4">
      <c r="A15176" s="1" t="s">
        <v>14723</v>
      </c>
      <c r="B15176" t="s">
        <v>11981</v>
      </c>
      <c r="C15176" t="s">
        <v>12281</v>
      </c>
      <c r="D15176" t="s">
        <v>14724</v>
      </c>
    </row>
    <row r="15177" spans="1:4" x14ac:dyDescent="0.4">
      <c r="A15177" s="1" t="s">
        <v>14725</v>
      </c>
      <c r="B15177" t="s">
        <v>11981</v>
      </c>
      <c r="C15177" t="s">
        <v>12281</v>
      </c>
      <c r="D15177" t="s">
        <v>14726</v>
      </c>
    </row>
    <row r="15178" spans="1:4" x14ac:dyDescent="0.4">
      <c r="A15178" s="1" t="s">
        <v>14727</v>
      </c>
      <c r="B15178" t="s">
        <v>11981</v>
      </c>
      <c r="C15178" t="s">
        <v>12281</v>
      </c>
      <c r="D15178" t="s">
        <v>206</v>
      </c>
    </row>
    <row r="15179" spans="1:4" x14ac:dyDescent="0.4">
      <c r="A15179" s="1" t="s">
        <v>14728</v>
      </c>
      <c r="B15179" t="s">
        <v>11981</v>
      </c>
      <c r="C15179" t="s">
        <v>12281</v>
      </c>
      <c r="D15179" t="s">
        <v>14729</v>
      </c>
    </row>
    <row r="15180" spans="1:4" x14ac:dyDescent="0.4">
      <c r="A15180" s="1" t="s">
        <v>14730</v>
      </c>
      <c r="B15180" t="s">
        <v>11981</v>
      </c>
      <c r="C15180" t="s">
        <v>12281</v>
      </c>
      <c r="D15180" t="s">
        <v>9407</v>
      </c>
    </row>
    <row r="15181" spans="1:4" x14ac:dyDescent="0.4">
      <c r="A15181" s="1" t="s">
        <v>14731</v>
      </c>
      <c r="B15181" t="s">
        <v>11981</v>
      </c>
      <c r="C15181" t="s">
        <v>12281</v>
      </c>
      <c r="D15181" t="s">
        <v>14732</v>
      </c>
    </row>
    <row r="15182" spans="1:4" x14ac:dyDescent="0.4">
      <c r="A15182" s="1" t="s">
        <v>14733</v>
      </c>
      <c r="B15182" t="s">
        <v>11981</v>
      </c>
      <c r="C15182" t="s">
        <v>12281</v>
      </c>
      <c r="D15182" t="s">
        <v>6152</v>
      </c>
    </row>
    <row r="15183" spans="1:4" x14ac:dyDescent="0.4">
      <c r="A15183" s="1" t="s">
        <v>14734</v>
      </c>
      <c r="B15183" t="s">
        <v>11981</v>
      </c>
      <c r="C15183" t="s">
        <v>12281</v>
      </c>
      <c r="D15183" t="s">
        <v>14735</v>
      </c>
    </row>
    <row r="15184" spans="1:4" x14ac:dyDescent="0.4">
      <c r="A15184" s="1" t="s">
        <v>14736</v>
      </c>
      <c r="B15184" t="s">
        <v>11981</v>
      </c>
      <c r="C15184" t="s">
        <v>12281</v>
      </c>
      <c r="D15184" t="s">
        <v>506</v>
      </c>
    </row>
    <row r="15185" spans="1:4" x14ac:dyDescent="0.4">
      <c r="A15185" s="1" t="s">
        <v>14737</v>
      </c>
      <c r="B15185" t="s">
        <v>11981</v>
      </c>
      <c r="C15185" t="s">
        <v>12281</v>
      </c>
      <c r="D15185" t="s">
        <v>4708</v>
      </c>
    </row>
    <row r="15186" spans="1:4" x14ac:dyDescent="0.4">
      <c r="A15186" s="1" t="s">
        <v>14738</v>
      </c>
      <c r="B15186" t="s">
        <v>11981</v>
      </c>
      <c r="C15186" t="s">
        <v>12281</v>
      </c>
      <c r="D15186" t="s">
        <v>1615</v>
      </c>
    </row>
    <row r="15187" spans="1:4" x14ac:dyDescent="0.4">
      <c r="A15187" s="1" t="s">
        <v>14739</v>
      </c>
      <c r="B15187" t="s">
        <v>11981</v>
      </c>
      <c r="C15187" t="s">
        <v>12281</v>
      </c>
      <c r="D15187" t="s">
        <v>662</v>
      </c>
    </row>
    <row r="15188" spans="1:4" x14ac:dyDescent="0.4">
      <c r="A15188" s="1" t="s">
        <v>14740</v>
      </c>
      <c r="B15188" t="s">
        <v>11981</v>
      </c>
      <c r="C15188" t="s">
        <v>12281</v>
      </c>
      <c r="D15188" t="s">
        <v>3407</v>
      </c>
    </row>
    <row r="15189" spans="1:4" x14ac:dyDescent="0.4">
      <c r="A15189" s="1" t="s">
        <v>14741</v>
      </c>
      <c r="B15189" t="s">
        <v>11981</v>
      </c>
      <c r="C15189" t="s">
        <v>12281</v>
      </c>
      <c r="D15189" t="s">
        <v>4224</v>
      </c>
    </row>
    <row r="15190" spans="1:4" x14ac:dyDescent="0.4">
      <c r="A15190" s="1" t="s">
        <v>14742</v>
      </c>
      <c r="B15190" t="s">
        <v>11981</v>
      </c>
      <c r="C15190" t="s">
        <v>12281</v>
      </c>
      <c r="D15190" t="s">
        <v>14451</v>
      </c>
    </row>
    <row r="15191" spans="1:4" x14ac:dyDescent="0.4">
      <c r="A15191" s="1" t="s">
        <v>14743</v>
      </c>
      <c r="B15191" t="s">
        <v>11981</v>
      </c>
      <c r="C15191" t="s">
        <v>12281</v>
      </c>
      <c r="D15191" t="s">
        <v>403</v>
      </c>
    </row>
    <row r="15192" spans="1:4" x14ac:dyDescent="0.4">
      <c r="A15192" s="1" t="s">
        <v>14744</v>
      </c>
      <c r="B15192" t="s">
        <v>11981</v>
      </c>
      <c r="C15192" t="s">
        <v>12281</v>
      </c>
      <c r="D15192" t="s">
        <v>14745</v>
      </c>
    </row>
    <row r="15193" spans="1:4" x14ac:dyDescent="0.4">
      <c r="A15193" s="1" t="s">
        <v>14746</v>
      </c>
      <c r="B15193" t="s">
        <v>11981</v>
      </c>
      <c r="C15193" t="s">
        <v>12281</v>
      </c>
      <c r="D15193" t="s">
        <v>3728</v>
      </c>
    </row>
    <row r="15194" spans="1:4" x14ac:dyDescent="0.4">
      <c r="A15194" s="1" t="s">
        <v>14747</v>
      </c>
      <c r="B15194" t="s">
        <v>11981</v>
      </c>
      <c r="C15194" t="s">
        <v>12281</v>
      </c>
      <c r="D15194" t="s">
        <v>14748</v>
      </c>
    </row>
    <row r="15195" spans="1:4" x14ac:dyDescent="0.4">
      <c r="A15195" s="1" t="s">
        <v>14749</v>
      </c>
      <c r="B15195" t="s">
        <v>11981</v>
      </c>
      <c r="C15195" t="s">
        <v>12281</v>
      </c>
      <c r="D15195" t="s">
        <v>5237</v>
      </c>
    </row>
    <row r="15196" spans="1:4" x14ac:dyDescent="0.4">
      <c r="A15196" s="1" t="s">
        <v>14750</v>
      </c>
      <c r="B15196" t="s">
        <v>11981</v>
      </c>
      <c r="C15196" t="s">
        <v>12281</v>
      </c>
      <c r="D15196" t="s">
        <v>14751</v>
      </c>
    </row>
    <row r="15197" spans="1:4" x14ac:dyDescent="0.4">
      <c r="A15197" s="1" t="s">
        <v>14752</v>
      </c>
      <c r="B15197" t="s">
        <v>11981</v>
      </c>
      <c r="C15197" t="s">
        <v>12281</v>
      </c>
      <c r="D15197" t="s">
        <v>14753</v>
      </c>
    </row>
    <row r="15198" spans="1:4" x14ac:dyDescent="0.4">
      <c r="A15198" s="1" t="s">
        <v>14754</v>
      </c>
      <c r="B15198" t="s">
        <v>11981</v>
      </c>
      <c r="C15198" t="s">
        <v>12281</v>
      </c>
      <c r="D15198" t="s">
        <v>14755</v>
      </c>
    </row>
    <row r="15199" spans="1:4" x14ac:dyDescent="0.4">
      <c r="A15199" s="1" t="s">
        <v>14756</v>
      </c>
      <c r="B15199" t="s">
        <v>11981</v>
      </c>
      <c r="C15199" t="s">
        <v>12281</v>
      </c>
      <c r="D15199" t="s">
        <v>14757</v>
      </c>
    </row>
    <row r="15200" spans="1:4" x14ac:dyDescent="0.4">
      <c r="A15200" s="1" t="s">
        <v>14758</v>
      </c>
      <c r="B15200" t="s">
        <v>11981</v>
      </c>
      <c r="C15200" t="s">
        <v>12281</v>
      </c>
      <c r="D15200" t="s">
        <v>14759</v>
      </c>
    </row>
    <row r="15201" spans="1:4" x14ac:dyDescent="0.4">
      <c r="A15201" s="1" t="s">
        <v>14760</v>
      </c>
      <c r="B15201" t="s">
        <v>11981</v>
      </c>
      <c r="C15201" t="s">
        <v>14761</v>
      </c>
    </row>
    <row r="15202" spans="1:4" x14ac:dyDescent="0.4">
      <c r="A15202" s="1" t="s">
        <v>14762</v>
      </c>
      <c r="B15202" t="s">
        <v>11981</v>
      </c>
      <c r="C15202" t="s">
        <v>14761</v>
      </c>
      <c r="D15202" t="s">
        <v>14763</v>
      </c>
    </row>
    <row r="15203" spans="1:4" x14ac:dyDescent="0.4">
      <c r="A15203" s="1" t="s">
        <v>14764</v>
      </c>
      <c r="B15203" t="s">
        <v>11981</v>
      </c>
      <c r="C15203" t="s">
        <v>14761</v>
      </c>
      <c r="D15203" t="s">
        <v>14765</v>
      </c>
    </row>
    <row r="15204" spans="1:4" x14ac:dyDescent="0.4">
      <c r="A15204" s="1" t="s">
        <v>14766</v>
      </c>
      <c r="B15204" t="s">
        <v>11981</v>
      </c>
      <c r="C15204" t="s">
        <v>14761</v>
      </c>
      <c r="D15204" t="s">
        <v>14767</v>
      </c>
    </row>
    <row r="15205" spans="1:4" x14ac:dyDescent="0.4">
      <c r="A15205" s="1" t="s">
        <v>14768</v>
      </c>
      <c r="B15205" t="s">
        <v>11981</v>
      </c>
      <c r="C15205" t="s">
        <v>14761</v>
      </c>
      <c r="D15205" t="s">
        <v>14769</v>
      </c>
    </row>
    <row r="15206" spans="1:4" x14ac:dyDescent="0.4">
      <c r="A15206" s="1" t="s">
        <v>14770</v>
      </c>
      <c r="B15206" t="s">
        <v>11981</v>
      </c>
      <c r="C15206" t="s">
        <v>14761</v>
      </c>
      <c r="D15206" t="s">
        <v>14771</v>
      </c>
    </row>
    <row r="15207" spans="1:4" x14ac:dyDescent="0.4">
      <c r="A15207" s="1" t="s">
        <v>14772</v>
      </c>
      <c r="B15207" t="s">
        <v>11981</v>
      </c>
      <c r="C15207" t="s">
        <v>14761</v>
      </c>
      <c r="D15207" t="s">
        <v>14773</v>
      </c>
    </row>
    <row r="15208" spans="1:4" x14ac:dyDescent="0.4">
      <c r="A15208" s="1" t="s">
        <v>14774</v>
      </c>
      <c r="B15208" t="s">
        <v>11981</v>
      </c>
      <c r="C15208" t="s">
        <v>14761</v>
      </c>
      <c r="D15208" t="s">
        <v>14775</v>
      </c>
    </row>
    <row r="15209" spans="1:4" x14ac:dyDescent="0.4">
      <c r="A15209" s="1" t="s">
        <v>14776</v>
      </c>
      <c r="B15209" t="s">
        <v>11981</v>
      </c>
      <c r="C15209" t="s">
        <v>14761</v>
      </c>
      <c r="D15209" t="s">
        <v>14777</v>
      </c>
    </row>
    <row r="15210" spans="1:4" x14ac:dyDescent="0.4">
      <c r="A15210" s="1" t="s">
        <v>14778</v>
      </c>
      <c r="B15210" t="s">
        <v>11981</v>
      </c>
      <c r="C15210" t="s">
        <v>14761</v>
      </c>
      <c r="D15210" t="s">
        <v>14779</v>
      </c>
    </row>
    <row r="15211" spans="1:4" x14ac:dyDescent="0.4">
      <c r="A15211" s="1" t="s">
        <v>14780</v>
      </c>
      <c r="B15211" t="s">
        <v>11981</v>
      </c>
      <c r="C15211" t="s">
        <v>14761</v>
      </c>
      <c r="D15211" t="s">
        <v>14781</v>
      </c>
    </row>
    <row r="15212" spans="1:4" x14ac:dyDescent="0.4">
      <c r="A15212" s="1" t="s">
        <v>14782</v>
      </c>
      <c r="B15212" t="s">
        <v>11981</v>
      </c>
      <c r="C15212" t="s">
        <v>14783</v>
      </c>
    </row>
    <row r="15213" spans="1:4" x14ac:dyDescent="0.4">
      <c r="A15213" s="1" t="s">
        <v>14784</v>
      </c>
      <c r="B15213" t="s">
        <v>11981</v>
      </c>
      <c r="C15213" t="s">
        <v>14783</v>
      </c>
      <c r="D15213" t="s">
        <v>14785</v>
      </c>
    </row>
    <row r="15214" spans="1:4" x14ac:dyDescent="0.4">
      <c r="A15214" s="1" t="s">
        <v>14786</v>
      </c>
      <c r="B15214" t="s">
        <v>11981</v>
      </c>
      <c r="C15214" t="s">
        <v>14783</v>
      </c>
      <c r="D15214" t="s">
        <v>1526</v>
      </c>
    </row>
    <row r="15215" spans="1:4" x14ac:dyDescent="0.4">
      <c r="A15215" s="1" t="s">
        <v>14787</v>
      </c>
      <c r="B15215" t="s">
        <v>11981</v>
      </c>
      <c r="C15215" t="s">
        <v>14783</v>
      </c>
      <c r="D15215" t="s">
        <v>124</v>
      </c>
    </row>
    <row r="15216" spans="1:4" x14ac:dyDescent="0.4">
      <c r="A15216" s="1" t="s">
        <v>14788</v>
      </c>
      <c r="B15216" t="s">
        <v>11981</v>
      </c>
      <c r="C15216" t="s">
        <v>14783</v>
      </c>
      <c r="D15216" t="s">
        <v>14789</v>
      </c>
    </row>
    <row r="15217" spans="1:4" x14ac:dyDescent="0.4">
      <c r="A15217" s="1" t="s">
        <v>14790</v>
      </c>
      <c r="B15217" t="s">
        <v>11981</v>
      </c>
      <c r="C15217" t="s">
        <v>14783</v>
      </c>
      <c r="D15217" t="s">
        <v>14791</v>
      </c>
    </row>
    <row r="15218" spans="1:4" x14ac:dyDescent="0.4">
      <c r="A15218" s="1" t="s">
        <v>14792</v>
      </c>
      <c r="B15218" t="s">
        <v>11981</v>
      </c>
      <c r="C15218" t="s">
        <v>14783</v>
      </c>
      <c r="D15218" t="s">
        <v>14793</v>
      </c>
    </row>
    <row r="15219" spans="1:4" x14ac:dyDescent="0.4">
      <c r="A15219" s="1" t="s">
        <v>14794</v>
      </c>
      <c r="B15219" t="s">
        <v>11981</v>
      </c>
      <c r="C15219" t="s">
        <v>14783</v>
      </c>
      <c r="D15219" t="s">
        <v>14795</v>
      </c>
    </row>
    <row r="15220" spans="1:4" x14ac:dyDescent="0.4">
      <c r="A15220" s="1" t="s">
        <v>14796</v>
      </c>
      <c r="B15220" t="s">
        <v>11981</v>
      </c>
      <c r="C15220" t="s">
        <v>14783</v>
      </c>
      <c r="D15220" t="s">
        <v>14797</v>
      </c>
    </row>
    <row r="15221" spans="1:4" x14ac:dyDescent="0.4">
      <c r="A15221" s="1" t="s">
        <v>14798</v>
      </c>
      <c r="B15221" t="s">
        <v>11981</v>
      </c>
      <c r="C15221" t="s">
        <v>14783</v>
      </c>
      <c r="D15221" t="s">
        <v>14799</v>
      </c>
    </row>
    <row r="15222" spans="1:4" x14ac:dyDescent="0.4">
      <c r="A15222" s="1" t="s">
        <v>14800</v>
      </c>
      <c r="B15222" t="s">
        <v>11981</v>
      </c>
      <c r="C15222" t="s">
        <v>14783</v>
      </c>
      <c r="D15222" t="s">
        <v>14801</v>
      </c>
    </row>
    <row r="15223" spans="1:4" x14ac:dyDescent="0.4">
      <c r="A15223" s="1" t="s">
        <v>14802</v>
      </c>
      <c r="B15223" t="s">
        <v>11981</v>
      </c>
      <c r="C15223" t="s">
        <v>14783</v>
      </c>
      <c r="D15223" t="s">
        <v>14803</v>
      </c>
    </row>
    <row r="15224" spans="1:4" x14ac:dyDescent="0.4">
      <c r="A15224" s="1" t="s">
        <v>14804</v>
      </c>
      <c r="B15224" t="s">
        <v>11981</v>
      </c>
      <c r="C15224" t="s">
        <v>14783</v>
      </c>
      <c r="D15224" t="s">
        <v>14805</v>
      </c>
    </row>
    <row r="15225" spans="1:4" x14ac:dyDescent="0.4">
      <c r="A15225" s="1" t="s">
        <v>14806</v>
      </c>
      <c r="B15225" t="s">
        <v>11981</v>
      </c>
      <c r="C15225" t="s">
        <v>14783</v>
      </c>
      <c r="D15225" t="s">
        <v>14807</v>
      </c>
    </row>
    <row r="15226" spans="1:4" x14ac:dyDescent="0.4">
      <c r="A15226" s="1" t="s">
        <v>14808</v>
      </c>
      <c r="B15226" t="s">
        <v>11981</v>
      </c>
      <c r="C15226" t="s">
        <v>14783</v>
      </c>
      <c r="D15226" t="s">
        <v>14809</v>
      </c>
    </row>
    <row r="15227" spans="1:4" x14ac:dyDescent="0.4">
      <c r="A15227" s="1" t="s">
        <v>14810</v>
      </c>
      <c r="B15227" t="s">
        <v>11981</v>
      </c>
      <c r="C15227" t="s">
        <v>14783</v>
      </c>
      <c r="D15227" t="s">
        <v>14811</v>
      </c>
    </row>
    <row r="15228" spans="1:4" x14ac:dyDescent="0.4">
      <c r="A15228" s="1" t="s">
        <v>14812</v>
      </c>
      <c r="B15228" t="s">
        <v>11981</v>
      </c>
      <c r="C15228" t="s">
        <v>14783</v>
      </c>
      <c r="D15228" t="s">
        <v>14813</v>
      </c>
    </row>
    <row r="15229" spans="1:4" x14ac:dyDescent="0.4">
      <c r="A15229" s="1" t="s">
        <v>14814</v>
      </c>
      <c r="B15229" t="s">
        <v>11981</v>
      </c>
      <c r="C15229" t="s">
        <v>14783</v>
      </c>
      <c r="D15229" t="s">
        <v>14815</v>
      </c>
    </row>
    <row r="15230" spans="1:4" x14ac:dyDescent="0.4">
      <c r="A15230" s="1" t="s">
        <v>14816</v>
      </c>
      <c r="B15230" t="s">
        <v>11981</v>
      </c>
      <c r="C15230" t="s">
        <v>14783</v>
      </c>
      <c r="D15230" t="s">
        <v>14817</v>
      </c>
    </row>
    <row r="15231" spans="1:4" x14ac:dyDescent="0.4">
      <c r="A15231" s="1" t="s">
        <v>14818</v>
      </c>
      <c r="B15231" t="s">
        <v>11981</v>
      </c>
      <c r="C15231" t="s">
        <v>14783</v>
      </c>
      <c r="D15231" t="s">
        <v>14819</v>
      </c>
    </row>
    <row r="15232" spans="1:4" x14ac:dyDescent="0.4">
      <c r="A15232" s="1" t="s">
        <v>14820</v>
      </c>
      <c r="B15232" t="s">
        <v>11981</v>
      </c>
      <c r="C15232" t="s">
        <v>14783</v>
      </c>
      <c r="D15232" t="s">
        <v>14821</v>
      </c>
    </row>
    <row r="15233" spans="1:4" x14ac:dyDescent="0.4">
      <c r="A15233" s="1" t="s">
        <v>14822</v>
      </c>
      <c r="B15233" t="s">
        <v>11981</v>
      </c>
      <c r="C15233" t="s">
        <v>14783</v>
      </c>
      <c r="D15233" t="s">
        <v>14823</v>
      </c>
    </row>
    <row r="15234" spans="1:4" x14ac:dyDescent="0.4">
      <c r="A15234" s="1" t="s">
        <v>14824</v>
      </c>
      <c r="B15234" t="s">
        <v>11981</v>
      </c>
      <c r="C15234" t="s">
        <v>14783</v>
      </c>
      <c r="D15234" t="s">
        <v>14825</v>
      </c>
    </row>
    <row r="15235" spans="1:4" x14ac:dyDescent="0.4">
      <c r="A15235" s="1" t="s">
        <v>14826</v>
      </c>
      <c r="B15235" t="s">
        <v>11981</v>
      </c>
      <c r="C15235" t="s">
        <v>14783</v>
      </c>
      <c r="D15235" t="s">
        <v>14827</v>
      </c>
    </row>
    <row r="15236" spans="1:4" x14ac:dyDescent="0.4">
      <c r="A15236" s="1" t="s">
        <v>14828</v>
      </c>
      <c r="B15236" t="s">
        <v>11981</v>
      </c>
      <c r="C15236" t="s">
        <v>14783</v>
      </c>
      <c r="D15236" t="s">
        <v>14829</v>
      </c>
    </row>
    <row r="15237" spans="1:4" x14ac:dyDescent="0.4">
      <c r="A15237" s="1" t="s">
        <v>14830</v>
      </c>
      <c r="B15237" t="s">
        <v>11981</v>
      </c>
      <c r="C15237" t="s">
        <v>14783</v>
      </c>
      <c r="D15237" t="s">
        <v>14831</v>
      </c>
    </row>
    <row r="15238" spans="1:4" x14ac:dyDescent="0.4">
      <c r="A15238" s="1" t="s">
        <v>14832</v>
      </c>
      <c r="B15238" t="s">
        <v>11981</v>
      </c>
      <c r="C15238" t="s">
        <v>14783</v>
      </c>
      <c r="D15238" t="s">
        <v>14833</v>
      </c>
    </row>
    <row r="15239" spans="1:4" x14ac:dyDescent="0.4">
      <c r="A15239" s="1" t="s">
        <v>14834</v>
      </c>
      <c r="B15239" t="s">
        <v>11981</v>
      </c>
      <c r="C15239" t="s">
        <v>14783</v>
      </c>
      <c r="D15239" t="s">
        <v>14835</v>
      </c>
    </row>
    <row r="15240" spans="1:4" x14ac:dyDescent="0.4">
      <c r="A15240" s="1" t="s">
        <v>14836</v>
      </c>
      <c r="B15240" t="s">
        <v>11981</v>
      </c>
      <c r="C15240" t="s">
        <v>14783</v>
      </c>
      <c r="D15240" t="s">
        <v>14837</v>
      </c>
    </row>
    <row r="15241" spans="1:4" x14ac:dyDescent="0.4">
      <c r="A15241" s="1" t="s">
        <v>14838</v>
      </c>
      <c r="B15241" t="s">
        <v>11981</v>
      </c>
      <c r="C15241" t="s">
        <v>14783</v>
      </c>
      <c r="D15241" t="s">
        <v>14839</v>
      </c>
    </row>
    <row r="15242" spans="1:4" x14ac:dyDescent="0.4">
      <c r="A15242" s="1" t="s">
        <v>14840</v>
      </c>
      <c r="B15242" t="s">
        <v>11981</v>
      </c>
      <c r="C15242" t="s">
        <v>14783</v>
      </c>
      <c r="D15242" t="s">
        <v>14841</v>
      </c>
    </row>
    <row r="15243" spans="1:4" x14ac:dyDescent="0.4">
      <c r="A15243" s="1" t="s">
        <v>14842</v>
      </c>
      <c r="B15243" t="s">
        <v>11981</v>
      </c>
      <c r="C15243" t="s">
        <v>14783</v>
      </c>
      <c r="D15243" t="s">
        <v>140</v>
      </c>
    </row>
    <row r="15244" spans="1:4" x14ac:dyDescent="0.4">
      <c r="A15244" s="1" t="s">
        <v>14843</v>
      </c>
      <c r="B15244" t="s">
        <v>11981</v>
      </c>
      <c r="C15244" t="s">
        <v>14783</v>
      </c>
      <c r="D15244" t="s">
        <v>14844</v>
      </c>
    </row>
    <row r="15245" spans="1:4" x14ac:dyDescent="0.4">
      <c r="A15245" s="1" t="s">
        <v>14845</v>
      </c>
      <c r="B15245" t="s">
        <v>11981</v>
      </c>
      <c r="C15245" t="s">
        <v>14783</v>
      </c>
      <c r="D15245" t="s">
        <v>14846</v>
      </c>
    </row>
    <row r="15246" spans="1:4" x14ac:dyDescent="0.4">
      <c r="A15246" s="1" t="s">
        <v>14847</v>
      </c>
      <c r="B15246" t="s">
        <v>11981</v>
      </c>
      <c r="C15246" t="s">
        <v>14783</v>
      </c>
      <c r="D15246" t="s">
        <v>14848</v>
      </c>
    </row>
    <row r="15247" spans="1:4" x14ac:dyDescent="0.4">
      <c r="A15247" s="1" t="s">
        <v>14849</v>
      </c>
      <c r="B15247" t="s">
        <v>11981</v>
      </c>
      <c r="C15247" t="s">
        <v>14783</v>
      </c>
      <c r="D15247" t="s">
        <v>14850</v>
      </c>
    </row>
    <row r="15248" spans="1:4" x14ac:dyDescent="0.4">
      <c r="A15248" s="1" t="s">
        <v>14851</v>
      </c>
      <c r="B15248" t="s">
        <v>11981</v>
      </c>
      <c r="C15248" t="s">
        <v>14783</v>
      </c>
      <c r="D15248" t="s">
        <v>14852</v>
      </c>
    </row>
    <row r="15249" spans="1:4" x14ac:dyDescent="0.4">
      <c r="A15249" s="1" t="s">
        <v>14853</v>
      </c>
      <c r="B15249" t="s">
        <v>11981</v>
      </c>
      <c r="C15249" t="s">
        <v>14783</v>
      </c>
      <c r="D15249" t="s">
        <v>6168</v>
      </c>
    </row>
    <row r="15250" spans="1:4" x14ac:dyDescent="0.4">
      <c r="A15250" s="1" t="s">
        <v>14854</v>
      </c>
      <c r="B15250" t="s">
        <v>11981</v>
      </c>
      <c r="C15250" t="s">
        <v>14783</v>
      </c>
      <c r="D15250" t="s">
        <v>14855</v>
      </c>
    </row>
    <row r="15251" spans="1:4" x14ac:dyDescent="0.4">
      <c r="A15251" s="1" t="s">
        <v>14856</v>
      </c>
      <c r="B15251" t="s">
        <v>11981</v>
      </c>
      <c r="C15251" t="s">
        <v>14783</v>
      </c>
      <c r="D15251" t="s">
        <v>14857</v>
      </c>
    </row>
    <row r="15252" spans="1:4" x14ac:dyDescent="0.4">
      <c r="A15252" s="1" t="s">
        <v>14858</v>
      </c>
      <c r="B15252" t="s">
        <v>11981</v>
      </c>
      <c r="C15252" t="s">
        <v>14783</v>
      </c>
      <c r="D15252" t="s">
        <v>4499</v>
      </c>
    </row>
    <row r="15253" spans="1:4" x14ac:dyDescent="0.4">
      <c r="A15253" s="1" t="s">
        <v>14859</v>
      </c>
      <c r="B15253" t="s">
        <v>11981</v>
      </c>
      <c r="C15253" t="s">
        <v>14783</v>
      </c>
      <c r="D15253" t="s">
        <v>5500</v>
      </c>
    </row>
    <row r="15254" spans="1:4" x14ac:dyDescent="0.4">
      <c r="A15254" s="1" t="s">
        <v>14860</v>
      </c>
      <c r="B15254" t="s">
        <v>11981</v>
      </c>
      <c r="C15254" t="s">
        <v>14783</v>
      </c>
      <c r="D15254" t="s">
        <v>14861</v>
      </c>
    </row>
    <row r="15255" spans="1:4" x14ac:dyDescent="0.4">
      <c r="A15255" s="1" t="s">
        <v>14862</v>
      </c>
      <c r="B15255" t="s">
        <v>11981</v>
      </c>
      <c r="C15255" t="s">
        <v>14783</v>
      </c>
      <c r="D15255" t="s">
        <v>13746</v>
      </c>
    </row>
    <row r="15256" spans="1:4" x14ac:dyDescent="0.4">
      <c r="A15256" s="1" t="s">
        <v>14863</v>
      </c>
      <c r="B15256" t="s">
        <v>11981</v>
      </c>
      <c r="C15256" t="s">
        <v>14783</v>
      </c>
      <c r="D15256" t="s">
        <v>14864</v>
      </c>
    </row>
    <row r="15257" spans="1:4" x14ac:dyDescent="0.4">
      <c r="A15257" s="1" t="s">
        <v>14865</v>
      </c>
      <c r="B15257" t="s">
        <v>11981</v>
      </c>
      <c r="C15257" t="s">
        <v>14783</v>
      </c>
      <c r="D15257" t="s">
        <v>14866</v>
      </c>
    </row>
    <row r="15258" spans="1:4" x14ac:dyDescent="0.4">
      <c r="A15258" s="1" t="s">
        <v>14867</v>
      </c>
      <c r="B15258" t="s">
        <v>11981</v>
      </c>
      <c r="C15258" t="s">
        <v>14783</v>
      </c>
      <c r="D15258" t="s">
        <v>14868</v>
      </c>
    </row>
    <row r="15259" spans="1:4" x14ac:dyDescent="0.4">
      <c r="A15259" s="1" t="s">
        <v>14869</v>
      </c>
      <c r="B15259" t="s">
        <v>11981</v>
      </c>
      <c r="C15259" t="s">
        <v>14783</v>
      </c>
      <c r="D15259" t="s">
        <v>2287</v>
      </c>
    </row>
    <row r="15260" spans="1:4" x14ac:dyDescent="0.4">
      <c r="A15260" s="1" t="s">
        <v>14870</v>
      </c>
      <c r="B15260" t="s">
        <v>11981</v>
      </c>
      <c r="C15260" t="s">
        <v>14783</v>
      </c>
      <c r="D15260" t="s">
        <v>14871</v>
      </c>
    </row>
    <row r="15261" spans="1:4" x14ac:dyDescent="0.4">
      <c r="A15261" s="1" t="s">
        <v>14872</v>
      </c>
      <c r="B15261" t="s">
        <v>11981</v>
      </c>
      <c r="C15261" t="s">
        <v>14783</v>
      </c>
      <c r="D15261" t="s">
        <v>14873</v>
      </c>
    </row>
    <row r="15262" spans="1:4" x14ac:dyDescent="0.4">
      <c r="A15262" s="1" t="s">
        <v>14874</v>
      </c>
      <c r="B15262" t="s">
        <v>11981</v>
      </c>
      <c r="C15262" t="s">
        <v>14783</v>
      </c>
      <c r="D15262" t="s">
        <v>14875</v>
      </c>
    </row>
    <row r="15263" spans="1:4" x14ac:dyDescent="0.4">
      <c r="A15263" s="1" t="s">
        <v>14876</v>
      </c>
      <c r="B15263" t="s">
        <v>11981</v>
      </c>
      <c r="C15263" t="s">
        <v>14783</v>
      </c>
      <c r="D15263" t="s">
        <v>14877</v>
      </c>
    </row>
    <row r="15264" spans="1:4" x14ac:dyDescent="0.4">
      <c r="A15264" s="1" t="s">
        <v>14878</v>
      </c>
      <c r="B15264" t="s">
        <v>11981</v>
      </c>
      <c r="C15264" t="s">
        <v>14783</v>
      </c>
      <c r="D15264" t="s">
        <v>14879</v>
      </c>
    </row>
    <row r="15265" spans="1:4" x14ac:dyDescent="0.4">
      <c r="A15265" s="1" t="s">
        <v>14880</v>
      </c>
      <c r="B15265" t="s">
        <v>11981</v>
      </c>
      <c r="C15265" t="s">
        <v>14783</v>
      </c>
      <c r="D15265" t="s">
        <v>14881</v>
      </c>
    </row>
    <row r="15266" spans="1:4" x14ac:dyDescent="0.4">
      <c r="A15266" s="1" t="s">
        <v>14882</v>
      </c>
      <c r="B15266" t="s">
        <v>11981</v>
      </c>
      <c r="C15266" t="s">
        <v>14783</v>
      </c>
      <c r="D15266" t="s">
        <v>14883</v>
      </c>
    </row>
    <row r="15267" spans="1:4" x14ac:dyDescent="0.4">
      <c r="A15267" s="1" t="s">
        <v>14884</v>
      </c>
      <c r="B15267" t="s">
        <v>11981</v>
      </c>
      <c r="C15267" t="s">
        <v>14783</v>
      </c>
      <c r="D15267" t="s">
        <v>14885</v>
      </c>
    </row>
    <row r="15268" spans="1:4" x14ac:dyDescent="0.4">
      <c r="A15268" s="1" t="s">
        <v>14886</v>
      </c>
      <c r="B15268" t="s">
        <v>11981</v>
      </c>
      <c r="C15268" t="s">
        <v>14783</v>
      </c>
      <c r="D15268" t="s">
        <v>240</v>
      </c>
    </row>
    <row r="15269" spans="1:4" x14ac:dyDescent="0.4">
      <c r="A15269" s="1" t="s">
        <v>14887</v>
      </c>
      <c r="B15269" t="s">
        <v>11981</v>
      </c>
      <c r="C15269" t="s">
        <v>14783</v>
      </c>
      <c r="D15269" t="s">
        <v>14888</v>
      </c>
    </row>
    <row r="15270" spans="1:4" x14ac:dyDescent="0.4">
      <c r="A15270" s="1" t="s">
        <v>14889</v>
      </c>
      <c r="B15270" t="s">
        <v>11981</v>
      </c>
      <c r="C15270" t="s">
        <v>14783</v>
      </c>
      <c r="D15270" t="s">
        <v>14890</v>
      </c>
    </row>
    <row r="15271" spans="1:4" x14ac:dyDescent="0.4">
      <c r="A15271" s="1" t="s">
        <v>14891</v>
      </c>
      <c r="B15271" t="s">
        <v>11981</v>
      </c>
      <c r="C15271" t="s">
        <v>14783</v>
      </c>
      <c r="D15271" t="s">
        <v>6133</v>
      </c>
    </row>
    <row r="15272" spans="1:4" x14ac:dyDescent="0.4">
      <c r="A15272" s="1" t="s">
        <v>14892</v>
      </c>
      <c r="B15272" t="s">
        <v>11981</v>
      </c>
      <c r="C15272" t="s">
        <v>14783</v>
      </c>
      <c r="D15272" t="s">
        <v>2312</v>
      </c>
    </row>
    <row r="15273" spans="1:4" x14ac:dyDescent="0.4">
      <c r="A15273" s="1" t="s">
        <v>14893</v>
      </c>
      <c r="B15273" t="s">
        <v>11981</v>
      </c>
      <c r="C15273" t="s">
        <v>14783</v>
      </c>
      <c r="D15273" t="s">
        <v>4252</v>
      </c>
    </row>
    <row r="15274" spans="1:4" x14ac:dyDescent="0.4">
      <c r="A15274" s="1" t="s">
        <v>14894</v>
      </c>
      <c r="B15274" t="s">
        <v>11981</v>
      </c>
      <c r="C15274" t="s">
        <v>14783</v>
      </c>
      <c r="D15274" t="s">
        <v>2016</v>
      </c>
    </row>
    <row r="15275" spans="1:4" x14ac:dyDescent="0.4">
      <c r="A15275" s="1" t="s">
        <v>14895</v>
      </c>
      <c r="B15275" t="s">
        <v>11981</v>
      </c>
      <c r="C15275" t="s">
        <v>14783</v>
      </c>
      <c r="D15275" t="s">
        <v>165</v>
      </c>
    </row>
    <row r="15276" spans="1:4" x14ac:dyDescent="0.4">
      <c r="A15276" s="1" t="s">
        <v>14896</v>
      </c>
      <c r="B15276" t="s">
        <v>11981</v>
      </c>
      <c r="C15276" t="s">
        <v>14783</v>
      </c>
      <c r="D15276" t="s">
        <v>14897</v>
      </c>
    </row>
    <row r="15277" spans="1:4" x14ac:dyDescent="0.4">
      <c r="A15277" s="1" t="s">
        <v>14898</v>
      </c>
      <c r="B15277" t="s">
        <v>11981</v>
      </c>
      <c r="C15277" t="s">
        <v>14783</v>
      </c>
      <c r="D15277" t="s">
        <v>14899</v>
      </c>
    </row>
    <row r="15278" spans="1:4" x14ac:dyDescent="0.4">
      <c r="A15278" s="1" t="s">
        <v>14900</v>
      </c>
      <c r="B15278" t="s">
        <v>11981</v>
      </c>
      <c r="C15278" t="s">
        <v>14783</v>
      </c>
      <c r="D15278" t="s">
        <v>14901</v>
      </c>
    </row>
    <row r="15279" spans="1:4" x14ac:dyDescent="0.4">
      <c r="A15279" s="1" t="s">
        <v>14902</v>
      </c>
      <c r="B15279" t="s">
        <v>11981</v>
      </c>
      <c r="C15279" t="s">
        <v>14783</v>
      </c>
      <c r="D15279" t="s">
        <v>14903</v>
      </c>
    </row>
    <row r="15280" spans="1:4" x14ac:dyDescent="0.4">
      <c r="A15280" s="1" t="s">
        <v>14904</v>
      </c>
      <c r="B15280" t="s">
        <v>11981</v>
      </c>
      <c r="C15280" t="s">
        <v>14783</v>
      </c>
      <c r="D15280" t="s">
        <v>14905</v>
      </c>
    </row>
    <row r="15281" spans="1:4" x14ac:dyDescent="0.4">
      <c r="A15281" s="1" t="s">
        <v>14906</v>
      </c>
      <c r="B15281" t="s">
        <v>11981</v>
      </c>
      <c r="C15281" t="s">
        <v>14783</v>
      </c>
      <c r="D15281" t="s">
        <v>14907</v>
      </c>
    </row>
    <row r="15282" spans="1:4" x14ac:dyDescent="0.4">
      <c r="A15282" s="1" t="s">
        <v>14908</v>
      </c>
      <c r="B15282" t="s">
        <v>11981</v>
      </c>
      <c r="C15282" t="s">
        <v>14783</v>
      </c>
      <c r="D15282" t="s">
        <v>14909</v>
      </c>
    </row>
    <row r="15283" spans="1:4" x14ac:dyDescent="0.4">
      <c r="A15283" s="1" t="s">
        <v>14910</v>
      </c>
      <c r="B15283" t="s">
        <v>11981</v>
      </c>
      <c r="C15283" t="s">
        <v>14783</v>
      </c>
      <c r="D15283" t="s">
        <v>14911</v>
      </c>
    </row>
    <row r="15284" spans="1:4" x14ac:dyDescent="0.4">
      <c r="A15284" s="1" t="s">
        <v>14912</v>
      </c>
      <c r="B15284" t="s">
        <v>11981</v>
      </c>
      <c r="C15284" t="s">
        <v>14783</v>
      </c>
      <c r="D15284" t="s">
        <v>8188</v>
      </c>
    </row>
    <row r="15285" spans="1:4" x14ac:dyDescent="0.4">
      <c r="A15285" s="1" t="s">
        <v>14913</v>
      </c>
      <c r="B15285" t="s">
        <v>11981</v>
      </c>
      <c r="C15285" t="s">
        <v>14783</v>
      </c>
      <c r="D15285" t="s">
        <v>14914</v>
      </c>
    </row>
    <row r="15286" spans="1:4" x14ac:dyDescent="0.4">
      <c r="A15286" s="1" t="s">
        <v>14915</v>
      </c>
      <c r="B15286" t="s">
        <v>11981</v>
      </c>
      <c r="C15286" t="s">
        <v>14783</v>
      </c>
      <c r="D15286" t="s">
        <v>178</v>
      </c>
    </row>
    <row r="15287" spans="1:4" x14ac:dyDescent="0.4">
      <c r="A15287" s="1" t="s">
        <v>14916</v>
      </c>
      <c r="B15287" t="s">
        <v>11981</v>
      </c>
      <c r="C15287" t="s">
        <v>14783</v>
      </c>
      <c r="D15287" t="s">
        <v>3363</v>
      </c>
    </row>
    <row r="15288" spans="1:4" x14ac:dyDescent="0.4">
      <c r="A15288" s="1" t="s">
        <v>14917</v>
      </c>
      <c r="B15288" t="s">
        <v>11981</v>
      </c>
      <c r="C15288" t="s">
        <v>14783</v>
      </c>
      <c r="D15288" t="s">
        <v>3908</v>
      </c>
    </row>
    <row r="15289" spans="1:4" x14ac:dyDescent="0.4">
      <c r="A15289" s="1" t="s">
        <v>14918</v>
      </c>
      <c r="B15289" t="s">
        <v>11981</v>
      </c>
      <c r="C15289" t="s">
        <v>14783</v>
      </c>
      <c r="D15289" t="s">
        <v>1569</v>
      </c>
    </row>
    <row r="15290" spans="1:4" x14ac:dyDescent="0.4">
      <c r="A15290" s="1" t="s">
        <v>14919</v>
      </c>
      <c r="B15290" t="s">
        <v>11981</v>
      </c>
      <c r="C15290" t="s">
        <v>14783</v>
      </c>
      <c r="D15290" t="s">
        <v>3201</v>
      </c>
    </row>
    <row r="15291" spans="1:4" x14ac:dyDescent="0.4">
      <c r="A15291" s="1" t="s">
        <v>14920</v>
      </c>
      <c r="B15291" t="s">
        <v>11981</v>
      </c>
      <c r="C15291" t="s">
        <v>14783</v>
      </c>
      <c r="D15291" t="s">
        <v>9150</v>
      </c>
    </row>
    <row r="15292" spans="1:4" x14ac:dyDescent="0.4">
      <c r="A15292" s="1" t="s">
        <v>14921</v>
      </c>
      <c r="B15292" t="s">
        <v>11981</v>
      </c>
      <c r="C15292" t="s">
        <v>14783</v>
      </c>
      <c r="D15292" t="s">
        <v>3693</v>
      </c>
    </row>
    <row r="15293" spans="1:4" x14ac:dyDescent="0.4">
      <c r="A15293" s="1" t="s">
        <v>14922</v>
      </c>
      <c r="B15293" t="s">
        <v>11981</v>
      </c>
      <c r="C15293" t="s">
        <v>14783</v>
      </c>
      <c r="D15293" t="s">
        <v>1333</v>
      </c>
    </row>
    <row r="15294" spans="1:4" x14ac:dyDescent="0.4">
      <c r="A15294" s="1" t="s">
        <v>14923</v>
      </c>
      <c r="B15294" t="s">
        <v>11981</v>
      </c>
      <c r="C15294" t="s">
        <v>14783</v>
      </c>
      <c r="D15294" t="s">
        <v>14924</v>
      </c>
    </row>
    <row r="15295" spans="1:4" x14ac:dyDescent="0.4">
      <c r="A15295" s="1" t="s">
        <v>14925</v>
      </c>
      <c r="B15295" t="s">
        <v>11981</v>
      </c>
      <c r="C15295" t="s">
        <v>14783</v>
      </c>
      <c r="D15295" t="s">
        <v>14926</v>
      </c>
    </row>
    <row r="15296" spans="1:4" x14ac:dyDescent="0.4">
      <c r="A15296" s="1" t="s">
        <v>14927</v>
      </c>
      <c r="B15296" t="s">
        <v>11981</v>
      </c>
      <c r="C15296" t="s">
        <v>14783</v>
      </c>
      <c r="D15296" t="s">
        <v>14928</v>
      </c>
    </row>
    <row r="15297" spans="1:4" x14ac:dyDescent="0.4">
      <c r="A15297" s="1" t="s">
        <v>14929</v>
      </c>
      <c r="B15297" t="s">
        <v>11981</v>
      </c>
      <c r="C15297" t="s">
        <v>14783</v>
      </c>
      <c r="D15297" t="s">
        <v>14930</v>
      </c>
    </row>
    <row r="15298" spans="1:4" x14ac:dyDescent="0.4">
      <c r="A15298" s="1" t="s">
        <v>14931</v>
      </c>
      <c r="B15298" t="s">
        <v>11981</v>
      </c>
      <c r="C15298" t="s">
        <v>14783</v>
      </c>
      <c r="D15298" t="s">
        <v>14932</v>
      </c>
    </row>
    <row r="15299" spans="1:4" x14ac:dyDescent="0.4">
      <c r="A15299" s="1" t="s">
        <v>14933</v>
      </c>
      <c r="B15299" t="s">
        <v>11981</v>
      </c>
      <c r="C15299" t="s">
        <v>14783</v>
      </c>
      <c r="D15299" t="s">
        <v>14934</v>
      </c>
    </row>
    <row r="15300" spans="1:4" x14ac:dyDescent="0.4">
      <c r="A15300" s="1" t="s">
        <v>14935</v>
      </c>
      <c r="B15300" t="s">
        <v>11981</v>
      </c>
      <c r="C15300" t="s">
        <v>14783</v>
      </c>
      <c r="D15300" t="s">
        <v>14936</v>
      </c>
    </row>
    <row r="15301" spans="1:4" x14ac:dyDescent="0.4">
      <c r="A15301" s="1" t="s">
        <v>14937</v>
      </c>
      <c r="B15301" t="s">
        <v>11981</v>
      </c>
      <c r="C15301" t="s">
        <v>14783</v>
      </c>
      <c r="D15301" t="s">
        <v>14938</v>
      </c>
    </row>
    <row r="15302" spans="1:4" x14ac:dyDescent="0.4">
      <c r="A15302" s="1" t="s">
        <v>14939</v>
      </c>
      <c r="B15302" t="s">
        <v>11981</v>
      </c>
      <c r="C15302" t="s">
        <v>14783</v>
      </c>
      <c r="D15302" t="s">
        <v>14940</v>
      </c>
    </row>
    <row r="15303" spans="1:4" x14ac:dyDescent="0.4">
      <c r="A15303" s="1" t="s">
        <v>14941</v>
      </c>
      <c r="B15303" t="s">
        <v>11981</v>
      </c>
      <c r="C15303" t="s">
        <v>14783</v>
      </c>
      <c r="D15303" t="s">
        <v>14942</v>
      </c>
    </row>
    <row r="15304" spans="1:4" x14ac:dyDescent="0.4">
      <c r="A15304" s="1" t="s">
        <v>14943</v>
      </c>
      <c r="B15304" t="s">
        <v>11981</v>
      </c>
      <c r="C15304" t="s">
        <v>14783</v>
      </c>
      <c r="D15304" t="s">
        <v>14944</v>
      </c>
    </row>
    <row r="15305" spans="1:4" x14ac:dyDescent="0.4">
      <c r="A15305" s="1" t="s">
        <v>14945</v>
      </c>
      <c r="B15305" t="s">
        <v>11981</v>
      </c>
      <c r="C15305" t="s">
        <v>14783</v>
      </c>
      <c r="D15305" t="s">
        <v>14946</v>
      </c>
    </row>
    <row r="15306" spans="1:4" x14ac:dyDescent="0.4">
      <c r="A15306" s="1" t="s">
        <v>14947</v>
      </c>
      <c r="B15306" t="s">
        <v>11981</v>
      </c>
      <c r="C15306" t="s">
        <v>14783</v>
      </c>
      <c r="D15306" t="s">
        <v>14948</v>
      </c>
    </row>
    <row r="15307" spans="1:4" x14ac:dyDescent="0.4">
      <c r="A15307" s="1" t="s">
        <v>14949</v>
      </c>
      <c r="B15307" t="s">
        <v>11981</v>
      </c>
      <c r="C15307" t="s">
        <v>14783</v>
      </c>
      <c r="D15307" t="s">
        <v>14950</v>
      </c>
    </row>
    <row r="15308" spans="1:4" x14ac:dyDescent="0.4">
      <c r="A15308" s="1" t="s">
        <v>14951</v>
      </c>
      <c r="B15308" t="s">
        <v>11981</v>
      </c>
      <c r="C15308" t="s">
        <v>14783</v>
      </c>
      <c r="D15308" t="s">
        <v>14952</v>
      </c>
    </row>
    <row r="15309" spans="1:4" x14ac:dyDescent="0.4">
      <c r="A15309" s="1" t="s">
        <v>14953</v>
      </c>
      <c r="B15309" t="s">
        <v>11981</v>
      </c>
      <c r="C15309" t="s">
        <v>14783</v>
      </c>
      <c r="D15309" t="s">
        <v>14954</v>
      </c>
    </row>
    <row r="15310" spans="1:4" x14ac:dyDescent="0.4">
      <c r="A15310" s="1" t="s">
        <v>14955</v>
      </c>
      <c r="B15310" t="s">
        <v>11981</v>
      </c>
      <c r="C15310" t="s">
        <v>14783</v>
      </c>
      <c r="D15310" t="s">
        <v>14956</v>
      </c>
    </row>
    <row r="15311" spans="1:4" x14ac:dyDescent="0.4">
      <c r="A15311" s="1" t="s">
        <v>14957</v>
      </c>
      <c r="B15311" t="s">
        <v>11981</v>
      </c>
      <c r="C15311" t="s">
        <v>14783</v>
      </c>
      <c r="D15311" t="s">
        <v>14958</v>
      </c>
    </row>
    <row r="15312" spans="1:4" x14ac:dyDescent="0.4">
      <c r="A15312" s="1" t="s">
        <v>14959</v>
      </c>
      <c r="B15312" t="s">
        <v>11981</v>
      </c>
      <c r="C15312" t="s">
        <v>14783</v>
      </c>
      <c r="D15312" t="s">
        <v>14960</v>
      </c>
    </row>
    <row r="15313" spans="1:4" x14ac:dyDescent="0.4">
      <c r="A15313" s="1" t="s">
        <v>14961</v>
      </c>
      <c r="B15313" t="s">
        <v>11981</v>
      </c>
      <c r="C15313" t="s">
        <v>14783</v>
      </c>
      <c r="D15313" t="s">
        <v>14962</v>
      </c>
    </row>
    <row r="15314" spans="1:4" x14ac:dyDescent="0.4">
      <c r="A15314" s="1" t="s">
        <v>14963</v>
      </c>
      <c r="B15314" t="s">
        <v>11981</v>
      </c>
      <c r="C15314" t="s">
        <v>14783</v>
      </c>
      <c r="D15314" t="s">
        <v>14964</v>
      </c>
    </row>
    <row r="15315" spans="1:4" x14ac:dyDescent="0.4">
      <c r="A15315" s="1" t="s">
        <v>14965</v>
      </c>
      <c r="B15315" t="s">
        <v>11981</v>
      </c>
      <c r="C15315" t="s">
        <v>14783</v>
      </c>
      <c r="D15315" t="s">
        <v>14966</v>
      </c>
    </row>
    <row r="15316" spans="1:4" x14ac:dyDescent="0.4">
      <c r="A15316" s="1" t="s">
        <v>14967</v>
      </c>
      <c r="B15316" t="s">
        <v>11981</v>
      </c>
      <c r="C15316" t="s">
        <v>14783</v>
      </c>
      <c r="D15316" t="s">
        <v>14968</v>
      </c>
    </row>
    <row r="15317" spans="1:4" x14ac:dyDescent="0.4">
      <c r="A15317" s="1" t="s">
        <v>14969</v>
      </c>
      <c r="B15317" t="s">
        <v>11981</v>
      </c>
      <c r="C15317" t="s">
        <v>14783</v>
      </c>
      <c r="D15317" t="s">
        <v>14970</v>
      </c>
    </row>
    <row r="15318" spans="1:4" x14ac:dyDescent="0.4">
      <c r="A15318" s="1" t="s">
        <v>14971</v>
      </c>
      <c r="B15318" t="s">
        <v>11981</v>
      </c>
      <c r="C15318" t="s">
        <v>14783</v>
      </c>
      <c r="D15318" t="s">
        <v>14972</v>
      </c>
    </row>
    <row r="15319" spans="1:4" x14ac:dyDescent="0.4">
      <c r="A15319" s="1" t="s">
        <v>14973</v>
      </c>
      <c r="B15319" t="s">
        <v>11981</v>
      </c>
      <c r="C15319" t="s">
        <v>14783</v>
      </c>
      <c r="D15319" t="s">
        <v>14974</v>
      </c>
    </row>
    <row r="15320" spans="1:4" x14ac:dyDescent="0.4">
      <c r="A15320" s="1" t="s">
        <v>14975</v>
      </c>
      <c r="B15320" t="s">
        <v>11981</v>
      </c>
      <c r="C15320" t="s">
        <v>14783</v>
      </c>
      <c r="D15320" t="s">
        <v>14976</v>
      </c>
    </row>
    <row r="15321" spans="1:4" x14ac:dyDescent="0.4">
      <c r="A15321" s="1" t="s">
        <v>14977</v>
      </c>
      <c r="B15321" t="s">
        <v>11981</v>
      </c>
      <c r="C15321" t="s">
        <v>14783</v>
      </c>
      <c r="D15321" t="s">
        <v>14978</v>
      </c>
    </row>
    <row r="15322" spans="1:4" x14ac:dyDescent="0.4">
      <c r="A15322" s="1" t="s">
        <v>14979</v>
      </c>
      <c r="B15322" t="s">
        <v>11981</v>
      </c>
      <c r="C15322" t="s">
        <v>14783</v>
      </c>
      <c r="D15322" t="s">
        <v>14980</v>
      </c>
    </row>
    <row r="15323" spans="1:4" x14ac:dyDescent="0.4">
      <c r="A15323" s="1" t="s">
        <v>14981</v>
      </c>
      <c r="B15323" t="s">
        <v>11981</v>
      </c>
      <c r="C15323" t="s">
        <v>14783</v>
      </c>
      <c r="D15323" t="s">
        <v>14982</v>
      </c>
    </row>
    <row r="15324" spans="1:4" x14ac:dyDescent="0.4">
      <c r="A15324" s="1" t="s">
        <v>14983</v>
      </c>
      <c r="B15324" t="s">
        <v>11981</v>
      </c>
      <c r="C15324" t="s">
        <v>14783</v>
      </c>
      <c r="D15324" t="s">
        <v>14984</v>
      </c>
    </row>
    <row r="15325" spans="1:4" x14ac:dyDescent="0.4">
      <c r="A15325" s="1" t="s">
        <v>14985</v>
      </c>
      <c r="B15325" t="s">
        <v>11981</v>
      </c>
      <c r="C15325" t="s">
        <v>14783</v>
      </c>
      <c r="D15325" t="s">
        <v>14986</v>
      </c>
    </row>
    <row r="15326" spans="1:4" x14ac:dyDescent="0.4">
      <c r="A15326" s="1" t="s">
        <v>14987</v>
      </c>
      <c r="B15326" t="s">
        <v>11981</v>
      </c>
      <c r="C15326" t="s">
        <v>14783</v>
      </c>
      <c r="D15326" t="s">
        <v>14988</v>
      </c>
    </row>
    <row r="15327" spans="1:4" x14ac:dyDescent="0.4">
      <c r="A15327" s="1" t="s">
        <v>14989</v>
      </c>
      <c r="B15327" t="s">
        <v>11981</v>
      </c>
      <c r="C15327" t="s">
        <v>14783</v>
      </c>
      <c r="D15327" t="s">
        <v>14990</v>
      </c>
    </row>
    <row r="15328" spans="1:4" x14ac:dyDescent="0.4">
      <c r="A15328" s="1" t="s">
        <v>14991</v>
      </c>
      <c r="B15328" t="s">
        <v>11981</v>
      </c>
      <c r="C15328" t="s">
        <v>14783</v>
      </c>
      <c r="D15328" t="s">
        <v>14992</v>
      </c>
    </row>
    <row r="15329" spans="1:4" x14ac:dyDescent="0.4">
      <c r="A15329" s="1" t="s">
        <v>14993</v>
      </c>
      <c r="B15329" t="s">
        <v>11981</v>
      </c>
      <c r="C15329" t="s">
        <v>14783</v>
      </c>
      <c r="D15329" t="s">
        <v>14994</v>
      </c>
    </row>
    <row r="15330" spans="1:4" x14ac:dyDescent="0.4">
      <c r="A15330" s="1" t="s">
        <v>14995</v>
      </c>
      <c r="B15330" t="s">
        <v>11981</v>
      </c>
      <c r="C15330" t="s">
        <v>14783</v>
      </c>
      <c r="D15330" t="s">
        <v>14996</v>
      </c>
    </row>
    <row r="15331" spans="1:4" x14ac:dyDescent="0.4">
      <c r="A15331" s="1" t="s">
        <v>14997</v>
      </c>
      <c r="B15331" t="s">
        <v>11981</v>
      </c>
      <c r="C15331" t="s">
        <v>14783</v>
      </c>
      <c r="D15331" t="s">
        <v>14998</v>
      </c>
    </row>
    <row r="15332" spans="1:4" x14ac:dyDescent="0.4">
      <c r="A15332" s="1" t="s">
        <v>14999</v>
      </c>
      <c r="B15332" t="s">
        <v>11981</v>
      </c>
      <c r="C15332" t="s">
        <v>14783</v>
      </c>
      <c r="D15332" t="s">
        <v>15000</v>
      </c>
    </row>
    <row r="15333" spans="1:4" x14ac:dyDescent="0.4">
      <c r="A15333" s="1" t="s">
        <v>15001</v>
      </c>
      <c r="B15333" t="s">
        <v>11981</v>
      </c>
      <c r="C15333" t="s">
        <v>14783</v>
      </c>
      <c r="D15333" t="s">
        <v>15002</v>
      </c>
    </row>
    <row r="15334" spans="1:4" x14ac:dyDescent="0.4">
      <c r="A15334" s="1" t="s">
        <v>15003</v>
      </c>
      <c r="B15334" t="s">
        <v>11981</v>
      </c>
      <c r="C15334" t="s">
        <v>14783</v>
      </c>
      <c r="D15334" t="s">
        <v>15004</v>
      </c>
    </row>
    <row r="15335" spans="1:4" x14ac:dyDescent="0.4">
      <c r="A15335" s="1" t="s">
        <v>15005</v>
      </c>
      <c r="B15335" t="s">
        <v>11981</v>
      </c>
      <c r="C15335" t="s">
        <v>14783</v>
      </c>
      <c r="D15335" t="s">
        <v>802</v>
      </c>
    </row>
    <row r="15336" spans="1:4" x14ac:dyDescent="0.4">
      <c r="A15336" s="1" t="s">
        <v>15006</v>
      </c>
      <c r="B15336" t="s">
        <v>11981</v>
      </c>
      <c r="C15336" t="s">
        <v>14783</v>
      </c>
      <c r="D15336" t="s">
        <v>15007</v>
      </c>
    </row>
    <row r="15337" spans="1:4" x14ac:dyDescent="0.4">
      <c r="A15337" s="1" t="s">
        <v>15008</v>
      </c>
      <c r="B15337" t="s">
        <v>11981</v>
      </c>
      <c r="C15337" t="s">
        <v>14783</v>
      </c>
      <c r="D15337" t="s">
        <v>15009</v>
      </c>
    </row>
    <row r="15338" spans="1:4" x14ac:dyDescent="0.4">
      <c r="A15338" s="1" t="s">
        <v>15010</v>
      </c>
      <c r="B15338" t="s">
        <v>11981</v>
      </c>
      <c r="C15338" t="s">
        <v>14783</v>
      </c>
      <c r="D15338" t="s">
        <v>7716</v>
      </c>
    </row>
    <row r="15339" spans="1:4" x14ac:dyDescent="0.4">
      <c r="A15339" s="1" t="s">
        <v>15011</v>
      </c>
      <c r="B15339" t="s">
        <v>11981</v>
      </c>
      <c r="C15339" t="s">
        <v>14783</v>
      </c>
      <c r="D15339" t="s">
        <v>15012</v>
      </c>
    </row>
    <row r="15340" spans="1:4" x14ac:dyDescent="0.4">
      <c r="A15340" s="1" t="s">
        <v>15013</v>
      </c>
      <c r="B15340" t="s">
        <v>11981</v>
      </c>
      <c r="C15340" t="s">
        <v>14783</v>
      </c>
      <c r="D15340" t="s">
        <v>15014</v>
      </c>
    </row>
    <row r="15341" spans="1:4" x14ac:dyDescent="0.4">
      <c r="A15341" s="1" t="s">
        <v>15015</v>
      </c>
      <c r="B15341" t="s">
        <v>11981</v>
      </c>
      <c r="C15341" t="s">
        <v>14783</v>
      </c>
      <c r="D15341" t="s">
        <v>15016</v>
      </c>
    </row>
    <row r="15342" spans="1:4" x14ac:dyDescent="0.4">
      <c r="A15342" s="1" t="s">
        <v>15017</v>
      </c>
      <c r="B15342" t="s">
        <v>11981</v>
      </c>
      <c r="C15342" t="s">
        <v>14783</v>
      </c>
      <c r="D15342" t="s">
        <v>15018</v>
      </c>
    </row>
    <row r="15343" spans="1:4" x14ac:dyDescent="0.4">
      <c r="A15343" s="1" t="s">
        <v>15019</v>
      </c>
      <c r="B15343" t="s">
        <v>11981</v>
      </c>
      <c r="C15343" t="s">
        <v>14783</v>
      </c>
      <c r="D15343" t="s">
        <v>15020</v>
      </c>
    </row>
    <row r="15344" spans="1:4" x14ac:dyDescent="0.4">
      <c r="A15344" s="1" t="s">
        <v>15021</v>
      </c>
      <c r="B15344" t="s">
        <v>11981</v>
      </c>
      <c r="C15344" t="s">
        <v>14783</v>
      </c>
      <c r="D15344" t="s">
        <v>15022</v>
      </c>
    </row>
    <row r="15345" spans="1:4" x14ac:dyDescent="0.4">
      <c r="A15345" s="1" t="s">
        <v>15023</v>
      </c>
      <c r="B15345" t="s">
        <v>11981</v>
      </c>
      <c r="C15345" t="s">
        <v>14783</v>
      </c>
      <c r="D15345" t="s">
        <v>15024</v>
      </c>
    </row>
    <row r="15346" spans="1:4" x14ac:dyDescent="0.4">
      <c r="A15346" s="1" t="s">
        <v>15025</v>
      </c>
      <c r="B15346" t="s">
        <v>11981</v>
      </c>
      <c r="C15346" t="s">
        <v>14783</v>
      </c>
      <c r="D15346" t="s">
        <v>15026</v>
      </c>
    </row>
    <row r="15347" spans="1:4" x14ac:dyDescent="0.4">
      <c r="A15347" s="1" t="s">
        <v>15027</v>
      </c>
      <c r="B15347" t="s">
        <v>11981</v>
      </c>
      <c r="C15347" t="s">
        <v>14783</v>
      </c>
      <c r="D15347" t="s">
        <v>5406</v>
      </c>
    </row>
    <row r="15348" spans="1:4" x14ac:dyDescent="0.4">
      <c r="A15348" s="1" t="s">
        <v>15028</v>
      </c>
      <c r="B15348" t="s">
        <v>11981</v>
      </c>
      <c r="C15348" t="s">
        <v>14783</v>
      </c>
      <c r="D15348" t="s">
        <v>1928</v>
      </c>
    </row>
    <row r="15349" spans="1:4" x14ac:dyDescent="0.4">
      <c r="A15349" s="1" t="s">
        <v>15029</v>
      </c>
      <c r="B15349" t="s">
        <v>11981</v>
      </c>
      <c r="C15349" t="s">
        <v>14783</v>
      </c>
      <c r="D15349" t="s">
        <v>15030</v>
      </c>
    </row>
    <row r="15350" spans="1:4" x14ac:dyDescent="0.4">
      <c r="A15350" s="1" t="s">
        <v>15031</v>
      </c>
      <c r="B15350" t="s">
        <v>11981</v>
      </c>
      <c r="C15350" t="s">
        <v>14783</v>
      </c>
      <c r="D15350" t="s">
        <v>15032</v>
      </c>
    </row>
    <row r="15351" spans="1:4" x14ac:dyDescent="0.4">
      <c r="A15351" s="1" t="s">
        <v>15033</v>
      </c>
      <c r="B15351" t="s">
        <v>11981</v>
      </c>
      <c r="C15351" t="s">
        <v>14783</v>
      </c>
      <c r="D15351" t="s">
        <v>15034</v>
      </c>
    </row>
    <row r="15352" spans="1:4" x14ac:dyDescent="0.4">
      <c r="A15352" s="1" t="s">
        <v>15035</v>
      </c>
      <c r="B15352" t="s">
        <v>11981</v>
      </c>
      <c r="C15352" t="s">
        <v>14783</v>
      </c>
      <c r="D15352" t="s">
        <v>15036</v>
      </c>
    </row>
    <row r="15353" spans="1:4" x14ac:dyDescent="0.4">
      <c r="A15353" s="1" t="s">
        <v>15037</v>
      </c>
      <c r="B15353" t="s">
        <v>11981</v>
      </c>
      <c r="C15353" t="s">
        <v>14783</v>
      </c>
      <c r="D15353" t="s">
        <v>389</v>
      </c>
    </row>
    <row r="15354" spans="1:4" x14ac:dyDescent="0.4">
      <c r="A15354" s="1" t="s">
        <v>15038</v>
      </c>
      <c r="B15354" t="s">
        <v>11981</v>
      </c>
      <c r="C15354" t="s">
        <v>14783</v>
      </c>
      <c r="D15354" t="s">
        <v>7562</v>
      </c>
    </row>
    <row r="15355" spans="1:4" x14ac:dyDescent="0.4">
      <c r="A15355" s="1" t="s">
        <v>15039</v>
      </c>
      <c r="B15355" t="s">
        <v>11981</v>
      </c>
      <c r="C15355" t="s">
        <v>14783</v>
      </c>
      <c r="D15355" t="s">
        <v>15040</v>
      </c>
    </row>
    <row r="15356" spans="1:4" x14ac:dyDescent="0.4">
      <c r="A15356" s="1" t="s">
        <v>15041</v>
      </c>
      <c r="B15356" t="s">
        <v>11981</v>
      </c>
      <c r="C15356" t="s">
        <v>14783</v>
      </c>
      <c r="D15356" t="s">
        <v>15042</v>
      </c>
    </row>
    <row r="15357" spans="1:4" x14ac:dyDescent="0.4">
      <c r="A15357" s="1" t="s">
        <v>15043</v>
      </c>
      <c r="B15357" t="s">
        <v>11981</v>
      </c>
      <c r="C15357" t="s">
        <v>14783</v>
      </c>
      <c r="D15357" t="s">
        <v>15044</v>
      </c>
    </row>
    <row r="15358" spans="1:4" x14ac:dyDescent="0.4">
      <c r="A15358" s="1" t="s">
        <v>15045</v>
      </c>
      <c r="B15358" t="s">
        <v>11981</v>
      </c>
      <c r="C15358" t="s">
        <v>14783</v>
      </c>
      <c r="D15358" t="s">
        <v>8341</v>
      </c>
    </row>
    <row r="15359" spans="1:4" x14ac:dyDescent="0.4">
      <c r="A15359" s="1" t="s">
        <v>15046</v>
      </c>
      <c r="B15359" t="s">
        <v>11981</v>
      </c>
      <c r="C15359" t="s">
        <v>14783</v>
      </c>
      <c r="D15359" t="s">
        <v>11194</v>
      </c>
    </row>
    <row r="15360" spans="1:4" x14ac:dyDescent="0.4">
      <c r="A15360" s="1" t="s">
        <v>15047</v>
      </c>
      <c r="B15360" t="s">
        <v>11981</v>
      </c>
      <c r="C15360" t="s">
        <v>14783</v>
      </c>
      <c r="D15360" t="s">
        <v>15048</v>
      </c>
    </row>
    <row r="15361" spans="1:4" x14ac:dyDescent="0.4">
      <c r="A15361" s="1" t="s">
        <v>15049</v>
      </c>
      <c r="B15361" t="s">
        <v>11981</v>
      </c>
      <c r="C15361" t="s">
        <v>14783</v>
      </c>
      <c r="D15361" t="s">
        <v>15050</v>
      </c>
    </row>
    <row r="15362" spans="1:4" x14ac:dyDescent="0.4">
      <c r="A15362" s="1" t="s">
        <v>15051</v>
      </c>
      <c r="B15362" t="s">
        <v>11981</v>
      </c>
      <c r="C15362" t="s">
        <v>14783</v>
      </c>
      <c r="D15362" t="s">
        <v>15052</v>
      </c>
    </row>
    <row r="15363" spans="1:4" x14ac:dyDescent="0.4">
      <c r="A15363" s="1" t="s">
        <v>15053</v>
      </c>
      <c r="B15363" t="s">
        <v>11981</v>
      </c>
      <c r="C15363" t="s">
        <v>14783</v>
      </c>
      <c r="D15363" t="s">
        <v>15054</v>
      </c>
    </row>
    <row r="15364" spans="1:4" x14ac:dyDescent="0.4">
      <c r="A15364" s="1" t="s">
        <v>15055</v>
      </c>
      <c r="B15364" t="s">
        <v>11981</v>
      </c>
      <c r="C15364" t="s">
        <v>14783</v>
      </c>
      <c r="D15364" t="s">
        <v>15056</v>
      </c>
    </row>
    <row r="15365" spans="1:4" x14ac:dyDescent="0.4">
      <c r="A15365" s="1" t="s">
        <v>15057</v>
      </c>
      <c r="B15365" t="s">
        <v>11981</v>
      </c>
      <c r="C15365" t="s">
        <v>14783</v>
      </c>
      <c r="D15365" t="s">
        <v>15058</v>
      </c>
    </row>
    <row r="15366" spans="1:4" x14ac:dyDescent="0.4">
      <c r="A15366" s="1" t="s">
        <v>15059</v>
      </c>
      <c r="B15366" t="s">
        <v>11981</v>
      </c>
      <c r="C15366" t="s">
        <v>14783</v>
      </c>
      <c r="D15366" t="s">
        <v>13042</v>
      </c>
    </row>
    <row r="15367" spans="1:4" x14ac:dyDescent="0.4">
      <c r="A15367" s="1" t="s">
        <v>15060</v>
      </c>
      <c r="B15367" t="s">
        <v>11981</v>
      </c>
      <c r="C15367" t="s">
        <v>14783</v>
      </c>
      <c r="D15367" t="s">
        <v>15061</v>
      </c>
    </row>
    <row r="15368" spans="1:4" x14ac:dyDescent="0.4">
      <c r="A15368" s="1" t="s">
        <v>15062</v>
      </c>
      <c r="B15368" t="s">
        <v>11981</v>
      </c>
      <c r="C15368" t="s">
        <v>14783</v>
      </c>
      <c r="D15368" t="s">
        <v>15063</v>
      </c>
    </row>
    <row r="15369" spans="1:4" x14ac:dyDescent="0.4">
      <c r="A15369" s="1" t="s">
        <v>15064</v>
      </c>
      <c r="B15369" t="s">
        <v>11981</v>
      </c>
      <c r="C15369" t="s">
        <v>14783</v>
      </c>
      <c r="D15369" t="s">
        <v>15065</v>
      </c>
    </row>
    <row r="15370" spans="1:4" x14ac:dyDescent="0.4">
      <c r="A15370" s="1" t="s">
        <v>15066</v>
      </c>
      <c r="B15370" t="s">
        <v>11981</v>
      </c>
      <c r="C15370" t="s">
        <v>14783</v>
      </c>
      <c r="D15370" t="s">
        <v>8673</v>
      </c>
    </row>
    <row r="15371" spans="1:4" x14ac:dyDescent="0.4">
      <c r="A15371" s="1" t="s">
        <v>15067</v>
      </c>
      <c r="B15371" t="s">
        <v>11981</v>
      </c>
      <c r="C15371" t="s">
        <v>14783</v>
      </c>
      <c r="D15371" t="s">
        <v>15068</v>
      </c>
    </row>
    <row r="15372" spans="1:4" x14ac:dyDescent="0.4">
      <c r="A15372" s="1" t="s">
        <v>15069</v>
      </c>
      <c r="B15372" t="s">
        <v>11981</v>
      </c>
      <c r="C15372" t="s">
        <v>14783</v>
      </c>
      <c r="D15372" t="s">
        <v>15070</v>
      </c>
    </row>
    <row r="15373" spans="1:4" x14ac:dyDescent="0.4">
      <c r="A15373" s="1" t="s">
        <v>15071</v>
      </c>
      <c r="B15373" t="s">
        <v>11981</v>
      </c>
      <c r="C15373" t="s">
        <v>14783</v>
      </c>
      <c r="D15373" t="s">
        <v>219</v>
      </c>
    </row>
    <row r="15374" spans="1:4" x14ac:dyDescent="0.4">
      <c r="A15374" s="1" t="s">
        <v>15072</v>
      </c>
      <c r="B15374" t="s">
        <v>11981</v>
      </c>
      <c r="C15374" t="s">
        <v>15073</v>
      </c>
    </row>
    <row r="15375" spans="1:4" x14ac:dyDescent="0.4">
      <c r="A15375" s="1" t="s">
        <v>15074</v>
      </c>
      <c r="B15375" t="s">
        <v>11981</v>
      </c>
      <c r="C15375" t="s">
        <v>15073</v>
      </c>
      <c r="D15375" t="s">
        <v>15075</v>
      </c>
    </row>
    <row r="15376" spans="1:4" x14ac:dyDescent="0.4">
      <c r="A15376" s="1" t="s">
        <v>15076</v>
      </c>
      <c r="B15376" t="s">
        <v>11981</v>
      </c>
      <c r="C15376" t="s">
        <v>15073</v>
      </c>
      <c r="D15376" t="s">
        <v>7459</v>
      </c>
    </row>
    <row r="15377" spans="1:4" x14ac:dyDescent="0.4">
      <c r="A15377" s="1" t="s">
        <v>15077</v>
      </c>
      <c r="B15377" t="s">
        <v>11981</v>
      </c>
      <c r="C15377" t="s">
        <v>15073</v>
      </c>
      <c r="D15377" t="s">
        <v>15078</v>
      </c>
    </row>
    <row r="15378" spans="1:4" x14ac:dyDescent="0.4">
      <c r="A15378" s="1" t="s">
        <v>15079</v>
      </c>
      <c r="B15378" t="s">
        <v>11981</v>
      </c>
      <c r="C15378" t="s">
        <v>15073</v>
      </c>
      <c r="D15378" t="s">
        <v>15080</v>
      </c>
    </row>
    <row r="15379" spans="1:4" x14ac:dyDescent="0.4">
      <c r="A15379" s="1" t="s">
        <v>15081</v>
      </c>
      <c r="B15379" t="s">
        <v>11981</v>
      </c>
      <c r="C15379" t="s">
        <v>15073</v>
      </c>
      <c r="D15379" t="s">
        <v>15082</v>
      </c>
    </row>
    <row r="15380" spans="1:4" x14ac:dyDescent="0.4">
      <c r="A15380" s="1" t="s">
        <v>15083</v>
      </c>
      <c r="B15380" t="s">
        <v>11981</v>
      </c>
      <c r="C15380" t="s">
        <v>15073</v>
      </c>
      <c r="D15380" t="s">
        <v>131</v>
      </c>
    </row>
    <row r="15381" spans="1:4" x14ac:dyDescent="0.4">
      <c r="A15381" s="1" t="s">
        <v>15084</v>
      </c>
      <c r="B15381" t="s">
        <v>11981</v>
      </c>
      <c r="C15381" t="s">
        <v>15073</v>
      </c>
      <c r="D15381" t="s">
        <v>15085</v>
      </c>
    </row>
    <row r="15382" spans="1:4" x14ac:dyDescent="0.4">
      <c r="A15382" s="1" t="s">
        <v>15086</v>
      </c>
      <c r="B15382" t="s">
        <v>11981</v>
      </c>
      <c r="C15382" t="s">
        <v>15073</v>
      </c>
      <c r="D15382" t="s">
        <v>15087</v>
      </c>
    </row>
    <row r="15383" spans="1:4" x14ac:dyDescent="0.4">
      <c r="A15383" s="1" t="s">
        <v>15088</v>
      </c>
      <c r="B15383" t="s">
        <v>11981</v>
      </c>
      <c r="C15383" t="s">
        <v>15073</v>
      </c>
      <c r="D15383" t="s">
        <v>15089</v>
      </c>
    </row>
    <row r="15384" spans="1:4" x14ac:dyDescent="0.4">
      <c r="A15384" s="1" t="s">
        <v>15090</v>
      </c>
      <c r="B15384" t="s">
        <v>11981</v>
      </c>
      <c r="C15384" t="s">
        <v>15073</v>
      </c>
      <c r="D15384" t="s">
        <v>15091</v>
      </c>
    </row>
    <row r="15385" spans="1:4" x14ac:dyDescent="0.4">
      <c r="A15385" s="1" t="s">
        <v>15092</v>
      </c>
      <c r="B15385" t="s">
        <v>11981</v>
      </c>
      <c r="C15385" t="s">
        <v>15073</v>
      </c>
      <c r="D15385" t="s">
        <v>14844</v>
      </c>
    </row>
    <row r="15386" spans="1:4" x14ac:dyDescent="0.4">
      <c r="A15386" s="1" t="s">
        <v>15093</v>
      </c>
      <c r="B15386" t="s">
        <v>11981</v>
      </c>
      <c r="C15386" t="s">
        <v>15073</v>
      </c>
      <c r="D15386" t="s">
        <v>15094</v>
      </c>
    </row>
    <row r="15387" spans="1:4" x14ac:dyDescent="0.4">
      <c r="A15387" s="1" t="s">
        <v>15095</v>
      </c>
      <c r="B15387" t="s">
        <v>11981</v>
      </c>
      <c r="C15387" t="s">
        <v>15073</v>
      </c>
      <c r="D15387" t="s">
        <v>15096</v>
      </c>
    </row>
    <row r="15388" spans="1:4" x14ac:dyDescent="0.4">
      <c r="A15388" s="1" t="s">
        <v>15097</v>
      </c>
      <c r="B15388" t="s">
        <v>11981</v>
      </c>
      <c r="C15388" t="s">
        <v>15073</v>
      </c>
      <c r="D15388" t="s">
        <v>4817</v>
      </c>
    </row>
    <row r="15389" spans="1:4" x14ac:dyDescent="0.4">
      <c r="A15389" s="1" t="s">
        <v>15098</v>
      </c>
      <c r="B15389" t="s">
        <v>11981</v>
      </c>
      <c r="C15389" t="s">
        <v>15073</v>
      </c>
      <c r="D15389" t="s">
        <v>15099</v>
      </c>
    </row>
    <row r="15390" spans="1:4" x14ac:dyDescent="0.4">
      <c r="A15390" s="1" t="s">
        <v>15100</v>
      </c>
      <c r="B15390" t="s">
        <v>11981</v>
      </c>
      <c r="C15390" t="s">
        <v>15073</v>
      </c>
      <c r="D15390" t="s">
        <v>15101</v>
      </c>
    </row>
    <row r="15391" spans="1:4" x14ac:dyDescent="0.4">
      <c r="A15391" s="1" t="s">
        <v>15102</v>
      </c>
      <c r="B15391" t="s">
        <v>11981</v>
      </c>
      <c r="C15391" t="s">
        <v>15073</v>
      </c>
      <c r="D15391" t="s">
        <v>6039</v>
      </c>
    </row>
    <row r="15392" spans="1:4" x14ac:dyDescent="0.4">
      <c r="A15392" s="1" t="s">
        <v>15103</v>
      </c>
      <c r="B15392" t="s">
        <v>11981</v>
      </c>
      <c r="C15392" t="s">
        <v>15073</v>
      </c>
      <c r="D15392" t="s">
        <v>15104</v>
      </c>
    </row>
    <row r="15393" spans="1:4" x14ac:dyDescent="0.4">
      <c r="A15393" s="1" t="s">
        <v>15105</v>
      </c>
      <c r="B15393" t="s">
        <v>11981</v>
      </c>
      <c r="C15393" t="s">
        <v>15073</v>
      </c>
      <c r="D15393" t="s">
        <v>15106</v>
      </c>
    </row>
    <row r="15394" spans="1:4" x14ac:dyDescent="0.4">
      <c r="A15394" s="1" t="s">
        <v>15107</v>
      </c>
      <c r="B15394" t="s">
        <v>11981</v>
      </c>
      <c r="C15394" t="s">
        <v>15073</v>
      </c>
      <c r="D15394" t="s">
        <v>15108</v>
      </c>
    </row>
    <row r="15395" spans="1:4" x14ac:dyDescent="0.4">
      <c r="A15395" s="1" t="s">
        <v>15109</v>
      </c>
      <c r="B15395" t="s">
        <v>11981</v>
      </c>
      <c r="C15395" t="s">
        <v>15073</v>
      </c>
      <c r="D15395" t="s">
        <v>15110</v>
      </c>
    </row>
    <row r="15396" spans="1:4" x14ac:dyDescent="0.4">
      <c r="A15396" s="1" t="s">
        <v>15111</v>
      </c>
      <c r="B15396" t="s">
        <v>11981</v>
      </c>
      <c r="C15396" t="s">
        <v>15073</v>
      </c>
      <c r="D15396" t="s">
        <v>15112</v>
      </c>
    </row>
    <row r="15397" spans="1:4" x14ac:dyDescent="0.4">
      <c r="A15397" s="1" t="s">
        <v>15113</v>
      </c>
      <c r="B15397" t="s">
        <v>11981</v>
      </c>
      <c r="C15397" t="s">
        <v>15073</v>
      </c>
      <c r="D15397" t="s">
        <v>4335</v>
      </c>
    </row>
    <row r="15398" spans="1:4" x14ac:dyDescent="0.4">
      <c r="A15398" s="1" t="s">
        <v>15114</v>
      </c>
      <c r="B15398" t="s">
        <v>11981</v>
      </c>
      <c r="C15398" t="s">
        <v>15073</v>
      </c>
      <c r="D15398" t="s">
        <v>15115</v>
      </c>
    </row>
    <row r="15399" spans="1:4" x14ac:dyDescent="0.4">
      <c r="A15399" s="1" t="s">
        <v>15116</v>
      </c>
      <c r="B15399" t="s">
        <v>11981</v>
      </c>
      <c r="C15399" t="s">
        <v>15073</v>
      </c>
      <c r="D15399" t="s">
        <v>15117</v>
      </c>
    </row>
    <row r="15400" spans="1:4" x14ac:dyDescent="0.4">
      <c r="A15400" s="1" t="s">
        <v>15118</v>
      </c>
      <c r="B15400" t="s">
        <v>11981</v>
      </c>
      <c r="C15400" t="s">
        <v>15073</v>
      </c>
      <c r="D15400" t="s">
        <v>72</v>
      </c>
    </row>
    <row r="15401" spans="1:4" x14ac:dyDescent="0.4">
      <c r="A15401" s="1" t="s">
        <v>15119</v>
      </c>
      <c r="B15401" t="s">
        <v>11981</v>
      </c>
      <c r="C15401" t="s">
        <v>15073</v>
      </c>
      <c r="D15401" t="s">
        <v>15120</v>
      </c>
    </row>
    <row r="15402" spans="1:4" x14ac:dyDescent="0.4">
      <c r="A15402" s="1" t="s">
        <v>15121</v>
      </c>
      <c r="B15402" t="s">
        <v>11981</v>
      </c>
      <c r="C15402" t="s">
        <v>15073</v>
      </c>
      <c r="D15402" t="s">
        <v>15122</v>
      </c>
    </row>
    <row r="15403" spans="1:4" x14ac:dyDescent="0.4">
      <c r="A15403" s="1" t="s">
        <v>15123</v>
      </c>
      <c r="B15403" t="s">
        <v>11981</v>
      </c>
      <c r="C15403" t="s">
        <v>15073</v>
      </c>
      <c r="D15403" t="s">
        <v>15124</v>
      </c>
    </row>
    <row r="15404" spans="1:4" x14ac:dyDescent="0.4">
      <c r="A15404" s="1" t="s">
        <v>15125</v>
      </c>
      <c r="B15404" t="s">
        <v>11981</v>
      </c>
      <c r="C15404" t="s">
        <v>15073</v>
      </c>
      <c r="D15404" t="s">
        <v>15126</v>
      </c>
    </row>
    <row r="15405" spans="1:4" x14ac:dyDescent="0.4">
      <c r="A15405" s="1" t="s">
        <v>15127</v>
      </c>
      <c r="B15405" t="s">
        <v>11981</v>
      </c>
      <c r="C15405" t="s">
        <v>15073</v>
      </c>
      <c r="D15405" t="s">
        <v>15128</v>
      </c>
    </row>
    <row r="15406" spans="1:4" x14ac:dyDescent="0.4">
      <c r="A15406" s="1" t="s">
        <v>15129</v>
      </c>
      <c r="B15406" t="s">
        <v>11981</v>
      </c>
      <c r="C15406" t="s">
        <v>15073</v>
      </c>
      <c r="D15406" t="s">
        <v>15130</v>
      </c>
    </row>
    <row r="15407" spans="1:4" x14ac:dyDescent="0.4">
      <c r="A15407" s="1" t="s">
        <v>15131</v>
      </c>
      <c r="B15407" t="s">
        <v>11981</v>
      </c>
      <c r="C15407" t="s">
        <v>15073</v>
      </c>
      <c r="D15407" t="s">
        <v>1569</v>
      </c>
    </row>
    <row r="15408" spans="1:4" x14ac:dyDescent="0.4">
      <c r="A15408" s="1" t="s">
        <v>15132</v>
      </c>
      <c r="B15408" t="s">
        <v>11981</v>
      </c>
      <c r="C15408" t="s">
        <v>15073</v>
      </c>
      <c r="D15408" t="s">
        <v>867</v>
      </c>
    </row>
    <row r="15409" spans="1:4" x14ac:dyDescent="0.4">
      <c r="A15409" s="1" t="s">
        <v>15133</v>
      </c>
      <c r="B15409" t="s">
        <v>11981</v>
      </c>
      <c r="C15409" t="s">
        <v>15073</v>
      </c>
      <c r="D15409" t="s">
        <v>15134</v>
      </c>
    </row>
    <row r="15410" spans="1:4" x14ac:dyDescent="0.4">
      <c r="A15410" s="1" t="s">
        <v>15135</v>
      </c>
      <c r="B15410" t="s">
        <v>11981</v>
      </c>
      <c r="C15410" t="s">
        <v>15073</v>
      </c>
      <c r="D15410" t="s">
        <v>3863</v>
      </c>
    </row>
    <row r="15411" spans="1:4" x14ac:dyDescent="0.4">
      <c r="A15411" s="1" t="s">
        <v>15136</v>
      </c>
      <c r="B15411" t="s">
        <v>11981</v>
      </c>
      <c r="C15411" t="s">
        <v>15073</v>
      </c>
      <c r="D15411" t="s">
        <v>23</v>
      </c>
    </row>
    <row r="15412" spans="1:4" x14ac:dyDescent="0.4">
      <c r="A15412" s="1" t="s">
        <v>15137</v>
      </c>
      <c r="B15412" t="s">
        <v>11981</v>
      </c>
      <c r="C15412" t="s">
        <v>15073</v>
      </c>
      <c r="D15412" t="s">
        <v>15138</v>
      </c>
    </row>
    <row r="15413" spans="1:4" x14ac:dyDescent="0.4">
      <c r="A15413" s="1" t="s">
        <v>15139</v>
      </c>
      <c r="B15413" t="s">
        <v>11981</v>
      </c>
      <c r="C15413" t="s">
        <v>15073</v>
      </c>
      <c r="D15413" t="s">
        <v>7716</v>
      </c>
    </row>
    <row r="15414" spans="1:4" x14ac:dyDescent="0.4">
      <c r="A15414" s="1" t="s">
        <v>15140</v>
      </c>
      <c r="B15414" t="s">
        <v>11981</v>
      </c>
      <c r="C15414" t="s">
        <v>15073</v>
      </c>
      <c r="D15414" t="s">
        <v>15141</v>
      </c>
    </row>
    <row r="15415" spans="1:4" x14ac:dyDescent="0.4">
      <c r="A15415" s="1" t="s">
        <v>15142</v>
      </c>
      <c r="B15415" t="s">
        <v>11981</v>
      </c>
      <c r="C15415" t="s">
        <v>15073</v>
      </c>
      <c r="D15415" t="s">
        <v>15143</v>
      </c>
    </row>
    <row r="15416" spans="1:4" x14ac:dyDescent="0.4">
      <c r="A15416" s="1" t="s">
        <v>15144</v>
      </c>
      <c r="B15416" t="s">
        <v>11981</v>
      </c>
      <c r="C15416" t="s">
        <v>15073</v>
      </c>
      <c r="D15416" t="s">
        <v>5588</v>
      </c>
    </row>
    <row r="15417" spans="1:4" x14ac:dyDescent="0.4">
      <c r="A15417" s="1" t="s">
        <v>15145</v>
      </c>
      <c r="B15417" t="s">
        <v>11981</v>
      </c>
      <c r="C15417" t="s">
        <v>15073</v>
      </c>
      <c r="D15417" t="s">
        <v>6483</v>
      </c>
    </row>
    <row r="15418" spans="1:4" x14ac:dyDescent="0.4">
      <c r="A15418" s="1" t="s">
        <v>15146</v>
      </c>
      <c r="B15418" t="s">
        <v>11981</v>
      </c>
      <c r="C15418" t="s">
        <v>15073</v>
      </c>
      <c r="D15418" t="s">
        <v>15147</v>
      </c>
    </row>
    <row r="15419" spans="1:4" x14ac:dyDescent="0.4">
      <c r="A15419" s="1" t="s">
        <v>15148</v>
      </c>
      <c r="B15419" t="s">
        <v>11981</v>
      </c>
      <c r="C15419" t="s">
        <v>15073</v>
      </c>
      <c r="D15419" t="s">
        <v>5137</v>
      </c>
    </row>
    <row r="15420" spans="1:4" x14ac:dyDescent="0.4">
      <c r="A15420" s="1" t="s">
        <v>15149</v>
      </c>
      <c r="B15420" t="s">
        <v>11981</v>
      </c>
      <c r="C15420" t="s">
        <v>15073</v>
      </c>
      <c r="D15420" t="s">
        <v>9408</v>
      </c>
    </row>
    <row r="15421" spans="1:4" x14ac:dyDescent="0.4">
      <c r="A15421" s="1" t="s">
        <v>15150</v>
      </c>
      <c r="B15421" t="s">
        <v>11981</v>
      </c>
      <c r="C15421" t="s">
        <v>15073</v>
      </c>
      <c r="D15421" t="s">
        <v>15151</v>
      </c>
    </row>
    <row r="15422" spans="1:4" x14ac:dyDescent="0.4">
      <c r="A15422" s="1" t="s">
        <v>15152</v>
      </c>
      <c r="B15422" t="s">
        <v>11981</v>
      </c>
      <c r="C15422" t="s">
        <v>15073</v>
      </c>
      <c r="D15422" t="s">
        <v>15153</v>
      </c>
    </row>
    <row r="15423" spans="1:4" x14ac:dyDescent="0.4">
      <c r="A15423" s="1" t="s">
        <v>15154</v>
      </c>
      <c r="B15423" t="s">
        <v>11981</v>
      </c>
      <c r="C15423" t="s">
        <v>15073</v>
      </c>
      <c r="D15423" t="s">
        <v>15155</v>
      </c>
    </row>
    <row r="15424" spans="1:4" x14ac:dyDescent="0.4">
      <c r="A15424" s="1" t="s">
        <v>15156</v>
      </c>
      <c r="B15424" t="s">
        <v>11981</v>
      </c>
      <c r="C15424" t="s">
        <v>15073</v>
      </c>
      <c r="D15424" t="s">
        <v>15157</v>
      </c>
    </row>
    <row r="15425" spans="1:4" x14ac:dyDescent="0.4">
      <c r="A15425" s="1" t="s">
        <v>15158</v>
      </c>
      <c r="B15425" t="s">
        <v>11981</v>
      </c>
      <c r="C15425" t="s">
        <v>15073</v>
      </c>
      <c r="D15425" t="s">
        <v>15159</v>
      </c>
    </row>
    <row r="15426" spans="1:4" x14ac:dyDescent="0.4">
      <c r="A15426" s="1" t="s">
        <v>15160</v>
      </c>
      <c r="B15426" t="s">
        <v>11981</v>
      </c>
      <c r="C15426" t="s">
        <v>15073</v>
      </c>
      <c r="D15426" t="s">
        <v>15161</v>
      </c>
    </row>
    <row r="15427" spans="1:4" x14ac:dyDescent="0.4">
      <c r="A15427" s="1" t="s">
        <v>15162</v>
      </c>
      <c r="B15427" t="s">
        <v>11981</v>
      </c>
      <c r="C15427" t="s">
        <v>15073</v>
      </c>
      <c r="D15427" t="s">
        <v>12269</v>
      </c>
    </row>
    <row r="15428" spans="1:4" x14ac:dyDescent="0.4">
      <c r="A15428" s="1" t="s">
        <v>15163</v>
      </c>
      <c r="B15428" t="s">
        <v>11981</v>
      </c>
      <c r="C15428" t="s">
        <v>15073</v>
      </c>
      <c r="D15428" t="s">
        <v>15164</v>
      </c>
    </row>
    <row r="15429" spans="1:4" x14ac:dyDescent="0.4">
      <c r="A15429" s="1" t="s">
        <v>15165</v>
      </c>
      <c r="B15429" t="s">
        <v>11981</v>
      </c>
      <c r="C15429" t="s">
        <v>15073</v>
      </c>
      <c r="D15429" t="s">
        <v>15166</v>
      </c>
    </row>
    <row r="15430" spans="1:4" x14ac:dyDescent="0.4">
      <c r="A15430" s="1" t="s">
        <v>15167</v>
      </c>
      <c r="B15430" t="s">
        <v>11981</v>
      </c>
      <c r="C15430" t="s">
        <v>15073</v>
      </c>
      <c r="D15430" t="s">
        <v>7578</v>
      </c>
    </row>
    <row r="15431" spans="1:4" x14ac:dyDescent="0.4">
      <c r="A15431" s="1" t="s">
        <v>15168</v>
      </c>
      <c r="B15431" t="s">
        <v>11981</v>
      </c>
      <c r="C15431" t="s">
        <v>15073</v>
      </c>
      <c r="D15431" t="s">
        <v>15169</v>
      </c>
    </row>
    <row r="15432" spans="1:4" x14ac:dyDescent="0.4">
      <c r="A15432" s="1" t="s">
        <v>15170</v>
      </c>
      <c r="B15432" t="s">
        <v>11981</v>
      </c>
      <c r="C15432" t="s">
        <v>15073</v>
      </c>
      <c r="D15432" t="s">
        <v>15171</v>
      </c>
    </row>
    <row r="15433" spans="1:4" x14ac:dyDescent="0.4">
      <c r="A15433" s="1" t="s">
        <v>15172</v>
      </c>
      <c r="B15433" t="s">
        <v>11981</v>
      </c>
      <c r="C15433" t="s">
        <v>15073</v>
      </c>
      <c r="D15433" t="s">
        <v>15173</v>
      </c>
    </row>
    <row r="15434" spans="1:4" x14ac:dyDescent="0.4">
      <c r="A15434" s="1" t="s">
        <v>15174</v>
      </c>
      <c r="B15434" t="s">
        <v>11981</v>
      </c>
      <c r="C15434" t="s">
        <v>15073</v>
      </c>
      <c r="D15434" t="s">
        <v>15175</v>
      </c>
    </row>
    <row r="15435" spans="1:4" x14ac:dyDescent="0.4">
      <c r="A15435" s="1" t="s">
        <v>15176</v>
      </c>
      <c r="B15435" t="s">
        <v>11981</v>
      </c>
      <c r="C15435" t="s">
        <v>15073</v>
      </c>
      <c r="D15435" t="s">
        <v>15177</v>
      </c>
    </row>
    <row r="15436" spans="1:4" x14ac:dyDescent="0.4">
      <c r="A15436" s="1" t="s">
        <v>15178</v>
      </c>
      <c r="B15436" t="s">
        <v>11981</v>
      </c>
      <c r="C15436" t="s">
        <v>15073</v>
      </c>
      <c r="D15436" t="s">
        <v>15179</v>
      </c>
    </row>
    <row r="15437" spans="1:4" x14ac:dyDescent="0.4">
      <c r="A15437" s="1" t="s">
        <v>15180</v>
      </c>
      <c r="B15437" t="s">
        <v>11981</v>
      </c>
      <c r="C15437" t="s">
        <v>15073</v>
      </c>
      <c r="D15437" t="s">
        <v>15181</v>
      </c>
    </row>
    <row r="15438" spans="1:4" x14ac:dyDescent="0.4">
      <c r="A15438" s="1" t="s">
        <v>15182</v>
      </c>
      <c r="B15438" t="s">
        <v>11981</v>
      </c>
      <c r="C15438" t="s">
        <v>15073</v>
      </c>
      <c r="D15438" t="s">
        <v>15183</v>
      </c>
    </row>
    <row r="15439" spans="1:4" x14ac:dyDescent="0.4">
      <c r="A15439" s="1" t="s">
        <v>15184</v>
      </c>
      <c r="B15439" t="s">
        <v>11981</v>
      </c>
      <c r="C15439" t="s">
        <v>15073</v>
      </c>
      <c r="D15439" t="s">
        <v>15185</v>
      </c>
    </row>
    <row r="15440" spans="1:4" x14ac:dyDescent="0.4">
      <c r="A15440" s="1" t="s">
        <v>15186</v>
      </c>
      <c r="B15440" t="s">
        <v>11981</v>
      </c>
      <c r="C15440" t="s">
        <v>15073</v>
      </c>
      <c r="D15440" t="s">
        <v>15187</v>
      </c>
    </row>
    <row r="15441" spans="1:4" x14ac:dyDescent="0.4">
      <c r="A15441" s="1" t="s">
        <v>15188</v>
      </c>
      <c r="B15441" t="s">
        <v>11981</v>
      </c>
      <c r="C15441" t="s">
        <v>15073</v>
      </c>
      <c r="D15441" t="s">
        <v>15189</v>
      </c>
    </row>
    <row r="15442" spans="1:4" x14ac:dyDescent="0.4">
      <c r="A15442" s="1" t="s">
        <v>15190</v>
      </c>
      <c r="B15442" t="s">
        <v>11981</v>
      </c>
      <c r="C15442" t="s">
        <v>15191</v>
      </c>
    </row>
    <row r="15443" spans="1:4" x14ac:dyDescent="0.4">
      <c r="A15443" s="1" t="s">
        <v>15192</v>
      </c>
      <c r="B15443" t="s">
        <v>11981</v>
      </c>
      <c r="C15443" t="s">
        <v>15191</v>
      </c>
      <c r="D15443" t="s">
        <v>222</v>
      </c>
    </row>
    <row r="15444" spans="1:4" x14ac:dyDescent="0.4">
      <c r="A15444" s="1" t="s">
        <v>15193</v>
      </c>
      <c r="B15444" t="s">
        <v>11981</v>
      </c>
      <c r="C15444" t="s">
        <v>15191</v>
      </c>
      <c r="D15444" t="s">
        <v>5260</v>
      </c>
    </row>
    <row r="15445" spans="1:4" x14ac:dyDescent="0.4">
      <c r="A15445" s="1" t="s">
        <v>15194</v>
      </c>
      <c r="B15445" t="s">
        <v>11981</v>
      </c>
      <c r="C15445" t="s">
        <v>15191</v>
      </c>
      <c r="D15445" t="s">
        <v>15195</v>
      </c>
    </row>
    <row r="15446" spans="1:4" x14ac:dyDescent="0.4">
      <c r="A15446" s="1" t="s">
        <v>15196</v>
      </c>
      <c r="B15446" t="s">
        <v>11981</v>
      </c>
      <c r="C15446" t="s">
        <v>15191</v>
      </c>
      <c r="D15446" t="s">
        <v>15197</v>
      </c>
    </row>
    <row r="15447" spans="1:4" x14ac:dyDescent="0.4">
      <c r="A15447" s="1" t="s">
        <v>15198</v>
      </c>
      <c r="B15447" t="s">
        <v>11981</v>
      </c>
      <c r="C15447" t="s">
        <v>15191</v>
      </c>
      <c r="D15447" t="s">
        <v>15199</v>
      </c>
    </row>
    <row r="15448" spans="1:4" x14ac:dyDescent="0.4">
      <c r="A15448" s="1" t="s">
        <v>15200</v>
      </c>
      <c r="B15448" t="s">
        <v>11981</v>
      </c>
      <c r="C15448" t="s">
        <v>15191</v>
      </c>
      <c r="D15448" t="s">
        <v>537</v>
      </c>
    </row>
    <row r="15449" spans="1:4" x14ac:dyDescent="0.4">
      <c r="A15449" s="1" t="s">
        <v>15201</v>
      </c>
      <c r="B15449" t="s">
        <v>11981</v>
      </c>
      <c r="C15449" t="s">
        <v>15191</v>
      </c>
      <c r="D15449" t="s">
        <v>15202</v>
      </c>
    </row>
    <row r="15450" spans="1:4" x14ac:dyDescent="0.4">
      <c r="A15450" s="1" t="s">
        <v>15203</v>
      </c>
      <c r="B15450" t="s">
        <v>11981</v>
      </c>
      <c r="C15450" t="s">
        <v>15191</v>
      </c>
      <c r="D15450" t="s">
        <v>5280</v>
      </c>
    </row>
    <row r="15451" spans="1:4" x14ac:dyDescent="0.4">
      <c r="A15451" s="1" t="s">
        <v>15204</v>
      </c>
      <c r="B15451" t="s">
        <v>11981</v>
      </c>
      <c r="C15451" t="s">
        <v>15191</v>
      </c>
      <c r="D15451" t="s">
        <v>7174</v>
      </c>
    </row>
    <row r="15452" spans="1:4" x14ac:dyDescent="0.4">
      <c r="A15452" s="1" t="s">
        <v>15205</v>
      </c>
      <c r="B15452" t="s">
        <v>11981</v>
      </c>
      <c r="C15452" t="s">
        <v>15191</v>
      </c>
      <c r="D15452" t="s">
        <v>15206</v>
      </c>
    </row>
    <row r="15453" spans="1:4" x14ac:dyDescent="0.4">
      <c r="A15453" s="1" t="s">
        <v>15207</v>
      </c>
      <c r="B15453" t="s">
        <v>11981</v>
      </c>
      <c r="C15453" t="s">
        <v>15191</v>
      </c>
      <c r="D15453" t="s">
        <v>15208</v>
      </c>
    </row>
    <row r="15454" spans="1:4" x14ac:dyDescent="0.4">
      <c r="A15454" s="1" t="s">
        <v>15209</v>
      </c>
      <c r="B15454" t="s">
        <v>11981</v>
      </c>
      <c r="C15454" t="s">
        <v>15191</v>
      </c>
      <c r="D15454" t="s">
        <v>15210</v>
      </c>
    </row>
    <row r="15455" spans="1:4" x14ac:dyDescent="0.4">
      <c r="A15455" s="1" t="s">
        <v>15211</v>
      </c>
      <c r="B15455" t="s">
        <v>11981</v>
      </c>
      <c r="C15455" t="s">
        <v>15191</v>
      </c>
      <c r="D15455" t="s">
        <v>15212</v>
      </c>
    </row>
    <row r="15456" spans="1:4" x14ac:dyDescent="0.4">
      <c r="A15456" s="1" t="s">
        <v>15213</v>
      </c>
      <c r="B15456" t="s">
        <v>11981</v>
      </c>
      <c r="C15456" t="s">
        <v>15191</v>
      </c>
      <c r="D15456" t="s">
        <v>255</v>
      </c>
    </row>
    <row r="15457" spans="1:4" x14ac:dyDescent="0.4">
      <c r="A15457" s="1" t="s">
        <v>15214</v>
      </c>
      <c r="B15457" t="s">
        <v>11981</v>
      </c>
      <c r="C15457" t="s">
        <v>15191</v>
      </c>
      <c r="D15457" t="s">
        <v>15215</v>
      </c>
    </row>
    <row r="15458" spans="1:4" x14ac:dyDescent="0.4">
      <c r="A15458" s="1" t="s">
        <v>15216</v>
      </c>
      <c r="B15458" t="s">
        <v>11981</v>
      </c>
      <c r="C15458" t="s">
        <v>15191</v>
      </c>
      <c r="D15458" t="s">
        <v>5315</v>
      </c>
    </row>
    <row r="15459" spans="1:4" x14ac:dyDescent="0.4">
      <c r="A15459" s="1" t="s">
        <v>15217</v>
      </c>
      <c r="B15459" t="s">
        <v>11981</v>
      </c>
      <c r="C15459" t="s">
        <v>15191</v>
      </c>
      <c r="D15459" t="s">
        <v>5325</v>
      </c>
    </row>
    <row r="15460" spans="1:4" x14ac:dyDescent="0.4">
      <c r="A15460" s="1" t="s">
        <v>15218</v>
      </c>
      <c r="B15460" t="s">
        <v>11981</v>
      </c>
      <c r="C15460" t="s">
        <v>15191</v>
      </c>
      <c r="D15460" t="s">
        <v>15219</v>
      </c>
    </row>
    <row r="15461" spans="1:4" x14ac:dyDescent="0.4">
      <c r="A15461" s="1" t="s">
        <v>15220</v>
      </c>
      <c r="B15461" t="s">
        <v>11981</v>
      </c>
      <c r="C15461" t="s">
        <v>15191</v>
      </c>
      <c r="D15461" t="s">
        <v>15221</v>
      </c>
    </row>
    <row r="15462" spans="1:4" x14ac:dyDescent="0.4">
      <c r="A15462" s="1" t="s">
        <v>15222</v>
      </c>
      <c r="B15462" t="s">
        <v>11981</v>
      </c>
      <c r="C15462" t="s">
        <v>15191</v>
      </c>
      <c r="D15462" t="s">
        <v>15223</v>
      </c>
    </row>
    <row r="15463" spans="1:4" x14ac:dyDescent="0.4">
      <c r="A15463" s="1" t="s">
        <v>15224</v>
      </c>
      <c r="B15463" t="s">
        <v>11981</v>
      </c>
      <c r="C15463" t="s">
        <v>15191</v>
      </c>
      <c r="D15463" t="s">
        <v>15225</v>
      </c>
    </row>
    <row r="15464" spans="1:4" x14ac:dyDescent="0.4">
      <c r="A15464" s="1" t="s">
        <v>15226</v>
      </c>
      <c r="B15464" t="s">
        <v>11981</v>
      </c>
      <c r="C15464" t="s">
        <v>15191</v>
      </c>
      <c r="D15464" t="s">
        <v>184</v>
      </c>
    </row>
    <row r="15465" spans="1:4" x14ac:dyDescent="0.4">
      <c r="A15465" s="1" t="s">
        <v>15227</v>
      </c>
      <c r="B15465" t="s">
        <v>11981</v>
      </c>
      <c r="C15465" t="s">
        <v>15191</v>
      </c>
      <c r="D15465" t="s">
        <v>15228</v>
      </c>
    </row>
    <row r="15466" spans="1:4" x14ac:dyDescent="0.4">
      <c r="A15466" s="1" t="s">
        <v>15229</v>
      </c>
      <c r="B15466" t="s">
        <v>11981</v>
      </c>
      <c r="C15466" t="s">
        <v>15191</v>
      </c>
      <c r="D15466" t="s">
        <v>15230</v>
      </c>
    </row>
    <row r="15467" spans="1:4" x14ac:dyDescent="0.4">
      <c r="A15467" s="1" t="s">
        <v>15231</v>
      </c>
      <c r="B15467" t="s">
        <v>11981</v>
      </c>
      <c r="C15467" t="s">
        <v>15191</v>
      </c>
      <c r="D15467" t="s">
        <v>15232</v>
      </c>
    </row>
    <row r="15468" spans="1:4" x14ac:dyDescent="0.4">
      <c r="A15468" s="1" t="s">
        <v>15233</v>
      </c>
      <c r="B15468" t="s">
        <v>11981</v>
      </c>
      <c r="C15468" t="s">
        <v>15191</v>
      </c>
      <c r="D15468" t="s">
        <v>1585</v>
      </c>
    </row>
    <row r="15469" spans="1:4" x14ac:dyDescent="0.4">
      <c r="A15469" s="1" t="s">
        <v>15234</v>
      </c>
      <c r="B15469" t="s">
        <v>11981</v>
      </c>
      <c r="C15469" t="s">
        <v>15191</v>
      </c>
      <c r="D15469" t="s">
        <v>15235</v>
      </c>
    </row>
    <row r="15470" spans="1:4" x14ac:dyDescent="0.4">
      <c r="A15470" s="1" t="s">
        <v>15236</v>
      </c>
      <c r="B15470" t="s">
        <v>11981</v>
      </c>
      <c r="C15470" t="s">
        <v>15191</v>
      </c>
      <c r="D15470" t="s">
        <v>5396</v>
      </c>
    </row>
    <row r="15471" spans="1:4" x14ac:dyDescent="0.4">
      <c r="A15471" s="1" t="s">
        <v>15237</v>
      </c>
      <c r="B15471" t="s">
        <v>11981</v>
      </c>
      <c r="C15471" t="s">
        <v>15191</v>
      </c>
      <c r="D15471" t="s">
        <v>15238</v>
      </c>
    </row>
    <row r="15472" spans="1:4" x14ac:dyDescent="0.4">
      <c r="A15472" s="1" t="s">
        <v>15239</v>
      </c>
      <c r="B15472" t="s">
        <v>11981</v>
      </c>
      <c r="C15472" t="s">
        <v>15191</v>
      </c>
      <c r="D15472" t="s">
        <v>15240</v>
      </c>
    </row>
    <row r="15473" spans="1:4" x14ac:dyDescent="0.4">
      <c r="A15473" s="1" t="s">
        <v>15241</v>
      </c>
      <c r="B15473" t="s">
        <v>11981</v>
      </c>
      <c r="C15473" t="s">
        <v>15191</v>
      </c>
      <c r="D15473" t="s">
        <v>15242</v>
      </c>
    </row>
    <row r="15474" spans="1:4" x14ac:dyDescent="0.4">
      <c r="A15474" s="1" t="s">
        <v>15243</v>
      </c>
      <c r="B15474" t="s">
        <v>11981</v>
      </c>
      <c r="C15474" t="s">
        <v>15191</v>
      </c>
      <c r="D15474" t="s">
        <v>403</v>
      </c>
    </row>
    <row r="15475" spans="1:4" x14ac:dyDescent="0.4">
      <c r="A15475" s="1" t="s">
        <v>15244</v>
      </c>
      <c r="B15475" t="s">
        <v>11981</v>
      </c>
      <c r="C15475" t="s">
        <v>15191</v>
      </c>
      <c r="D15475" t="s">
        <v>5433</v>
      </c>
    </row>
    <row r="15476" spans="1:4" x14ac:dyDescent="0.4">
      <c r="A15476" s="1" t="s">
        <v>15245</v>
      </c>
      <c r="B15476" t="s">
        <v>11981</v>
      </c>
      <c r="C15476" t="s">
        <v>15191</v>
      </c>
      <c r="D15476" t="s">
        <v>3973</v>
      </c>
    </row>
    <row r="15477" spans="1:4" x14ac:dyDescent="0.4">
      <c r="A15477" s="1" t="s">
        <v>15246</v>
      </c>
      <c r="B15477" t="s">
        <v>11981</v>
      </c>
      <c r="C15477" t="s">
        <v>15191</v>
      </c>
      <c r="D15477" t="s">
        <v>15247</v>
      </c>
    </row>
    <row r="15478" spans="1:4" x14ac:dyDescent="0.4">
      <c r="A15478" s="1" t="s">
        <v>15248</v>
      </c>
      <c r="B15478" t="s">
        <v>11981</v>
      </c>
      <c r="C15478" t="s">
        <v>15191</v>
      </c>
      <c r="D15478" t="s">
        <v>15249</v>
      </c>
    </row>
    <row r="15479" spans="1:4" x14ac:dyDescent="0.4">
      <c r="A15479" s="1" t="s">
        <v>15250</v>
      </c>
      <c r="B15479" t="s">
        <v>11981</v>
      </c>
      <c r="C15479" t="s">
        <v>15191</v>
      </c>
      <c r="D15479" t="s">
        <v>15251</v>
      </c>
    </row>
    <row r="15480" spans="1:4" x14ac:dyDescent="0.4">
      <c r="A15480" s="1" t="s">
        <v>15252</v>
      </c>
      <c r="B15480" t="s">
        <v>11981</v>
      </c>
      <c r="C15480" t="s">
        <v>15191</v>
      </c>
      <c r="D15480" t="s">
        <v>15253</v>
      </c>
    </row>
    <row r="15481" spans="1:4" x14ac:dyDescent="0.4">
      <c r="A15481" s="1" t="s">
        <v>15254</v>
      </c>
      <c r="B15481" t="s">
        <v>11981</v>
      </c>
      <c r="C15481" t="s">
        <v>15191</v>
      </c>
      <c r="D15481" t="s">
        <v>15255</v>
      </c>
    </row>
    <row r="15482" spans="1:4" x14ac:dyDescent="0.4">
      <c r="A15482" s="1" t="s">
        <v>15256</v>
      </c>
      <c r="B15482" t="s">
        <v>11981</v>
      </c>
      <c r="C15482" t="s">
        <v>15191</v>
      </c>
      <c r="D15482" t="s">
        <v>15257</v>
      </c>
    </row>
    <row r="15483" spans="1:4" x14ac:dyDescent="0.4">
      <c r="A15483" s="1" t="s">
        <v>15258</v>
      </c>
      <c r="B15483" t="s">
        <v>11981</v>
      </c>
      <c r="C15483" t="s">
        <v>15191</v>
      </c>
      <c r="D15483" t="s">
        <v>15259</v>
      </c>
    </row>
    <row r="15484" spans="1:4" x14ac:dyDescent="0.4">
      <c r="A15484" s="1" t="s">
        <v>15260</v>
      </c>
      <c r="B15484" t="s">
        <v>11981</v>
      </c>
      <c r="C15484" t="s">
        <v>15191</v>
      </c>
      <c r="D15484" t="s">
        <v>15261</v>
      </c>
    </row>
    <row r="15485" spans="1:4" x14ac:dyDescent="0.4">
      <c r="A15485" s="1" t="s">
        <v>15262</v>
      </c>
      <c r="B15485" t="s">
        <v>11981</v>
      </c>
      <c r="C15485" t="s">
        <v>15191</v>
      </c>
      <c r="D15485" t="s">
        <v>14748</v>
      </c>
    </row>
    <row r="15486" spans="1:4" x14ac:dyDescent="0.4">
      <c r="A15486" s="1" t="s">
        <v>15263</v>
      </c>
      <c r="B15486" t="s">
        <v>11981</v>
      </c>
      <c r="C15486" t="s">
        <v>15191</v>
      </c>
      <c r="D15486" t="s">
        <v>1628</v>
      </c>
    </row>
    <row r="15487" spans="1:4" x14ac:dyDescent="0.4">
      <c r="A15487" s="1" t="s">
        <v>15264</v>
      </c>
      <c r="B15487" t="s">
        <v>11981</v>
      </c>
      <c r="C15487" t="s">
        <v>15265</v>
      </c>
    </row>
    <row r="15488" spans="1:4" x14ac:dyDescent="0.4">
      <c r="A15488" s="1" t="s">
        <v>15266</v>
      </c>
      <c r="B15488" t="s">
        <v>11981</v>
      </c>
      <c r="C15488" t="s">
        <v>15265</v>
      </c>
      <c r="D15488" t="s">
        <v>15267</v>
      </c>
    </row>
    <row r="15489" spans="1:4" x14ac:dyDescent="0.4">
      <c r="A15489" s="1" t="s">
        <v>15268</v>
      </c>
      <c r="B15489" t="s">
        <v>11981</v>
      </c>
      <c r="C15489" t="s">
        <v>15265</v>
      </c>
      <c r="D15489" t="s">
        <v>15269</v>
      </c>
    </row>
    <row r="15490" spans="1:4" x14ac:dyDescent="0.4">
      <c r="A15490" s="1" t="s">
        <v>15270</v>
      </c>
      <c r="B15490" t="s">
        <v>11981</v>
      </c>
      <c r="C15490" t="s">
        <v>15265</v>
      </c>
      <c r="D15490" t="s">
        <v>15271</v>
      </c>
    </row>
    <row r="15491" spans="1:4" x14ac:dyDescent="0.4">
      <c r="A15491" s="1" t="s">
        <v>15272</v>
      </c>
      <c r="B15491" t="s">
        <v>11981</v>
      </c>
      <c r="C15491" t="s">
        <v>15265</v>
      </c>
      <c r="D15491" t="s">
        <v>15273</v>
      </c>
    </row>
    <row r="15492" spans="1:4" x14ac:dyDescent="0.4">
      <c r="A15492" s="1" t="s">
        <v>15274</v>
      </c>
      <c r="B15492" t="s">
        <v>11981</v>
      </c>
      <c r="C15492" t="s">
        <v>15265</v>
      </c>
      <c r="D15492" t="s">
        <v>15275</v>
      </c>
    </row>
    <row r="15493" spans="1:4" x14ac:dyDescent="0.4">
      <c r="A15493" s="1" t="s">
        <v>15276</v>
      </c>
      <c r="B15493" t="s">
        <v>11981</v>
      </c>
      <c r="C15493" t="s">
        <v>15265</v>
      </c>
      <c r="D15493" t="s">
        <v>15277</v>
      </c>
    </row>
    <row r="15494" spans="1:4" x14ac:dyDescent="0.4">
      <c r="A15494" s="1" t="s">
        <v>15278</v>
      </c>
      <c r="B15494" t="s">
        <v>11981</v>
      </c>
      <c r="C15494" t="s">
        <v>15265</v>
      </c>
      <c r="D15494" t="s">
        <v>15279</v>
      </c>
    </row>
    <row r="15495" spans="1:4" x14ac:dyDescent="0.4">
      <c r="A15495" s="1" t="s">
        <v>15280</v>
      </c>
      <c r="B15495" t="s">
        <v>11981</v>
      </c>
      <c r="C15495" t="s">
        <v>15265</v>
      </c>
      <c r="D15495" t="s">
        <v>15281</v>
      </c>
    </row>
    <row r="15496" spans="1:4" x14ac:dyDescent="0.4">
      <c r="A15496" s="1" t="s">
        <v>15282</v>
      </c>
      <c r="B15496" t="s">
        <v>11981</v>
      </c>
      <c r="C15496" t="s">
        <v>15265</v>
      </c>
      <c r="D15496" t="s">
        <v>15283</v>
      </c>
    </row>
    <row r="15497" spans="1:4" x14ac:dyDescent="0.4">
      <c r="A15497" s="1" t="s">
        <v>15284</v>
      </c>
      <c r="B15497" t="s">
        <v>11981</v>
      </c>
      <c r="C15497" t="s">
        <v>15265</v>
      </c>
      <c r="D15497" t="s">
        <v>5288</v>
      </c>
    </row>
    <row r="15498" spans="1:4" x14ac:dyDescent="0.4">
      <c r="A15498" s="1" t="s">
        <v>15285</v>
      </c>
      <c r="B15498" t="s">
        <v>11981</v>
      </c>
      <c r="C15498" t="s">
        <v>15265</v>
      </c>
      <c r="D15498" t="s">
        <v>15286</v>
      </c>
    </row>
    <row r="15499" spans="1:4" x14ac:dyDescent="0.4">
      <c r="A15499" s="1" t="s">
        <v>15287</v>
      </c>
      <c r="B15499" t="s">
        <v>11981</v>
      </c>
      <c r="C15499" t="s">
        <v>15265</v>
      </c>
      <c r="D15499" t="s">
        <v>15288</v>
      </c>
    </row>
    <row r="15500" spans="1:4" x14ac:dyDescent="0.4">
      <c r="A15500" s="1" t="s">
        <v>15289</v>
      </c>
      <c r="B15500" t="s">
        <v>11981</v>
      </c>
      <c r="C15500" t="s">
        <v>15265</v>
      </c>
      <c r="D15500" t="s">
        <v>15290</v>
      </c>
    </row>
    <row r="15501" spans="1:4" x14ac:dyDescent="0.4">
      <c r="A15501" s="1" t="s">
        <v>15291</v>
      </c>
      <c r="B15501" t="s">
        <v>11981</v>
      </c>
      <c r="C15501" t="s">
        <v>15265</v>
      </c>
      <c r="D15501" t="s">
        <v>15292</v>
      </c>
    </row>
    <row r="15502" spans="1:4" x14ac:dyDescent="0.4">
      <c r="A15502" s="1" t="s">
        <v>15293</v>
      </c>
      <c r="B15502" t="s">
        <v>11981</v>
      </c>
      <c r="C15502" t="s">
        <v>15265</v>
      </c>
      <c r="D15502" t="s">
        <v>15294</v>
      </c>
    </row>
    <row r="15503" spans="1:4" x14ac:dyDescent="0.4">
      <c r="A15503" s="1" t="s">
        <v>15295</v>
      </c>
      <c r="B15503" t="s">
        <v>11981</v>
      </c>
      <c r="C15503" t="s">
        <v>15265</v>
      </c>
      <c r="D15503" t="s">
        <v>15296</v>
      </c>
    </row>
    <row r="15504" spans="1:4" x14ac:dyDescent="0.4">
      <c r="A15504" s="1" t="s">
        <v>15297</v>
      </c>
      <c r="B15504" t="s">
        <v>11981</v>
      </c>
      <c r="C15504" t="s">
        <v>15265</v>
      </c>
      <c r="D15504" t="s">
        <v>15298</v>
      </c>
    </row>
    <row r="15505" spans="1:4" x14ac:dyDescent="0.4">
      <c r="A15505" s="1" t="s">
        <v>15299</v>
      </c>
      <c r="B15505" t="s">
        <v>11981</v>
      </c>
      <c r="C15505" t="s">
        <v>15265</v>
      </c>
      <c r="D15505" t="s">
        <v>6133</v>
      </c>
    </row>
    <row r="15506" spans="1:4" x14ac:dyDescent="0.4">
      <c r="A15506" s="1" t="s">
        <v>15300</v>
      </c>
      <c r="B15506" t="s">
        <v>11981</v>
      </c>
      <c r="C15506" t="s">
        <v>15265</v>
      </c>
      <c r="D15506" t="s">
        <v>15301</v>
      </c>
    </row>
    <row r="15507" spans="1:4" x14ac:dyDescent="0.4">
      <c r="A15507" s="1" t="s">
        <v>15302</v>
      </c>
      <c r="B15507" t="s">
        <v>11981</v>
      </c>
      <c r="C15507" t="s">
        <v>15265</v>
      </c>
      <c r="D15507" t="s">
        <v>15130</v>
      </c>
    </row>
    <row r="15508" spans="1:4" x14ac:dyDescent="0.4">
      <c r="A15508" s="1" t="s">
        <v>15303</v>
      </c>
      <c r="B15508" t="s">
        <v>11981</v>
      </c>
      <c r="C15508" t="s">
        <v>15265</v>
      </c>
      <c r="D15508" t="s">
        <v>367</v>
      </c>
    </row>
    <row r="15509" spans="1:4" x14ac:dyDescent="0.4">
      <c r="A15509" s="1" t="s">
        <v>15304</v>
      </c>
      <c r="B15509" t="s">
        <v>11981</v>
      </c>
      <c r="C15509" t="s">
        <v>15265</v>
      </c>
      <c r="D15509" t="s">
        <v>5345</v>
      </c>
    </row>
    <row r="15510" spans="1:4" x14ac:dyDescent="0.4">
      <c r="A15510" s="1" t="s">
        <v>15305</v>
      </c>
      <c r="B15510" t="s">
        <v>11981</v>
      </c>
      <c r="C15510" t="s">
        <v>15265</v>
      </c>
      <c r="D15510" t="s">
        <v>15306</v>
      </c>
    </row>
    <row r="15511" spans="1:4" x14ac:dyDescent="0.4">
      <c r="A15511" s="1" t="s">
        <v>15307</v>
      </c>
      <c r="B15511" t="s">
        <v>11981</v>
      </c>
      <c r="C15511" t="s">
        <v>15265</v>
      </c>
      <c r="D15511" t="s">
        <v>15308</v>
      </c>
    </row>
    <row r="15512" spans="1:4" x14ac:dyDescent="0.4">
      <c r="A15512" s="1" t="s">
        <v>15309</v>
      </c>
      <c r="B15512" t="s">
        <v>11981</v>
      </c>
      <c r="C15512" t="s">
        <v>15265</v>
      </c>
      <c r="D15512" t="s">
        <v>15310</v>
      </c>
    </row>
    <row r="15513" spans="1:4" x14ac:dyDescent="0.4">
      <c r="A15513" s="1" t="s">
        <v>15311</v>
      </c>
      <c r="B15513" t="s">
        <v>11981</v>
      </c>
      <c r="C15513" t="s">
        <v>15265</v>
      </c>
      <c r="D15513" t="s">
        <v>15312</v>
      </c>
    </row>
    <row r="15514" spans="1:4" x14ac:dyDescent="0.4">
      <c r="A15514" s="1" t="s">
        <v>15313</v>
      </c>
      <c r="B15514" t="s">
        <v>11981</v>
      </c>
      <c r="C15514" t="s">
        <v>15265</v>
      </c>
      <c r="D15514" t="s">
        <v>15314</v>
      </c>
    </row>
    <row r="15515" spans="1:4" x14ac:dyDescent="0.4">
      <c r="A15515" s="1" t="s">
        <v>15315</v>
      </c>
      <c r="B15515" t="s">
        <v>11981</v>
      </c>
      <c r="C15515" t="s">
        <v>15265</v>
      </c>
      <c r="D15515" t="s">
        <v>15316</v>
      </c>
    </row>
    <row r="15516" spans="1:4" x14ac:dyDescent="0.4">
      <c r="A15516" s="1" t="s">
        <v>15317</v>
      </c>
      <c r="B15516" t="s">
        <v>11981</v>
      </c>
      <c r="C15516" t="s">
        <v>15265</v>
      </c>
      <c r="D15516" t="s">
        <v>15318</v>
      </c>
    </row>
    <row r="15517" spans="1:4" x14ac:dyDescent="0.4">
      <c r="A15517" s="1" t="s">
        <v>15319</v>
      </c>
      <c r="B15517" t="s">
        <v>11981</v>
      </c>
      <c r="C15517" t="s">
        <v>15265</v>
      </c>
      <c r="D15517" t="s">
        <v>15320</v>
      </c>
    </row>
    <row r="15518" spans="1:4" x14ac:dyDescent="0.4">
      <c r="A15518" s="1" t="s">
        <v>15321</v>
      </c>
      <c r="B15518" t="s">
        <v>11981</v>
      </c>
      <c r="C15518" t="s">
        <v>15265</v>
      </c>
      <c r="D15518" t="s">
        <v>15322</v>
      </c>
    </row>
    <row r="15519" spans="1:4" x14ac:dyDescent="0.4">
      <c r="A15519" s="1" t="s">
        <v>15323</v>
      </c>
      <c r="B15519" t="s">
        <v>11981</v>
      </c>
      <c r="C15519" t="s">
        <v>15265</v>
      </c>
      <c r="D15519" t="s">
        <v>15324</v>
      </c>
    </row>
    <row r="15520" spans="1:4" x14ac:dyDescent="0.4">
      <c r="A15520" s="1" t="s">
        <v>15325</v>
      </c>
      <c r="B15520" t="s">
        <v>11981</v>
      </c>
      <c r="C15520" t="s">
        <v>15265</v>
      </c>
      <c r="D15520" t="s">
        <v>15326</v>
      </c>
    </row>
    <row r="15521" spans="1:4" x14ac:dyDescent="0.4">
      <c r="A15521" s="1" t="s">
        <v>15327</v>
      </c>
      <c r="B15521" t="s">
        <v>11981</v>
      </c>
      <c r="C15521" t="s">
        <v>15265</v>
      </c>
      <c r="D15521" t="s">
        <v>15328</v>
      </c>
    </row>
    <row r="15522" spans="1:4" x14ac:dyDescent="0.4">
      <c r="A15522" s="1" t="s">
        <v>15329</v>
      </c>
      <c r="B15522" t="s">
        <v>11981</v>
      </c>
      <c r="C15522" t="s">
        <v>15265</v>
      </c>
      <c r="D15522" t="s">
        <v>15330</v>
      </c>
    </row>
    <row r="15523" spans="1:4" x14ac:dyDescent="0.4">
      <c r="A15523" s="1" t="s">
        <v>15331</v>
      </c>
      <c r="B15523" t="s">
        <v>11981</v>
      </c>
      <c r="C15523" t="s">
        <v>15265</v>
      </c>
      <c r="D15523" t="s">
        <v>15332</v>
      </c>
    </row>
    <row r="15524" spans="1:4" x14ac:dyDescent="0.4">
      <c r="A15524" s="1" t="s">
        <v>15333</v>
      </c>
      <c r="B15524" t="s">
        <v>11981</v>
      </c>
      <c r="C15524" t="s">
        <v>15265</v>
      </c>
      <c r="D15524" t="s">
        <v>15334</v>
      </c>
    </row>
    <row r="15525" spans="1:4" x14ac:dyDescent="0.4">
      <c r="A15525" s="1" t="s">
        <v>15335</v>
      </c>
      <c r="B15525" t="s">
        <v>11981</v>
      </c>
      <c r="C15525" t="s">
        <v>15265</v>
      </c>
      <c r="D15525" t="s">
        <v>15336</v>
      </c>
    </row>
    <row r="15526" spans="1:4" x14ac:dyDescent="0.4">
      <c r="A15526" s="1" t="s">
        <v>15337</v>
      </c>
      <c r="B15526" t="s">
        <v>11981</v>
      </c>
      <c r="C15526" t="s">
        <v>15265</v>
      </c>
      <c r="D15526" t="s">
        <v>15338</v>
      </c>
    </row>
    <row r="15527" spans="1:4" x14ac:dyDescent="0.4">
      <c r="A15527" s="1" t="s">
        <v>15339</v>
      </c>
      <c r="B15527" t="s">
        <v>11981</v>
      </c>
      <c r="C15527" t="s">
        <v>15265</v>
      </c>
      <c r="D15527" t="s">
        <v>15340</v>
      </c>
    </row>
    <row r="15528" spans="1:4" x14ac:dyDescent="0.4">
      <c r="A15528" s="1" t="s">
        <v>15341</v>
      </c>
      <c r="B15528" t="s">
        <v>11981</v>
      </c>
      <c r="C15528" t="s">
        <v>15265</v>
      </c>
      <c r="D15528" t="s">
        <v>15342</v>
      </c>
    </row>
    <row r="15529" spans="1:4" x14ac:dyDescent="0.4">
      <c r="A15529" s="1" t="s">
        <v>15343</v>
      </c>
      <c r="B15529" t="s">
        <v>11981</v>
      </c>
      <c r="C15529" t="s">
        <v>15265</v>
      </c>
      <c r="D15529" t="s">
        <v>15344</v>
      </c>
    </row>
    <row r="15530" spans="1:4" x14ac:dyDescent="0.4">
      <c r="A15530" s="1" t="s">
        <v>15345</v>
      </c>
      <c r="B15530" t="s">
        <v>11981</v>
      </c>
      <c r="C15530" t="s">
        <v>15265</v>
      </c>
      <c r="D15530" t="s">
        <v>15346</v>
      </c>
    </row>
    <row r="15531" spans="1:4" x14ac:dyDescent="0.4">
      <c r="A15531" s="1" t="s">
        <v>15347</v>
      </c>
      <c r="B15531" t="s">
        <v>11981</v>
      </c>
      <c r="C15531" t="s">
        <v>15265</v>
      </c>
      <c r="D15531" t="s">
        <v>15348</v>
      </c>
    </row>
    <row r="15532" spans="1:4" x14ac:dyDescent="0.4">
      <c r="A15532" s="1" t="s">
        <v>15349</v>
      </c>
      <c r="B15532" t="s">
        <v>11981</v>
      </c>
      <c r="C15532" t="s">
        <v>15265</v>
      </c>
      <c r="D15532" t="s">
        <v>15350</v>
      </c>
    </row>
    <row r="15533" spans="1:4" x14ac:dyDescent="0.4">
      <c r="A15533" s="1" t="s">
        <v>15351</v>
      </c>
      <c r="B15533" t="s">
        <v>11981</v>
      </c>
      <c r="C15533" t="s">
        <v>15265</v>
      </c>
      <c r="D15533" t="s">
        <v>15352</v>
      </c>
    </row>
    <row r="15534" spans="1:4" x14ac:dyDescent="0.4">
      <c r="A15534" s="1" t="s">
        <v>15353</v>
      </c>
      <c r="B15534" t="s">
        <v>11981</v>
      </c>
      <c r="C15534" t="s">
        <v>15265</v>
      </c>
      <c r="D15534" t="s">
        <v>5443</v>
      </c>
    </row>
    <row r="15535" spans="1:4" x14ac:dyDescent="0.4">
      <c r="A15535" s="1" t="s">
        <v>15354</v>
      </c>
      <c r="B15535" t="s">
        <v>11981</v>
      </c>
      <c r="C15535" t="s">
        <v>15355</v>
      </c>
    </row>
    <row r="15536" spans="1:4" x14ac:dyDescent="0.4">
      <c r="A15536" s="1" t="s">
        <v>15356</v>
      </c>
      <c r="B15536" t="s">
        <v>11981</v>
      </c>
      <c r="C15536" t="s">
        <v>15355</v>
      </c>
      <c r="D15536" t="s">
        <v>15357</v>
      </c>
    </row>
    <row r="15537" spans="1:4" x14ac:dyDescent="0.4">
      <c r="A15537" s="1" t="s">
        <v>15358</v>
      </c>
      <c r="B15537" t="s">
        <v>11981</v>
      </c>
      <c r="C15537" t="s">
        <v>15355</v>
      </c>
      <c r="D15537" t="s">
        <v>4454</v>
      </c>
    </row>
    <row r="15538" spans="1:4" x14ac:dyDescent="0.4">
      <c r="A15538" s="1" t="s">
        <v>15359</v>
      </c>
      <c r="B15538" t="s">
        <v>11981</v>
      </c>
      <c r="C15538" t="s">
        <v>15355</v>
      </c>
      <c r="D15538" t="s">
        <v>7638</v>
      </c>
    </row>
    <row r="15539" spans="1:4" x14ac:dyDescent="0.4">
      <c r="A15539" s="1" t="s">
        <v>15360</v>
      </c>
      <c r="B15539" t="s">
        <v>11981</v>
      </c>
      <c r="C15539" t="s">
        <v>15355</v>
      </c>
      <c r="D15539" t="s">
        <v>222</v>
      </c>
    </row>
    <row r="15540" spans="1:4" x14ac:dyDescent="0.4">
      <c r="A15540" s="1" t="s">
        <v>15361</v>
      </c>
      <c r="B15540" t="s">
        <v>11981</v>
      </c>
      <c r="C15540" t="s">
        <v>15355</v>
      </c>
      <c r="D15540" t="s">
        <v>10872</v>
      </c>
    </row>
    <row r="15541" spans="1:4" x14ac:dyDescent="0.4">
      <c r="A15541" s="1" t="s">
        <v>15362</v>
      </c>
      <c r="B15541" t="s">
        <v>11981</v>
      </c>
      <c r="C15541" t="s">
        <v>15355</v>
      </c>
      <c r="D15541" t="s">
        <v>15363</v>
      </c>
    </row>
    <row r="15542" spans="1:4" x14ac:dyDescent="0.4">
      <c r="A15542" s="1" t="s">
        <v>15364</v>
      </c>
      <c r="B15542" t="s">
        <v>11981</v>
      </c>
      <c r="C15542" t="s">
        <v>15355</v>
      </c>
      <c r="D15542" t="s">
        <v>15365</v>
      </c>
    </row>
    <row r="15543" spans="1:4" x14ac:dyDescent="0.4">
      <c r="A15543" s="1" t="s">
        <v>15366</v>
      </c>
      <c r="B15543" t="s">
        <v>11981</v>
      </c>
      <c r="C15543" t="s">
        <v>15355</v>
      </c>
      <c r="D15543" t="s">
        <v>4773</v>
      </c>
    </row>
    <row r="15544" spans="1:4" x14ac:dyDescent="0.4">
      <c r="A15544" s="1" t="s">
        <v>15367</v>
      </c>
      <c r="B15544" t="s">
        <v>11981</v>
      </c>
      <c r="C15544" t="s">
        <v>15355</v>
      </c>
      <c r="D15544" t="s">
        <v>9296</v>
      </c>
    </row>
    <row r="15545" spans="1:4" x14ac:dyDescent="0.4">
      <c r="A15545" s="1" t="s">
        <v>15368</v>
      </c>
      <c r="B15545" t="s">
        <v>11981</v>
      </c>
      <c r="C15545" t="s">
        <v>15355</v>
      </c>
      <c r="D15545" t="s">
        <v>3183</v>
      </c>
    </row>
    <row r="15546" spans="1:4" x14ac:dyDescent="0.4">
      <c r="A15546" s="1" t="s">
        <v>15369</v>
      </c>
      <c r="B15546" t="s">
        <v>11981</v>
      </c>
      <c r="C15546" t="s">
        <v>15355</v>
      </c>
      <c r="D15546" t="s">
        <v>15370</v>
      </c>
    </row>
    <row r="15547" spans="1:4" x14ac:dyDescent="0.4">
      <c r="A15547" s="1" t="s">
        <v>15371</v>
      </c>
      <c r="B15547" t="s">
        <v>11981</v>
      </c>
      <c r="C15547" t="s">
        <v>15355</v>
      </c>
      <c r="D15547" t="s">
        <v>15372</v>
      </c>
    </row>
    <row r="15548" spans="1:4" x14ac:dyDescent="0.4">
      <c r="A15548" s="1" t="s">
        <v>15373</v>
      </c>
      <c r="B15548" t="s">
        <v>11981</v>
      </c>
      <c r="C15548" t="s">
        <v>15355</v>
      </c>
      <c r="D15548" t="s">
        <v>15374</v>
      </c>
    </row>
    <row r="15549" spans="1:4" x14ac:dyDescent="0.4">
      <c r="A15549" s="1" t="s">
        <v>15375</v>
      </c>
      <c r="B15549" t="s">
        <v>11981</v>
      </c>
      <c r="C15549" t="s">
        <v>15355</v>
      </c>
      <c r="D15549" t="s">
        <v>15376</v>
      </c>
    </row>
    <row r="15550" spans="1:4" x14ac:dyDescent="0.4">
      <c r="A15550" s="1" t="s">
        <v>15377</v>
      </c>
      <c r="B15550" t="s">
        <v>11981</v>
      </c>
      <c r="C15550" t="s">
        <v>15355</v>
      </c>
      <c r="D15550" t="s">
        <v>15378</v>
      </c>
    </row>
    <row r="15551" spans="1:4" x14ac:dyDescent="0.4">
      <c r="A15551" s="1" t="s">
        <v>15379</v>
      </c>
      <c r="B15551" t="s">
        <v>11981</v>
      </c>
      <c r="C15551" t="s">
        <v>15355</v>
      </c>
      <c r="D15551" t="s">
        <v>15380</v>
      </c>
    </row>
    <row r="15552" spans="1:4" x14ac:dyDescent="0.4">
      <c r="A15552" s="1" t="s">
        <v>15381</v>
      </c>
      <c r="B15552" t="s">
        <v>11981</v>
      </c>
      <c r="C15552" t="s">
        <v>15355</v>
      </c>
      <c r="D15552" t="s">
        <v>15382</v>
      </c>
    </row>
    <row r="15553" spans="1:4" x14ac:dyDescent="0.4">
      <c r="A15553" s="1" t="s">
        <v>15383</v>
      </c>
      <c r="B15553" t="s">
        <v>11981</v>
      </c>
      <c r="C15553" t="s">
        <v>15355</v>
      </c>
      <c r="D15553" t="s">
        <v>648</v>
      </c>
    </row>
    <row r="15554" spans="1:4" x14ac:dyDescent="0.4">
      <c r="A15554" s="1" t="s">
        <v>15384</v>
      </c>
      <c r="B15554" t="s">
        <v>11981</v>
      </c>
      <c r="C15554" t="s">
        <v>15355</v>
      </c>
      <c r="D15554" t="s">
        <v>15385</v>
      </c>
    </row>
    <row r="15555" spans="1:4" x14ac:dyDescent="0.4">
      <c r="A15555" s="1" t="s">
        <v>15386</v>
      </c>
      <c r="B15555" t="s">
        <v>11981</v>
      </c>
      <c r="C15555" t="s">
        <v>15355</v>
      </c>
      <c r="D15555" t="s">
        <v>15387</v>
      </c>
    </row>
    <row r="15556" spans="1:4" x14ac:dyDescent="0.4">
      <c r="A15556" s="1" t="s">
        <v>15388</v>
      </c>
      <c r="B15556" t="s">
        <v>11981</v>
      </c>
      <c r="C15556" t="s">
        <v>15355</v>
      </c>
      <c r="D15556" t="s">
        <v>15389</v>
      </c>
    </row>
    <row r="15557" spans="1:4" x14ac:dyDescent="0.4">
      <c r="A15557" s="1" t="s">
        <v>15390</v>
      </c>
      <c r="B15557" t="s">
        <v>11981</v>
      </c>
      <c r="C15557" t="s">
        <v>15355</v>
      </c>
      <c r="D15557" t="s">
        <v>15391</v>
      </c>
    </row>
    <row r="15558" spans="1:4" x14ac:dyDescent="0.4">
      <c r="A15558" s="1" t="s">
        <v>15392</v>
      </c>
      <c r="B15558" t="s">
        <v>11981</v>
      </c>
      <c r="C15558" t="s">
        <v>15355</v>
      </c>
      <c r="D15558" t="s">
        <v>1740</v>
      </c>
    </row>
    <row r="15559" spans="1:4" x14ac:dyDescent="0.4">
      <c r="A15559" s="1" t="s">
        <v>15393</v>
      </c>
      <c r="B15559" t="s">
        <v>11981</v>
      </c>
      <c r="C15559" t="s">
        <v>15355</v>
      </c>
      <c r="D15559" t="s">
        <v>72</v>
      </c>
    </row>
    <row r="15560" spans="1:4" x14ac:dyDescent="0.4">
      <c r="A15560" s="1" t="s">
        <v>15394</v>
      </c>
      <c r="B15560" t="s">
        <v>11981</v>
      </c>
      <c r="C15560" t="s">
        <v>15355</v>
      </c>
      <c r="D15560" t="s">
        <v>4252</v>
      </c>
    </row>
    <row r="15561" spans="1:4" x14ac:dyDescent="0.4">
      <c r="A15561" s="1" t="s">
        <v>15395</v>
      </c>
      <c r="B15561" t="s">
        <v>11981</v>
      </c>
      <c r="C15561" t="s">
        <v>15355</v>
      </c>
      <c r="D15561" t="s">
        <v>15396</v>
      </c>
    </row>
    <row r="15562" spans="1:4" x14ac:dyDescent="0.4">
      <c r="A15562" s="1" t="s">
        <v>15397</v>
      </c>
      <c r="B15562" t="s">
        <v>11981</v>
      </c>
      <c r="C15562" t="s">
        <v>15355</v>
      </c>
      <c r="D15562" t="s">
        <v>6724</v>
      </c>
    </row>
    <row r="15563" spans="1:4" x14ac:dyDescent="0.4">
      <c r="A15563" s="1" t="s">
        <v>15398</v>
      </c>
      <c r="B15563" t="s">
        <v>11981</v>
      </c>
      <c r="C15563" t="s">
        <v>15355</v>
      </c>
      <c r="D15563" t="s">
        <v>15399</v>
      </c>
    </row>
    <row r="15564" spans="1:4" x14ac:dyDescent="0.4">
      <c r="A15564" s="1" t="s">
        <v>15400</v>
      </c>
      <c r="B15564" t="s">
        <v>11981</v>
      </c>
      <c r="C15564" t="s">
        <v>15355</v>
      </c>
      <c r="D15564" t="s">
        <v>15401</v>
      </c>
    </row>
    <row r="15565" spans="1:4" x14ac:dyDescent="0.4">
      <c r="A15565" s="1" t="s">
        <v>15402</v>
      </c>
      <c r="B15565" t="s">
        <v>11981</v>
      </c>
      <c r="C15565" t="s">
        <v>15355</v>
      </c>
      <c r="D15565" t="s">
        <v>15403</v>
      </c>
    </row>
    <row r="15566" spans="1:4" x14ac:dyDescent="0.4">
      <c r="A15566" s="1" t="s">
        <v>15404</v>
      </c>
      <c r="B15566" t="s">
        <v>11981</v>
      </c>
      <c r="C15566" t="s">
        <v>15355</v>
      </c>
      <c r="D15566" t="s">
        <v>15405</v>
      </c>
    </row>
    <row r="15567" spans="1:4" x14ac:dyDescent="0.4">
      <c r="A15567" s="1" t="s">
        <v>15406</v>
      </c>
      <c r="B15567" t="s">
        <v>11981</v>
      </c>
      <c r="C15567" t="s">
        <v>15355</v>
      </c>
      <c r="D15567" t="s">
        <v>8188</v>
      </c>
    </row>
    <row r="15568" spans="1:4" x14ac:dyDescent="0.4">
      <c r="A15568" s="1" t="s">
        <v>15407</v>
      </c>
      <c r="B15568" t="s">
        <v>11981</v>
      </c>
      <c r="C15568" t="s">
        <v>15355</v>
      </c>
      <c r="D15568" t="s">
        <v>15408</v>
      </c>
    </row>
    <row r="15569" spans="1:4" x14ac:dyDescent="0.4">
      <c r="A15569" s="1" t="s">
        <v>15409</v>
      </c>
      <c r="B15569" t="s">
        <v>11981</v>
      </c>
      <c r="C15569" t="s">
        <v>15355</v>
      </c>
      <c r="D15569" t="s">
        <v>15410</v>
      </c>
    </row>
    <row r="15570" spans="1:4" x14ac:dyDescent="0.4">
      <c r="A15570" s="1" t="s">
        <v>15411</v>
      </c>
      <c r="B15570" t="s">
        <v>11981</v>
      </c>
      <c r="C15570" t="s">
        <v>15355</v>
      </c>
      <c r="D15570" t="s">
        <v>367</v>
      </c>
    </row>
    <row r="15571" spans="1:4" x14ac:dyDescent="0.4">
      <c r="A15571" s="1" t="s">
        <v>15412</v>
      </c>
      <c r="B15571" t="s">
        <v>11981</v>
      </c>
      <c r="C15571" t="s">
        <v>15355</v>
      </c>
      <c r="D15571" t="s">
        <v>15413</v>
      </c>
    </row>
    <row r="15572" spans="1:4" x14ac:dyDescent="0.4">
      <c r="A15572" s="1" t="s">
        <v>15414</v>
      </c>
      <c r="B15572" t="s">
        <v>11981</v>
      </c>
      <c r="C15572" t="s">
        <v>15355</v>
      </c>
      <c r="D15572" t="s">
        <v>4970</v>
      </c>
    </row>
    <row r="15573" spans="1:4" x14ac:dyDescent="0.4">
      <c r="A15573" s="1" t="s">
        <v>15415</v>
      </c>
      <c r="B15573" t="s">
        <v>11981</v>
      </c>
      <c r="C15573" t="s">
        <v>15355</v>
      </c>
      <c r="D15573" t="s">
        <v>15416</v>
      </c>
    </row>
    <row r="15574" spans="1:4" x14ac:dyDescent="0.4">
      <c r="A15574" s="1" t="s">
        <v>15417</v>
      </c>
      <c r="B15574" t="s">
        <v>11981</v>
      </c>
      <c r="C15574" t="s">
        <v>15355</v>
      </c>
      <c r="D15574" t="s">
        <v>15418</v>
      </c>
    </row>
    <row r="15575" spans="1:4" x14ac:dyDescent="0.4">
      <c r="A15575" s="1" t="s">
        <v>15419</v>
      </c>
      <c r="B15575" t="s">
        <v>11981</v>
      </c>
      <c r="C15575" t="s">
        <v>15355</v>
      </c>
      <c r="D15575" t="s">
        <v>15420</v>
      </c>
    </row>
    <row r="15576" spans="1:4" x14ac:dyDescent="0.4">
      <c r="A15576" s="1" t="s">
        <v>15421</v>
      </c>
      <c r="B15576" t="s">
        <v>11981</v>
      </c>
      <c r="C15576" t="s">
        <v>15355</v>
      </c>
      <c r="D15576" t="s">
        <v>15422</v>
      </c>
    </row>
    <row r="15577" spans="1:4" x14ac:dyDescent="0.4">
      <c r="A15577" s="1" t="s">
        <v>15423</v>
      </c>
      <c r="B15577" t="s">
        <v>11981</v>
      </c>
      <c r="C15577" t="s">
        <v>15355</v>
      </c>
      <c r="D15577" t="s">
        <v>15424</v>
      </c>
    </row>
    <row r="15578" spans="1:4" x14ac:dyDescent="0.4">
      <c r="A15578" s="1" t="s">
        <v>15425</v>
      </c>
      <c r="B15578" t="s">
        <v>11981</v>
      </c>
      <c r="C15578" t="s">
        <v>15355</v>
      </c>
      <c r="D15578" t="s">
        <v>15426</v>
      </c>
    </row>
    <row r="15579" spans="1:4" x14ac:dyDescent="0.4">
      <c r="A15579" s="1" t="s">
        <v>15427</v>
      </c>
      <c r="B15579" t="s">
        <v>11981</v>
      </c>
      <c r="C15579" t="s">
        <v>15355</v>
      </c>
      <c r="D15579" t="s">
        <v>15428</v>
      </c>
    </row>
    <row r="15580" spans="1:4" x14ac:dyDescent="0.4">
      <c r="A15580" s="1" t="s">
        <v>15429</v>
      </c>
      <c r="B15580" t="s">
        <v>11981</v>
      </c>
      <c r="C15580" t="s">
        <v>15355</v>
      </c>
      <c r="D15580" t="s">
        <v>15430</v>
      </c>
    </row>
    <row r="15581" spans="1:4" x14ac:dyDescent="0.4">
      <c r="A15581" s="1" t="s">
        <v>15431</v>
      </c>
      <c r="B15581" t="s">
        <v>11981</v>
      </c>
      <c r="C15581" t="s">
        <v>15355</v>
      </c>
      <c r="D15581" t="s">
        <v>15432</v>
      </c>
    </row>
    <row r="15582" spans="1:4" x14ac:dyDescent="0.4">
      <c r="A15582" s="1" t="s">
        <v>15433</v>
      </c>
      <c r="B15582" t="s">
        <v>11981</v>
      </c>
      <c r="C15582" t="s">
        <v>15355</v>
      </c>
      <c r="D15582" t="s">
        <v>15434</v>
      </c>
    </row>
    <row r="15583" spans="1:4" x14ac:dyDescent="0.4">
      <c r="A15583" s="1" t="s">
        <v>15435</v>
      </c>
      <c r="B15583" t="s">
        <v>11981</v>
      </c>
      <c r="C15583" t="s">
        <v>15355</v>
      </c>
      <c r="D15583" t="s">
        <v>15436</v>
      </c>
    </row>
    <row r="15584" spans="1:4" x14ac:dyDescent="0.4">
      <c r="A15584" s="1" t="s">
        <v>15437</v>
      </c>
      <c r="B15584" t="s">
        <v>11981</v>
      </c>
      <c r="C15584" t="s">
        <v>15355</v>
      </c>
      <c r="D15584" t="s">
        <v>15438</v>
      </c>
    </row>
    <row r="15585" spans="1:4" x14ac:dyDescent="0.4">
      <c r="A15585" s="1" t="s">
        <v>15439</v>
      </c>
      <c r="B15585" t="s">
        <v>11981</v>
      </c>
      <c r="C15585" t="s">
        <v>15355</v>
      </c>
      <c r="D15585" t="s">
        <v>15440</v>
      </c>
    </row>
    <row r="15586" spans="1:4" x14ac:dyDescent="0.4">
      <c r="A15586" s="1" t="s">
        <v>15441</v>
      </c>
      <c r="B15586" t="s">
        <v>11981</v>
      </c>
      <c r="C15586" t="s">
        <v>15355</v>
      </c>
      <c r="D15586" t="s">
        <v>15442</v>
      </c>
    </row>
    <row r="15587" spans="1:4" x14ac:dyDescent="0.4">
      <c r="A15587" s="1" t="s">
        <v>15443</v>
      </c>
      <c r="B15587" t="s">
        <v>11981</v>
      </c>
      <c r="C15587" t="s">
        <v>15355</v>
      </c>
      <c r="D15587" t="s">
        <v>1571</v>
      </c>
    </row>
    <row r="15588" spans="1:4" x14ac:dyDescent="0.4">
      <c r="A15588" s="1" t="s">
        <v>15444</v>
      </c>
      <c r="B15588" t="s">
        <v>11981</v>
      </c>
      <c r="C15588" t="s">
        <v>15355</v>
      </c>
      <c r="D15588" t="s">
        <v>15445</v>
      </c>
    </row>
    <row r="15589" spans="1:4" x14ac:dyDescent="0.4">
      <c r="A15589" s="1" t="s">
        <v>15446</v>
      </c>
      <c r="B15589" t="s">
        <v>11981</v>
      </c>
      <c r="C15589" t="s">
        <v>15355</v>
      </c>
      <c r="D15589" t="s">
        <v>442</v>
      </c>
    </row>
    <row r="15590" spans="1:4" x14ac:dyDescent="0.4">
      <c r="A15590" s="1" t="s">
        <v>15447</v>
      </c>
      <c r="B15590" t="s">
        <v>11981</v>
      </c>
      <c r="C15590" t="s">
        <v>15355</v>
      </c>
      <c r="D15590" t="s">
        <v>15448</v>
      </c>
    </row>
    <row r="15591" spans="1:4" x14ac:dyDescent="0.4">
      <c r="A15591" s="1" t="s">
        <v>15449</v>
      </c>
      <c r="B15591" t="s">
        <v>11981</v>
      </c>
      <c r="C15591" t="s">
        <v>15355</v>
      </c>
      <c r="D15591" t="s">
        <v>8438</v>
      </c>
    </row>
    <row r="15592" spans="1:4" x14ac:dyDescent="0.4">
      <c r="A15592" s="1" t="s">
        <v>15450</v>
      </c>
      <c r="B15592" t="s">
        <v>11981</v>
      </c>
      <c r="C15592" t="s">
        <v>15355</v>
      </c>
      <c r="D15592" t="s">
        <v>8766</v>
      </c>
    </row>
    <row r="15593" spans="1:4" x14ac:dyDescent="0.4">
      <c r="A15593" s="1" t="s">
        <v>15451</v>
      </c>
      <c r="B15593" t="s">
        <v>11981</v>
      </c>
      <c r="C15593" t="s">
        <v>15355</v>
      </c>
      <c r="D15593" t="s">
        <v>2780</v>
      </c>
    </row>
    <row r="15594" spans="1:4" x14ac:dyDescent="0.4">
      <c r="A15594" s="1" t="s">
        <v>15452</v>
      </c>
      <c r="B15594" t="s">
        <v>11981</v>
      </c>
      <c r="C15594" t="s">
        <v>15355</v>
      </c>
      <c r="D15594" t="s">
        <v>3697</v>
      </c>
    </row>
    <row r="15595" spans="1:4" x14ac:dyDescent="0.4">
      <c r="A15595" s="1" t="s">
        <v>15453</v>
      </c>
      <c r="B15595" t="s">
        <v>11981</v>
      </c>
      <c r="C15595" t="s">
        <v>15355</v>
      </c>
      <c r="D15595" t="s">
        <v>15454</v>
      </c>
    </row>
    <row r="15596" spans="1:4" x14ac:dyDescent="0.4">
      <c r="A15596" s="1" t="s">
        <v>15455</v>
      </c>
      <c r="B15596" t="s">
        <v>11981</v>
      </c>
      <c r="C15596" t="s">
        <v>15355</v>
      </c>
      <c r="D15596" t="s">
        <v>15456</v>
      </c>
    </row>
    <row r="15597" spans="1:4" x14ac:dyDescent="0.4">
      <c r="A15597" s="1" t="s">
        <v>15457</v>
      </c>
      <c r="B15597" t="s">
        <v>11981</v>
      </c>
      <c r="C15597" t="s">
        <v>15355</v>
      </c>
      <c r="D15597" t="s">
        <v>15458</v>
      </c>
    </row>
    <row r="15598" spans="1:4" x14ac:dyDescent="0.4">
      <c r="A15598" s="1" t="s">
        <v>15459</v>
      </c>
      <c r="B15598" t="s">
        <v>11981</v>
      </c>
      <c r="C15598" t="s">
        <v>15355</v>
      </c>
      <c r="D15598" t="s">
        <v>15460</v>
      </c>
    </row>
    <row r="15599" spans="1:4" x14ac:dyDescent="0.4">
      <c r="A15599" s="1" t="s">
        <v>15461</v>
      </c>
      <c r="B15599" t="s">
        <v>11981</v>
      </c>
      <c r="C15599" t="s">
        <v>15355</v>
      </c>
      <c r="D15599" t="s">
        <v>15462</v>
      </c>
    </row>
    <row r="15600" spans="1:4" x14ac:dyDescent="0.4">
      <c r="A15600" s="1" t="s">
        <v>15463</v>
      </c>
      <c r="B15600" t="s">
        <v>11981</v>
      </c>
      <c r="C15600" t="s">
        <v>15355</v>
      </c>
      <c r="D15600" t="s">
        <v>15464</v>
      </c>
    </row>
    <row r="15601" spans="1:4" x14ac:dyDescent="0.4">
      <c r="A15601" s="1" t="s">
        <v>15465</v>
      </c>
      <c r="B15601" t="s">
        <v>11981</v>
      </c>
      <c r="C15601" t="s">
        <v>15355</v>
      </c>
      <c r="D15601" t="s">
        <v>15466</v>
      </c>
    </row>
    <row r="15602" spans="1:4" x14ac:dyDescent="0.4">
      <c r="A15602" s="1" t="s">
        <v>15467</v>
      </c>
      <c r="B15602" t="s">
        <v>11981</v>
      </c>
      <c r="C15602" t="s">
        <v>15355</v>
      </c>
      <c r="D15602" t="s">
        <v>5792</v>
      </c>
    </row>
    <row r="15603" spans="1:4" x14ac:dyDescent="0.4">
      <c r="A15603" s="1" t="s">
        <v>15468</v>
      </c>
      <c r="B15603" t="s">
        <v>11981</v>
      </c>
      <c r="C15603" t="s">
        <v>15355</v>
      </c>
      <c r="D15603" t="s">
        <v>8555</v>
      </c>
    </row>
    <row r="15604" spans="1:4" x14ac:dyDescent="0.4">
      <c r="A15604" s="1" t="s">
        <v>15469</v>
      </c>
      <c r="B15604" t="s">
        <v>11981</v>
      </c>
      <c r="C15604" t="s">
        <v>15355</v>
      </c>
      <c r="D15604" t="s">
        <v>15470</v>
      </c>
    </row>
    <row r="15605" spans="1:4" x14ac:dyDescent="0.4">
      <c r="A15605" s="1" t="s">
        <v>15469</v>
      </c>
      <c r="B15605" t="s">
        <v>11981</v>
      </c>
      <c r="C15605" t="s">
        <v>15355</v>
      </c>
      <c r="D15605" t="s">
        <v>15471</v>
      </c>
    </row>
    <row r="15606" spans="1:4" x14ac:dyDescent="0.4">
      <c r="A15606" s="1" t="s">
        <v>15469</v>
      </c>
      <c r="B15606" t="s">
        <v>11981</v>
      </c>
      <c r="C15606" t="s">
        <v>15355</v>
      </c>
      <c r="D15606" t="s">
        <v>15472</v>
      </c>
    </row>
    <row r="15607" spans="1:4" x14ac:dyDescent="0.4">
      <c r="A15607" s="1" t="s">
        <v>15469</v>
      </c>
      <c r="B15607" t="s">
        <v>11981</v>
      </c>
      <c r="C15607" t="s">
        <v>15355</v>
      </c>
      <c r="D15607" t="s">
        <v>15473</v>
      </c>
    </row>
    <row r="15608" spans="1:4" x14ac:dyDescent="0.4">
      <c r="A15608" s="1" t="s">
        <v>15474</v>
      </c>
      <c r="B15608" t="s">
        <v>11981</v>
      </c>
      <c r="C15608" t="s">
        <v>15355</v>
      </c>
      <c r="D15608" t="s">
        <v>15475</v>
      </c>
    </row>
    <row r="15609" spans="1:4" x14ac:dyDescent="0.4">
      <c r="A15609" s="1" t="s">
        <v>15476</v>
      </c>
      <c r="B15609" t="s">
        <v>11981</v>
      </c>
      <c r="C15609" t="s">
        <v>15355</v>
      </c>
      <c r="D15609" t="s">
        <v>15477</v>
      </c>
    </row>
    <row r="15610" spans="1:4" x14ac:dyDescent="0.4">
      <c r="A15610" s="1" t="s">
        <v>15478</v>
      </c>
      <c r="B15610" t="s">
        <v>11981</v>
      </c>
      <c r="C15610" t="s">
        <v>15355</v>
      </c>
      <c r="D15610" t="s">
        <v>479</v>
      </c>
    </row>
    <row r="15611" spans="1:4" x14ac:dyDescent="0.4">
      <c r="A15611" s="1" t="s">
        <v>15479</v>
      </c>
      <c r="B15611" t="s">
        <v>11981</v>
      </c>
      <c r="C15611" t="s">
        <v>15355</v>
      </c>
      <c r="D15611" t="s">
        <v>15480</v>
      </c>
    </row>
    <row r="15612" spans="1:4" x14ac:dyDescent="0.4">
      <c r="A15612" s="1" t="s">
        <v>15481</v>
      </c>
      <c r="B15612" t="s">
        <v>11981</v>
      </c>
      <c r="C15612" t="s">
        <v>15355</v>
      </c>
      <c r="D15612" t="s">
        <v>15482</v>
      </c>
    </row>
    <row r="15613" spans="1:4" x14ac:dyDescent="0.4">
      <c r="A15613" s="1" t="s">
        <v>15483</v>
      </c>
      <c r="B15613" t="s">
        <v>11981</v>
      </c>
      <c r="C15613" t="s">
        <v>15355</v>
      </c>
      <c r="D15613" t="s">
        <v>15484</v>
      </c>
    </row>
    <row r="15614" spans="1:4" x14ac:dyDescent="0.4">
      <c r="A15614" s="1" t="s">
        <v>15485</v>
      </c>
      <c r="B15614" t="s">
        <v>11981</v>
      </c>
      <c r="C15614" t="s">
        <v>15355</v>
      </c>
      <c r="D15614" t="s">
        <v>15486</v>
      </c>
    </row>
    <row r="15615" spans="1:4" x14ac:dyDescent="0.4">
      <c r="A15615" s="1" t="s">
        <v>15487</v>
      </c>
      <c r="B15615" t="s">
        <v>11981</v>
      </c>
      <c r="C15615" t="s">
        <v>15355</v>
      </c>
      <c r="D15615" t="s">
        <v>15488</v>
      </c>
    </row>
    <row r="15616" spans="1:4" x14ac:dyDescent="0.4">
      <c r="A15616" s="1" t="s">
        <v>15489</v>
      </c>
      <c r="B15616" t="s">
        <v>11981</v>
      </c>
      <c r="C15616" t="s">
        <v>15355</v>
      </c>
      <c r="D15616" t="s">
        <v>15490</v>
      </c>
    </row>
    <row r="15617" spans="1:4" x14ac:dyDescent="0.4">
      <c r="A15617" s="1" t="s">
        <v>15491</v>
      </c>
      <c r="B15617" t="s">
        <v>11981</v>
      </c>
      <c r="C15617" t="s">
        <v>15355</v>
      </c>
      <c r="D15617" t="s">
        <v>15492</v>
      </c>
    </row>
    <row r="15618" spans="1:4" x14ac:dyDescent="0.4">
      <c r="A15618" s="1" t="s">
        <v>15493</v>
      </c>
      <c r="B15618" t="s">
        <v>11981</v>
      </c>
      <c r="C15618" t="s">
        <v>15355</v>
      </c>
      <c r="D15618" t="s">
        <v>15494</v>
      </c>
    </row>
    <row r="15619" spans="1:4" x14ac:dyDescent="0.4">
      <c r="A15619" s="1" t="s">
        <v>15495</v>
      </c>
      <c r="B15619" t="s">
        <v>11981</v>
      </c>
      <c r="C15619" t="s">
        <v>15355</v>
      </c>
      <c r="D15619" t="s">
        <v>15496</v>
      </c>
    </row>
    <row r="15620" spans="1:4" x14ac:dyDescent="0.4">
      <c r="A15620" s="1" t="s">
        <v>15497</v>
      </c>
      <c r="B15620" t="s">
        <v>11981</v>
      </c>
      <c r="C15620" t="s">
        <v>15355</v>
      </c>
      <c r="D15620" t="s">
        <v>15498</v>
      </c>
    </row>
    <row r="15621" spans="1:4" x14ac:dyDescent="0.4">
      <c r="A15621" s="1" t="s">
        <v>15499</v>
      </c>
      <c r="B15621" t="s">
        <v>11981</v>
      </c>
      <c r="C15621" t="s">
        <v>15355</v>
      </c>
      <c r="D15621" t="s">
        <v>15500</v>
      </c>
    </row>
    <row r="15622" spans="1:4" x14ac:dyDescent="0.4">
      <c r="A15622" s="1" t="s">
        <v>15501</v>
      </c>
      <c r="B15622" t="s">
        <v>11981</v>
      </c>
      <c r="C15622" t="s">
        <v>15355</v>
      </c>
      <c r="D15622" t="s">
        <v>6109</v>
      </c>
    </row>
    <row r="15623" spans="1:4" x14ac:dyDescent="0.4">
      <c r="A15623" s="1" t="s">
        <v>15502</v>
      </c>
      <c r="B15623" t="s">
        <v>11981</v>
      </c>
      <c r="C15623" t="s">
        <v>15355</v>
      </c>
      <c r="D15623" t="s">
        <v>15503</v>
      </c>
    </row>
    <row r="15624" spans="1:4" x14ac:dyDescent="0.4">
      <c r="A15624" s="1" t="s">
        <v>15504</v>
      </c>
      <c r="B15624" t="s">
        <v>11981</v>
      </c>
      <c r="C15624" t="s">
        <v>15355</v>
      </c>
      <c r="D15624" t="s">
        <v>15505</v>
      </c>
    </row>
    <row r="15625" spans="1:4" x14ac:dyDescent="0.4">
      <c r="A15625" s="1" t="s">
        <v>15506</v>
      </c>
      <c r="B15625" t="s">
        <v>11981</v>
      </c>
      <c r="C15625" t="s">
        <v>15355</v>
      </c>
      <c r="D15625" t="s">
        <v>15507</v>
      </c>
    </row>
    <row r="15626" spans="1:4" x14ac:dyDescent="0.4">
      <c r="A15626" s="1" t="s">
        <v>15508</v>
      </c>
      <c r="B15626" t="s">
        <v>11981</v>
      </c>
      <c r="C15626" t="s">
        <v>15355</v>
      </c>
      <c r="D15626" t="s">
        <v>15509</v>
      </c>
    </row>
    <row r="15627" spans="1:4" x14ac:dyDescent="0.4">
      <c r="A15627" s="1" t="s">
        <v>15510</v>
      </c>
      <c r="B15627" t="s">
        <v>11981</v>
      </c>
      <c r="C15627" t="s">
        <v>15355</v>
      </c>
      <c r="D15627" t="s">
        <v>15511</v>
      </c>
    </row>
    <row r="15628" spans="1:4" x14ac:dyDescent="0.4">
      <c r="A15628" s="1" t="s">
        <v>15512</v>
      </c>
      <c r="B15628" t="s">
        <v>11981</v>
      </c>
      <c r="C15628" t="s">
        <v>15355</v>
      </c>
      <c r="D15628" t="s">
        <v>15513</v>
      </c>
    </row>
    <row r="15629" spans="1:4" x14ac:dyDescent="0.4">
      <c r="A15629" s="1" t="s">
        <v>15514</v>
      </c>
      <c r="B15629" t="s">
        <v>11981</v>
      </c>
      <c r="C15629" t="s">
        <v>15355</v>
      </c>
      <c r="D15629" t="s">
        <v>15515</v>
      </c>
    </row>
    <row r="15630" spans="1:4" x14ac:dyDescent="0.4">
      <c r="A15630" s="1" t="s">
        <v>15516</v>
      </c>
      <c r="B15630" t="s">
        <v>11981</v>
      </c>
      <c r="C15630" t="s">
        <v>15355</v>
      </c>
      <c r="D15630" t="s">
        <v>15517</v>
      </c>
    </row>
    <row r="15631" spans="1:4" x14ac:dyDescent="0.4">
      <c r="A15631" s="1" t="s">
        <v>15518</v>
      </c>
      <c r="B15631" t="s">
        <v>11981</v>
      </c>
      <c r="C15631" t="s">
        <v>15355</v>
      </c>
      <c r="D15631" t="s">
        <v>15519</v>
      </c>
    </row>
    <row r="15632" spans="1:4" x14ac:dyDescent="0.4">
      <c r="A15632" s="1" t="s">
        <v>15520</v>
      </c>
      <c r="B15632" t="s">
        <v>11981</v>
      </c>
      <c r="C15632" t="s">
        <v>15355</v>
      </c>
      <c r="D15632" t="s">
        <v>1614</v>
      </c>
    </row>
    <row r="15633" spans="1:4" x14ac:dyDescent="0.4">
      <c r="A15633" s="1" t="s">
        <v>15521</v>
      </c>
      <c r="B15633" t="s">
        <v>11981</v>
      </c>
      <c r="C15633" t="s">
        <v>15355</v>
      </c>
      <c r="D15633" t="s">
        <v>15522</v>
      </c>
    </row>
    <row r="15634" spans="1:4" x14ac:dyDescent="0.4">
      <c r="A15634" s="1" t="s">
        <v>15523</v>
      </c>
      <c r="B15634" t="s">
        <v>11981</v>
      </c>
      <c r="C15634" t="s">
        <v>15355</v>
      </c>
      <c r="D15634" t="s">
        <v>15524</v>
      </c>
    </row>
    <row r="15635" spans="1:4" x14ac:dyDescent="0.4">
      <c r="A15635" s="1" t="s">
        <v>15525</v>
      </c>
      <c r="B15635" t="s">
        <v>11981</v>
      </c>
      <c r="C15635" t="s">
        <v>15355</v>
      </c>
      <c r="D15635" t="s">
        <v>1615</v>
      </c>
    </row>
    <row r="15636" spans="1:4" x14ac:dyDescent="0.4">
      <c r="A15636" s="1" t="s">
        <v>15526</v>
      </c>
      <c r="B15636" t="s">
        <v>11981</v>
      </c>
      <c r="C15636" t="s">
        <v>15355</v>
      </c>
      <c r="D15636" t="s">
        <v>15527</v>
      </c>
    </row>
    <row r="15637" spans="1:4" x14ac:dyDescent="0.4">
      <c r="A15637" s="1" t="s">
        <v>15528</v>
      </c>
      <c r="B15637" t="s">
        <v>11981</v>
      </c>
      <c r="C15637" t="s">
        <v>15355</v>
      </c>
      <c r="D15637" t="s">
        <v>1617</v>
      </c>
    </row>
    <row r="15638" spans="1:4" x14ac:dyDescent="0.4">
      <c r="A15638" s="1" t="s">
        <v>15529</v>
      </c>
      <c r="B15638" t="s">
        <v>11981</v>
      </c>
      <c r="C15638" t="s">
        <v>15355</v>
      </c>
      <c r="D15638" t="s">
        <v>5799</v>
      </c>
    </row>
    <row r="15639" spans="1:4" x14ac:dyDescent="0.4">
      <c r="A15639" s="1" t="s">
        <v>15530</v>
      </c>
      <c r="B15639" t="s">
        <v>11981</v>
      </c>
      <c r="C15639" t="s">
        <v>15355</v>
      </c>
      <c r="D15639" t="s">
        <v>15531</v>
      </c>
    </row>
    <row r="15640" spans="1:4" x14ac:dyDescent="0.4">
      <c r="A15640" s="1" t="s">
        <v>15532</v>
      </c>
      <c r="B15640" t="s">
        <v>11981</v>
      </c>
      <c r="C15640" t="s">
        <v>15355</v>
      </c>
      <c r="D15640" t="s">
        <v>15533</v>
      </c>
    </row>
    <row r="15641" spans="1:4" x14ac:dyDescent="0.4">
      <c r="A15641" s="1" t="s">
        <v>15534</v>
      </c>
      <c r="B15641" t="s">
        <v>11981</v>
      </c>
      <c r="C15641" t="s">
        <v>15355</v>
      </c>
      <c r="D15641" t="s">
        <v>15535</v>
      </c>
    </row>
    <row r="15642" spans="1:4" x14ac:dyDescent="0.4">
      <c r="A15642" s="1" t="s">
        <v>15536</v>
      </c>
      <c r="B15642" t="s">
        <v>11981</v>
      </c>
      <c r="C15642" t="s">
        <v>15355</v>
      </c>
      <c r="D15642" t="s">
        <v>8347</v>
      </c>
    </row>
    <row r="15643" spans="1:4" x14ac:dyDescent="0.4">
      <c r="A15643" s="1" t="s">
        <v>15537</v>
      </c>
      <c r="B15643" t="s">
        <v>11981</v>
      </c>
      <c r="C15643" t="s">
        <v>15355</v>
      </c>
      <c r="D15643" t="s">
        <v>2529</v>
      </c>
    </row>
    <row r="15644" spans="1:4" x14ac:dyDescent="0.4">
      <c r="A15644" s="1" t="s">
        <v>15538</v>
      </c>
      <c r="B15644" t="s">
        <v>11981</v>
      </c>
      <c r="C15644" t="s">
        <v>15355</v>
      </c>
      <c r="D15644" t="s">
        <v>15539</v>
      </c>
    </row>
    <row r="15645" spans="1:4" x14ac:dyDescent="0.4">
      <c r="A15645" s="1" t="s">
        <v>15540</v>
      </c>
      <c r="B15645" t="s">
        <v>11981</v>
      </c>
      <c r="C15645" t="s">
        <v>15355</v>
      </c>
      <c r="D15645" t="s">
        <v>15541</v>
      </c>
    </row>
    <row r="15646" spans="1:4" x14ac:dyDescent="0.4">
      <c r="A15646" s="1" t="s">
        <v>15542</v>
      </c>
      <c r="B15646" t="s">
        <v>11981</v>
      </c>
      <c r="C15646" t="s">
        <v>15355</v>
      </c>
      <c r="D15646" t="s">
        <v>15543</v>
      </c>
    </row>
    <row r="15647" spans="1:4" x14ac:dyDescent="0.4">
      <c r="A15647" s="1" t="s">
        <v>15544</v>
      </c>
      <c r="B15647" t="s">
        <v>11981</v>
      </c>
      <c r="C15647" t="s">
        <v>15355</v>
      </c>
      <c r="D15647" t="s">
        <v>15545</v>
      </c>
    </row>
    <row r="15648" spans="1:4" x14ac:dyDescent="0.4">
      <c r="A15648" s="1" t="s">
        <v>15546</v>
      </c>
      <c r="B15648" t="s">
        <v>11981</v>
      </c>
      <c r="C15648" t="s">
        <v>15355</v>
      </c>
      <c r="D15648" t="s">
        <v>15547</v>
      </c>
    </row>
    <row r="15649" spans="1:4" x14ac:dyDescent="0.4">
      <c r="A15649" s="1" t="s">
        <v>15548</v>
      </c>
      <c r="B15649" t="s">
        <v>11981</v>
      </c>
      <c r="C15649" t="s">
        <v>15355</v>
      </c>
      <c r="D15649" t="s">
        <v>15549</v>
      </c>
    </row>
    <row r="15650" spans="1:4" x14ac:dyDescent="0.4">
      <c r="A15650" s="1" t="s">
        <v>15550</v>
      </c>
      <c r="B15650" t="s">
        <v>11981</v>
      </c>
      <c r="C15650" t="s">
        <v>15355</v>
      </c>
      <c r="D15650" t="s">
        <v>15551</v>
      </c>
    </row>
    <row r="15651" spans="1:4" x14ac:dyDescent="0.4">
      <c r="A15651" s="1" t="s">
        <v>15552</v>
      </c>
      <c r="B15651" t="s">
        <v>11981</v>
      </c>
      <c r="C15651" t="s">
        <v>15355</v>
      </c>
      <c r="D15651" t="s">
        <v>15553</v>
      </c>
    </row>
    <row r="15652" spans="1:4" x14ac:dyDescent="0.4">
      <c r="A15652" s="1" t="s">
        <v>15554</v>
      </c>
      <c r="B15652" t="s">
        <v>11981</v>
      </c>
      <c r="C15652" t="s">
        <v>15355</v>
      </c>
      <c r="D15652" t="s">
        <v>15555</v>
      </c>
    </row>
    <row r="15653" spans="1:4" x14ac:dyDescent="0.4">
      <c r="A15653" s="1" t="s">
        <v>15556</v>
      </c>
      <c r="B15653" t="s">
        <v>11981</v>
      </c>
      <c r="C15653" t="s">
        <v>15355</v>
      </c>
      <c r="D15653" t="s">
        <v>15557</v>
      </c>
    </row>
    <row r="15654" spans="1:4" x14ac:dyDescent="0.4">
      <c r="A15654" s="1" t="s">
        <v>15558</v>
      </c>
      <c r="B15654" t="s">
        <v>11981</v>
      </c>
      <c r="C15654" t="s">
        <v>15355</v>
      </c>
      <c r="D15654" t="s">
        <v>15559</v>
      </c>
    </row>
    <row r="15655" spans="1:4" x14ac:dyDescent="0.4">
      <c r="A15655" s="1" t="s">
        <v>15560</v>
      </c>
      <c r="B15655" t="s">
        <v>11981</v>
      </c>
      <c r="C15655" t="s">
        <v>15355</v>
      </c>
      <c r="D15655" t="s">
        <v>15561</v>
      </c>
    </row>
    <row r="15656" spans="1:4" x14ac:dyDescent="0.4">
      <c r="A15656" s="1" t="s">
        <v>15562</v>
      </c>
      <c r="B15656" t="s">
        <v>11981</v>
      </c>
      <c r="C15656" t="s">
        <v>15355</v>
      </c>
      <c r="D15656" t="s">
        <v>15563</v>
      </c>
    </row>
    <row r="15657" spans="1:4" x14ac:dyDescent="0.4">
      <c r="A15657" s="1" t="s">
        <v>15564</v>
      </c>
      <c r="B15657" t="s">
        <v>11981</v>
      </c>
      <c r="C15657" t="s">
        <v>15355</v>
      </c>
      <c r="D15657" t="s">
        <v>15565</v>
      </c>
    </row>
    <row r="15658" spans="1:4" x14ac:dyDescent="0.4">
      <c r="A15658" s="1" t="s">
        <v>15566</v>
      </c>
      <c r="B15658" t="s">
        <v>11981</v>
      </c>
      <c r="C15658" t="s">
        <v>15355</v>
      </c>
      <c r="D15658" t="s">
        <v>15567</v>
      </c>
    </row>
    <row r="15659" spans="1:4" x14ac:dyDescent="0.4">
      <c r="A15659" s="1" t="s">
        <v>15568</v>
      </c>
      <c r="B15659" t="s">
        <v>11981</v>
      </c>
      <c r="C15659" t="s">
        <v>15355</v>
      </c>
      <c r="D15659" t="s">
        <v>15569</v>
      </c>
    </row>
    <row r="15660" spans="1:4" x14ac:dyDescent="0.4">
      <c r="A15660" s="1" t="s">
        <v>15570</v>
      </c>
      <c r="B15660" t="s">
        <v>11981</v>
      </c>
      <c r="C15660" t="s">
        <v>15355</v>
      </c>
      <c r="D15660" t="s">
        <v>519</v>
      </c>
    </row>
    <row r="15661" spans="1:4" x14ac:dyDescent="0.4">
      <c r="A15661" s="1" t="s">
        <v>15571</v>
      </c>
      <c r="B15661" t="s">
        <v>11981</v>
      </c>
      <c r="C15661" t="s">
        <v>15355</v>
      </c>
      <c r="D15661" t="s">
        <v>15572</v>
      </c>
    </row>
    <row r="15662" spans="1:4" x14ac:dyDescent="0.4">
      <c r="A15662" s="1" t="s">
        <v>15573</v>
      </c>
      <c r="B15662" t="s">
        <v>11981</v>
      </c>
      <c r="C15662" t="s">
        <v>15355</v>
      </c>
      <c r="D15662" t="s">
        <v>15574</v>
      </c>
    </row>
    <row r="15663" spans="1:4" x14ac:dyDescent="0.4">
      <c r="A15663" s="1" t="s">
        <v>15575</v>
      </c>
      <c r="B15663" t="s">
        <v>11981</v>
      </c>
      <c r="C15663" t="s">
        <v>15576</v>
      </c>
    </row>
    <row r="15664" spans="1:4" x14ac:dyDescent="0.4">
      <c r="A15664" s="1" t="s">
        <v>15577</v>
      </c>
      <c r="B15664" t="s">
        <v>11981</v>
      </c>
      <c r="C15664" t="s">
        <v>15576</v>
      </c>
      <c r="D15664" t="s">
        <v>15283</v>
      </c>
    </row>
    <row r="15665" spans="1:4" x14ac:dyDescent="0.4">
      <c r="A15665" s="1" t="s">
        <v>15578</v>
      </c>
      <c r="B15665" t="s">
        <v>11981</v>
      </c>
      <c r="C15665" t="s">
        <v>15576</v>
      </c>
      <c r="D15665" t="s">
        <v>15579</v>
      </c>
    </row>
    <row r="15666" spans="1:4" x14ac:dyDescent="0.4">
      <c r="A15666" s="1" t="s">
        <v>15580</v>
      </c>
      <c r="B15666" t="s">
        <v>11981</v>
      </c>
      <c r="C15666" t="s">
        <v>15576</v>
      </c>
      <c r="D15666" t="s">
        <v>55</v>
      </c>
    </row>
    <row r="15667" spans="1:4" x14ac:dyDescent="0.4">
      <c r="A15667" s="1" t="s">
        <v>15581</v>
      </c>
      <c r="B15667" t="s">
        <v>11981</v>
      </c>
      <c r="C15667" t="s">
        <v>15576</v>
      </c>
      <c r="D15667" t="s">
        <v>15582</v>
      </c>
    </row>
    <row r="15668" spans="1:4" x14ac:dyDescent="0.4">
      <c r="A15668" s="1" t="s">
        <v>15583</v>
      </c>
      <c r="B15668" t="s">
        <v>11981</v>
      </c>
      <c r="C15668" t="s">
        <v>15576</v>
      </c>
      <c r="D15668" t="s">
        <v>15584</v>
      </c>
    </row>
    <row r="15669" spans="1:4" x14ac:dyDescent="0.4">
      <c r="A15669" s="1" t="s">
        <v>15585</v>
      </c>
      <c r="B15669" t="s">
        <v>11981</v>
      </c>
      <c r="C15669" t="s">
        <v>15576</v>
      </c>
      <c r="D15669" t="s">
        <v>7207</v>
      </c>
    </row>
    <row r="15670" spans="1:4" x14ac:dyDescent="0.4">
      <c r="A15670" s="1" t="s">
        <v>15586</v>
      </c>
      <c r="B15670" t="s">
        <v>11981</v>
      </c>
      <c r="C15670" t="s">
        <v>15576</v>
      </c>
      <c r="D15670" t="s">
        <v>15587</v>
      </c>
    </row>
    <row r="15671" spans="1:4" x14ac:dyDescent="0.4">
      <c r="A15671" s="1" t="s">
        <v>15588</v>
      </c>
      <c r="B15671" t="s">
        <v>11981</v>
      </c>
      <c r="C15671" t="s">
        <v>15576</v>
      </c>
      <c r="D15671" t="s">
        <v>15589</v>
      </c>
    </row>
    <row r="15672" spans="1:4" x14ac:dyDescent="0.4">
      <c r="A15672" s="1" t="s">
        <v>15590</v>
      </c>
      <c r="B15672" t="s">
        <v>11981</v>
      </c>
      <c r="C15672" t="s">
        <v>15591</v>
      </c>
    </row>
    <row r="15673" spans="1:4" x14ac:dyDescent="0.4">
      <c r="A15673" s="1" t="s">
        <v>15592</v>
      </c>
      <c r="B15673" t="s">
        <v>11981</v>
      </c>
      <c r="C15673" t="s">
        <v>15591</v>
      </c>
      <c r="D15673" t="s">
        <v>15593</v>
      </c>
    </row>
    <row r="15674" spans="1:4" x14ac:dyDescent="0.4">
      <c r="A15674" s="1" t="s">
        <v>15594</v>
      </c>
      <c r="B15674" t="s">
        <v>11981</v>
      </c>
      <c r="C15674" t="s">
        <v>15591</v>
      </c>
      <c r="D15674" t="s">
        <v>15595</v>
      </c>
    </row>
    <row r="15675" spans="1:4" x14ac:dyDescent="0.4">
      <c r="A15675" s="1" t="s">
        <v>15596</v>
      </c>
      <c r="B15675" t="s">
        <v>11981</v>
      </c>
      <c r="C15675" t="s">
        <v>15591</v>
      </c>
      <c r="D15675" t="s">
        <v>15597</v>
      </c>
    </row>
    <row r="15676" spans="1:4" x14ac:dyDescent="0.4">
      <c r="A15676" s="1" t="s">
        <v>15598</v>
      </c>
      <c r="B15676" t="s">
        <v>11981</v>
      </c>
      <c r="C15676" t="s">
        <v>15591</v>
      </c>
      <c r="D15676" t="s">
        <v>15599</v>
      </c>
    </row>
    <row r="15677" spans="1:4" x14ac:dyDescent="0.4">
      <c r="A15677" s="1" t="s">
        <v>15600</v>
      </c>
      <c r="B15677" t="s">
        <v>11981</v>
      </c>
      <c r="C15677" t="s">
        <v>15591</v>
      </c>
      <c r="D15677" t="s">
        <v>7764</v>
      </c>
    </row>
    <row r="15678" spans="1:4" x14ac:dyDescent="0.4">
      <c r="A15678" s="1" t="s">
        <v>15601</v>
      </c>
      <c r="B15678" t="s">
        <v>11981</v>
      </c>
      <c r="C15678" t="s">
        <v>15591</v>
      </c>
      <c r="D15678" t="s">
        <v>3183</v>
      </c>
    </row>
    <row r="15679" spans="1:4" x14ac:dyDescent="0.4">
      <c r="A15679" s="1" t="s">
        <v>15602</v>
      </c>
      <c r="B15679" t="s">
        <v>11981</v>
      </c>
      <c r="C15679" t="s">
        <v>15591</v>
      </c>
      <c r="D15679" t="s">
        <v>15603</v>
      </c>
    </row>
    <row r="15680" spans="1:4" x14ac:dyDescent="0.4">
      <c r="A15680" s="1" t="s">
        <v>15604</v>
      </c>
      <c r="B15680" t="s">
        <v>11981</v>
      </c>
      <c r="C15680" t="s">
        <v>15591</v>
      </c>
      <c r="D15680" t="s">
        <v>15605</v>
      </c>
    </row>
    <row r="15681" spans="1:4" x14ac:dyDescent="0.4">
      <c r="A15681" s="1" t="s">
        <v>15606</v>
      </c>
      <c r="B15681" t="s">
        <v>11981</v>
      </c>
      <c r="C15681" t="s">
        <v>15591</v>
      </c>
      <c r="D15681" t="s">
        <v>15607</v>
      </c>
    </row>
    <row r="15682" spans="1:4" x14ac:dyDescent="0.4">
      <c r="A15682" s="1" t="s">
        <v>15608</v>
      </c>
      <c r="B15682" t="s">
        <v>11981</v>
      </c>
      <c r="C15682" t="s">
        <v>15591</v>
      </c>
      <c r="D15682" t="s">
        <v>15609</v>
      </c>
    </row>
    <row r="15683" spans="1:4" x14ac:dyDescent="0.4">
      <c r="A15683" s="1" t="s">
        <v>15610</v>
      </c>
      <c r="B15683" t="s">
        <v>11981</v>
      </c>
      <c r="C15683" t="s">
        <v>15591</v>
      </c>
      <c r="D15683" t="s">
        <v>15611</v>
      </c>
    </row>
    <row r="15684" spans="1:4" x14ac:dyDescent="0.4">
      <c r="A15684" s="1" t="s">
        <v>15612</v>
      </c>
      <c r="B15684" t="s">
        <v>11981</v>
      </c>
      <c r="C15684" t="s">
        <v>15591</v>
      </c>
      <c r="D15684" t="s">
        <v>15613</v>
      </c>
    </row>
    <row r="15685" spans="1:4" x14ac:dyDescent="0.4">
      <c r="A15685" s="1" t="s">
        <v>15614</v>
      </c>
      <c r="B15685" t="s">
        <v>11981</v>
      </c>
      <c r="C15685" t="s">
        <v>15591</v>
      </c>
      <c r="D15685" t="s">
        <v>15615</v>
      </c>
    </row>
    <row r="15686" spans="1:4" x14ac:dyDescent="0.4">
      <c r="A15686" s="1" t="s">
        <v>15616</v>
      </c>
      <c r="B15686" t="s">
        <v>11981</v>
      </c>
      <c r="C15686" t="s">
        <v>15591</v>
      </c>
      <c r="D15686" t="s">
        <v>2292</v>
      </c>
    </row>
    <row r="15687" spans="1:4" x14ac:dyDescent="0.4">
      <c r="A15687" s="1" t="s">
        <v>15617</v>
      </c>
      <c r="B15687" t="s">
        <v>11981</v>
      </c>
      <c r="C15687" t="s">
        <v>15591</v>
      </c>
      <c r="D15687" t="s">
        <v>15618</v>
      </c>
    </row>
    <row r="15688" spans="1:4" x14ac:dyDescent="0.4">
      <c r="A15688" s="1" t="s">
        <v>15619</v>
      </c>
      <c r="B15688" t="s">
        <v>11981</v>
      </c>
      <c r="C15688" t="s">
        <v>15591</v>
      </c>
      <c r="D15688" t="s">
        <v>3360</v>
      </c>
    </row>
    <row r="15689" spans="1:4" x14ac:dyDescent="0.4">
      <c r="A15689" s="1" t="s">
        <v>15620</v>
      </c>
      <c r="B15689" t="s">
        <v>11981</v>
      </c>
      <c r="C15689" t="s">
        <v>15591</v>
      </c>
      <c r="D15689" t="s">
        <v>4252</v>
      </c>
    </row>
    <row r="15690" spans="1:4" x14ac:dyDescent="0.4">
      <c r="A15690" s="1" t="s">
        <v>15621</v>
      </c>
      <c r="B15690" t="s">
        <v>11981</v>
      </c>
      <c r="C15690" t="s">
        <v>15591</v>
      </c>
      <c r="D15690" t="s">
        <v>15622</v>
      </c>
    </row>
    <row r="15691" spans="1:4" x14ac:dyDescent="0.4">
      <c r="A15691" s="1" t="s">
        <v>15623</v>
      </c>
      <c r="B15691" t="s">
        <v>11981</v>
      </c>
      <c r="C15691" t="s">
        <v>15591</v>
      </c>
      <c r="D15691" t="s">
        <v>7194</v>
      </c>
    </row>
    <row r="15692" spans="1:4" x14ac:dyDescent="0.4">
      <c r="A15692" s="1" t="s">
        <v>15624</v>
      </c>
      <c r="B15692" t="s">
        <v>11981</v>
      </c>
      <c r="C15692" t="s">
        <v>15591</v>
      </c>
      <c r="D15692" t="s">
        <v>367</v>
      </c>
    </row>
    <row r="15693" spans="1:4" x14ac:dyDescent="0.4">
      <c r="A15693" s="1" t="s">
        <v>15625</v>
      </c>
      <c r="B15693" t="s">
        <v>11981</v>
      </c>
      <c r="C15693" t="s">
        <v>15591</v>
      </c>
      <c r="D15693" t="s">
        <v>15626</v>
      </c>
    </row>
    <row r="15694" spans="1:4" x14ac:dyDescent="0.4">
      <c r="A15694" s="1" t="s">
        <v>15627</v>
      </c>
      <c r="B15694" t="s">
        <v>11981</v>
      </c>
      <c r="C15694" t="s">
        <v>15591</v>
      </c>
      <c r="D15694" t="s">
        <v>3395</v>
      </c>
    </row>
    <row r="15695" spans="1:4" x14ac:dyDescent="0.4">
      <c r="A15695" s="1" t="s">
        <v>15628</v>
      </c>
      <c r="B15695" t="s">
        <v>11981</v>
      </c>
      <c r="C15695" t="s">
        <v>15591</v>
      </c>
      <c r="D15695" t="s">
        <v>15629</v>
      </c>
    </row>
    <row r="15696" spans="1:4" x14ac:dyDescent="0.4">
      <c r="A15696" s="1" t="s">
        <v>15630</v>
      </c>
      <c r="B15696" t="s">
        <v>11981</v>
      </c>
      <c r="C15696" t="s">
        <v>15591</v>
      </c>
      <c r="D15696" t="s">
        <v>7610</v>
      </c>
    </row>
    <row r="15697" spans="1:4" x14ac:dyDescent="0.4">
      <c r="A15697" s="1" t="s">
        <v>15631</v>
      </c>
      <c r="B15697" t="s">
        <v>11981</v>
      </c>
      <c r="C15697" t="s">
        <v>15591</v>
      </c>
      <c r="D15697" t="s">
        <v>1582</v>
      </c>
    </row>
    <row r="15698" spans="1:4" x14ac:dyDescent="0.4">
      <c r="A15698" s="1" t="s">
        <v>15632</v>
      </c>
      <c r="B15698" t="s">
        <v>11981</v>
      </c>
      <c r="C15698" t="s">
        <v>15591</v>
      </c>
      <c r="D15698" t="s">
        <v>15633</v>
      </c>
    </row>
    <row r="15699" spans="1:4" x14ac:dyDescent="0.4">
      <c r="A15699" s="1" t="s">
        <v>15634</v>
      </c>
      <c r="B15699" t="s">
        <v>11981</v>
      </c>
      <c r="C15699" t="s">
        <v>15591</v>
      </c>
      <c r="D15699" t="s">
        <v>15635</v>
      </c>
    </row>
    <row r="15700" spans="1:4" x14ac:dyDescent="0.4">
      <c r="A15700" s="1" t="s">
        <v>15636</v>
      </c>
      <c r="B15700" t="s">
        <v>11981</v>
      </c>
      <c r="C15700" t="s">
        <v>15591</v>
      </c>
      <c r="D15700" t="s">
        <v>15637</v>
      </c>
    </row>
    <row r="15701" spans="1:4" x14ac:dyDescent="0.4">
      <c r="A15701" s="1" t="s">
        <v>15638</v>
      </c>
      <c r="B15701" t="s">
        <v>11981</v>
      </c>
      <c r="C15701" t="s">
        <v>15591</v>
      </c>
      <c r="D15701" t="s">
        <v>10640</v>
      </c>
    </row>
    <row r="15702" spans="1:4" x14ac:dyDescent="0.4">
      <c r="A15702" s="1" t="s">
        <v>15639</v>
      </c>
      <c r="B15702" t="s">
        <v>11981</v>
      </c>
      <c r="C15702" t="s">
        <v>15591</v>
      </c>
      <c r="D15702" t="s">
        <v>2346</v>
      </c>
    </row>
    <row r="15703" spans="1:4" x14ac:dyDescent="0.4">
      <c r="A15703" s="1" t="s">
        <v>15640</v>
      </c>
      <c r="B15703" t="s">
        <v>11981</v>
      </c>
      <c r="C15703" t="s">
        <v>15591</v>
      </c>
      <c r="D15703" t="s">
        <v>15641</v>
      </c>
    </row>
    <row r="15704" spans="1:4" x14ac:dyDescent="0.4">
      <c r="A15704" s="1" t="s">
        <v>15642</v>
      </c>
      <c r="B15704" t="s">
        <v>11981</v>
      </c>
      <c r="C15704" t="s">
        <v>15591</v>
      </c>
      <c r="D15704" t="s">
        <v>5602</v>
      </c>
    </row>
    <row r="15705" spans="1:4" x14ac:dyDescent="0.4">
      <c r="A15705" s="1" t="s">
        <v>15643</v>
      </c>
      <c r="B15705" t="s">
        <v>11981</v>
      </c>
      <c r="C15705" t="s">
        <v>15591</v>
      </c>
      <c r="D15705" t="s">
        <v>15644</v>
      </c>
    </row>
    <row r="15706" spans="1:4" x14ac:dyDescent="0.4">
      <c r="A15706" s="1" t="s">
        <v>15645</v>
      </c>
      <c r="B15706" t="s">
        <v>11981</v>
      </c>
      <c r="C15706" t="s">
        <v>15591</v>
      </c>
      <c r="D15706" t="s">
        <v>567</v>
      </c>
    </row>
    <row r="15707" spans="1:4" x14ac:dyDescent="0.4">
      <c r="A15707" s="1" t="s">
        <v>15646</v>
      </c>
      <c r="B15707" t="s">
        <v>11981</v>
      </c>
      <c r="C15707" t="s">
        <v>15591</v>
      </c>
      <c r="D15707" t="s">
        <v>3422</v>
      </c>
    </row>
    <row r="15708" spans="1:4" x14ac:dyDescent="0.4">
      <c r="A15708" s="1" t="s">
        <v>15647</v>
      </c>
      <c r="B15708" t="s">
        <v>11981</v>
      </c>
      <c r="C15708" t="s">
        <v>15591</v>
      </c>
      <c r="D15708" t="s">
        <v>4708</v>
      </c>
    </row>
    <row r="15709" spans="1:4" x14ac:dyDescent="0.4">
      <c r="A15709" s="1" t="s">
        <v>15648</v>
      </c>
      <c r="B15709" t="s">
        <v>11981</v>
      </c>
      <c r="C15709" t="s">
        <v>15591</v>
      </c>
      <c r="D15709" t="s">
        <v>15649</v>
      </c>
    </row>
    <row r="15710" spans="1:4" x14ac:dyDescent="0.4">
      <c r="A15710" s="1" t="s">
        <v>15650</v>
      </c>
      <c r="B15710" t="s">
        <v>11981</v>
      </c>
      <c r="C15710" t="s">
        <v>15591</v>
      </c>
      <c r="D15710" t="s">
        <v>15651</v>
      </c>
    </row>
    <row r="15711" spans="1:4" x14ac:dyDescent="0.4">
      <c r="A15711" s="1" t="s">
        <v>15652</v>
      </c>
      <c r="B15711" t="s">
        <v>11981</v>
      </c>
      <c r="C15711" t="s">
        <v>15591</v>
      </c>
      <c r="D15711" t="s">
        <v>15653</v>
      </c>
    </row>
    <row r="15712" spans="1:4" x14ac:dyDescent="0.4">
      <c r="A15712" s="1" t="s">
        <v>15654</v>
      </c>
      <c r="B15712" t="s">
        <v>11981</v>
      </c>
      <c r="C15712" t="s">
        <v>15655</v>
      </c>
    </row>
    <row r="15713" spans="1:4" x14ac:dyDescent="0.4">
      <c r="A15713" s="1" t="s">
        <v>15656</v>
      </c>
      <c r="B15713" t="s">
        <v>11981</v>
      </c>
      <c r="C15713" t="s">
        <v>15655</v>
      </c>
      <c r="D15713" t="s">
        <v>15657</v>
      </c>
    </row>
    <row r="15714" spans="1:4" x14ac:dyDescent="0.4">
      <c r="A15714" s="1" t="s">
        <v>15658</v>
      </c>
      <c r="B15714" t="s">
        <v>11981</v>
      </c>
      <c r="C15714" t="s">
        <v>15655</v>
      </c>
      <c r="D15714" t="s">
        <v>15659</v>
      </c>
    </row>
    <row r="15715" spans="1:4" x14ac:dyDescent="0.4">
      <c r="A15715" s="1" t="s">
        <v>15660</v>
      </c>
      <c r="B15715" t="s">
        <v>11981</v>
      </c>
      <c r="C15715" t="s">
        <v>15655</v>
      </c>
      <c r="D15715" t="s">
        <v>15661</v>
      </c>
    </row>
    <row r="15716" spans="1:4" x14ac:dyDescent="0.4">
      <c r="A15716" s="1" t="s">
        <v>15662</v>
      </c>
      <c r="B15716" t="s">
        <v>11981</v>
      </c>
      <c r="C15716" t="s">
        <v>15655</v>
      </c>
      <c r="D15716" t="s">
        <v>15663</v>
      </c>
    </row>
    <row r="15717" spans="1:4" x14ac:dyDescent="0.4">
      <c r="A15717" s="1" t="s">
        <v>15664</v>
      </c>
      <c r="B15717" t="s">
        <v>11981</v>
      </c>
      <c r="C15717" t="s">
        <v>15655</v>
      </c>
      <c r="D15717" t="s">
        <v>15665</v>
      </c>
    </row>
    <row r="15718" spans="1:4" x14ac:dyDescent="0.4">
      <c r="A15718" s="1" t="s">
        <v>15666</v>
      </c>
      <c r="B15718" t="s">
        <v>11981</v>
      </c>
      <c r="C15718" t="s">
        <v>15655</v>
      </c>
      <c r="D15718" t="s">
        <v>15667</v>
      </c>
    </row>
    <row r="15719" spans="1:4" x14ac:dyDescent="0.4">
      <c r="A15719" s="1" t="s">
        <v>15668</v>
      </c>
      <c r="B15719" t="s">
        <v>11981</v>
      </c>
      <c r="C15719" t="s">
        <v>15655</v>
      </c>
      <c r="D15719" t="s">
        <v>15669</v>
      </c>
    </row>
    <row r="15720" spans="1:4" x14ac:dyDescent="0.4">
      <c r="A15720" s="1" t="s">
        <v>15670</v>
      </c>
      <c r="B15720" t="s">
        <v>11981</v>
      </c>
      <c r="C15720" t="s">
        <v>15655</v>
      </c>
      <c r="D15720" t="s">
        <v>15671</v>
      </c>
    </row>
    <row r="15721" spans="1:4" x14ac:dyDescent="0.4">
      <c r="A15721" s="1" t="s">
        <v>15672</v>
      </c>
      <c r="B15721" t="s">
        <v>11981</v>
      </c>
      <c r="C15721" t="s">
        <v>15655</v>
      </c>
      <c r="D15721" t="s">
        <v>15673</v>
      </c>
    </row>
    <row r="15722" spans="1:4" x14ac:dyDescent="0.4">
      <c r="A15722" s="1" t="s">
        <v>15674</v>
      </c>
      <c r="B15722" t="s">
        <v>11981</v>
      </c>
      <c r="C15722" t="s">
        <v>15655</v>
      </c>
      <c r="D15722" t="s">
        <v>15675</v>
      </c>
    </row>
    <row r="15723" spans="1:4" x14ac:dyDescent="0.4">
      <c r="A15723" s="1" t="s">
        <v>15676</v>
      </c>
      <c r="B15723" t="s">
        <v>11981</v>
      </c>
      <c r="C15723" t="s">
        <v>15655</v>
      </c>
      <c r="D15723" t="s">
        <v>15677</v>
      </c>
    </row>
    <row r="15724" spans="1:4" x14ac:dyDescent="0.4">
      <c r="A15724" s="1" t="s">
        <v>15678</v>
      </c>
      <c r="B15724" t="s">
        <v>11981</v>
      </c>
      <c r="C15724" t="s">
        <v>15655</v>
      </c>
      <c r="D15724" t="s">
        <v>15679</v>
      </c>
    </row>
    <row r="15725" spans="1:4" x14ac:dyDescent="0.4">
      <c r="A15725" s="1" t="s">
        <v>15680</v>
      </c>
      <c r="B15725" t="s">
        <v>11981</v>
      </c>
      <c r="C15725" t="s">
        <v>15655</v>
      </c>
      <c r="D15725" t="s">
        <v>15681</v>
      </c>
    </row>
    <row r="15726" spans="1:4" x14ac:dyDescent="0.4">
      <c r="A15726" s="1" t="s">
        <v>15682</v>
      </c>
      <c r="B15726" t="s">
        <v>11981</v>
      </c>
      <c r="C15726" t="s">
        <v>15655</v>
      </c>
      <c r="D15726" t="s">
        <v>15683</v>
      </c>
    </row>
    <row r="15727" spans="1:4" x14ac:dyDescent="0.4">
      <c r="A15727" s="1" t="s">
        <v>15684</v>
      </c>
      <c r="B15727" t="s">
        <v>11981</v>
      </c>
      <c r="C15727" t="s">
        <v>15655</v>
      </c>
      <c r="D15727" t="s">
        <v>15685</v>
      </c>
    </row>
    <row r="15728" spans="1:4" x14ac:dyDescent="0.4">
      <c r="A15728" s="1" t="s">
        <v>15686</v>
      </c>
      <c r="B15728" t="s">
        <v>11981</v>
      </c>
      <c r="C15728" t="s">
        <v>15655</v>
      </c>
      <c r="D15728" t="s">
        <v>15687</v>
      </c>
    </row>
    <row r="15729" spans="1:4" x14ac:dyDescent="0.4">
      <c r="A15729" s="1" t="s">
        <v>15688</v>
      </c>
      <c r="B15729" t="s">
        <v>11981</v>
      </c>
      <c r="C15729" t="s">
        <v>15655</v>
      </c>
      <c r="D15729" t="s">
        <v>15689</v>
      </c>
    </row>
    <row r="15730" spans="1:4" x14ac:dyDescent="0.4">
      <c r="A15730" s="1" t="s">
        <v>15690</v>
      </c>
      <c r="B15730" t="s">
        <v>11981</v>
      </c>
      <c r="C15730" t="s">
        <v>15655</v>
      </c>
      <c r="D15730" t="s">
        <v>15691</v>
      </c>
    </row>
    <row r="15731" spans="1:4" x14ac:dyDescent="0.4">
      <c r="A15731" s="1" t="s">
        <v>15692</v>
      </c>
      <c r="B15731" t="s">
        <v>11981</v>
      </c>
      <c r="C15731" t="s">
        <v>15655</v>
      </c>
      <c r="D15731" t="s">
        <v>15693</v>
      </c>
    </row>
    <row r="15732" spans="1:4" x14ac:dyDescent="0.4">
      <c r="A15732" s="1" t="s">
        <v>15694</v>
      </c>
      <c r="B15732" t="s">
        <v>11981</v>
      </c>
      <c r="C15732" t="s">
        <v>15655</v>
      </c>
      <c r="D15732" t="s">
        <v>15695</v>
      </c>
    </row>
    <row r="15733" spans="1:4" x14ac:dyDescent="0.4">
      <c r="A15733" s="1" t="s">
        <v>15696</v>
      </c>
      <c r="B15733" t="s">
        <v>11981</v>
      </c>
      <c r="C15733" t="s">
        <v>15655</v>
      </c>
      <c r="D15733" t="s">
        <v>15697</v>
      </c>
    </row>
    <row r="15734" spans="1:4" x14ac:dyDescent="0.4">
      <c r="A15734" s="1" t="s">
        <v>15698</v>
      </c>
      <c r="B15734" t="s">
        <v>11981</v>
      </c>
      <c r="C15734" t="s">
        <v>15655</v>
      </c>
      <c r="D15734" t="s">
        <v>15699</v>
      </c>
    </row>
    <row r="15735" spans="1:4" x14ac:dyDescent="0.4">
      <c r="A15735" s="1" t="s">
        <v>15700</v>
      </c>
      <c r="B15735" t="s">
        <v>11981</v>
      </c>
      <c r="C15735" t="s">
        <v>15655</v>
      </c>
      <c r="D15735" t="s">
        <v>15701</v>
      </c>
    </row>
    <row r="15736" spans="1:4" x14ac:dyDescent="0.4">
      <c r="A15736" s="1" t="s">
        <v>15702</v>
      </c>
      <c r="B15736" t="s">
        <v>11981</v>
      </c>
      <c r="C15736" t="s">
        <v>15655</v>
      </c>
      <c r="D15736" t="s">
        <v>15703</v>
      </c>
    </row>
    <row r="15737" spans="1:4" x14ac:dyDescent="0.4">
      <c r="A15737" s="1" t="s">
        <v>15704</v>
      </c>
      <c r="B15737" t="s">
        <v>11981</v>
      </c>
      <c r="C15737" t="s">
        <v>15655</v>
      </c>
      <c r="D15737" t="s">
        <v>15705</v>
      </c>
    </row>
    <row r="15738" spans="1:4" x14ac:dyDescent="0.4">
      <c r="A15738" s="1" t="s">
        <v>15706</v>
      </c>
      <c r="B15738" t="s">
        <v>11981</v>
      </c>
      <c r="C15738" t="s">
        <v>15655</v>
      </c>
      <c r="D15738" t="s">
        <v>15707</v>
      </c>
    </row>
    <row r="15739" spans="1:4" x14ac:dyDescent="0.4">
      <c r="A15739" s="1" t="s">
        <v>15708</v>
      </c>
      <c r="B15739" t="s">
        <v>11981</v>
      </c>
      <c r="C15739" t="s">
        <v>15655</v>
      </c>
      <c r="D15739" t="s">
        <v>15709</v>
      </c>
    </row>
    <row r="15740" spans="1:4" x14ac:dyDescent="0.4">
      <c r="A15740" s="1" t="s">
        <v>15710</v>
      </c>
      <c r="B15740" t="s">
        <v>11981</v>
      </c>
      <c r="C15740" t="s">
        <v>15655</v>
      </c>
      <c r="D15740" t="s">
        <v>15711</v>
      </c>
    </row>
    <row r="15741" spans="1:4" x14ac:dyDescent="0.4">
      <c r="A15741" s="1" t="s">
        <v>15712</v>
      </c>
      <c r="B15741" t="s">
        <v>11981</v>
      </c>
      <c r="C15741" t="s">
        <v>15655</v>
      </c>
      <c r="D15741" t="s">
        <v>15713</v>
      </c>
    </row>
    <row r="15742" spans="1:4" x14ac:dyDescent="0.4">
      <c r="A15742" s="1" t="s">
        <v>15714</v>
      </c>
      <c r="B15742" t="s">
        <v>11981</v>
      </c>
      <c r="C15742" t="s">
        <v>15655</v>
      </c>
      <c r="D15742" t="s">
        <v>15715</v>
      </c>
    </row>
    <row r="15743" spans="1:4" x14ac:dyDescent="0.4">
      <c r="A15743" s="1" t="s">
        <v>15716</v>
      </c>
      <c r="B15743" t="s">
        <v>11981</v>
      </c>
      <c r="C15743" t="s">
        <v>15655</v>
      </c>
      <c r="D15743" t="s">
        <v>15717</v>
      </c>
    </row>
    <row r="15744" spans="1:4" x14ac:dyDescent="0.4">
      <c r="A15744" s="1" t="s">
        <v>15718</v>
      </c>
      <c r="B15744" t="s">
        <v>11981</v>
      </c>
      <c r="C15744" t="s">
        <v>15655</v>
      </c>
      <c r="D15744" t="s">
        <v>15719</v>
      </c>
    </row>
    <row r="15745" spans="1:4" x14ac:dyDescent="0.4">
      <c r="A15745" s="1" t="s">
        <v>15720</v>
      </c>
      <c r="B15745" t="s">
        <v>11981</v>
      </c>
      <c r="C15745" t="s">
        <v>15655</v>
      </c>
      <c r="D15745" t="s">
        <v>15721</v>
      </c>
    </row>
    <row r="15746" spans="1:4" x14ac:dyDescent="0.4">
      <c r="A15746" s="1" t="s">
        <v>15722</v>
      </c>
      <c r="B15746" t="s">
        <v>11981</v>
      </c>
      <c r="C15746" t="s">
        <v>15655</v>
      </c>
      <c r="D15746" t="s">
        <v>15723</v>
      </c>
    </row>
    <row r="15747" spans="1:4" x14ac:dyDescent="0.4">
      <c r="A15747" s="1" t="s">
        <v>15724</v>
      </c>
      <c r="B15747" t="s">
        <v>11981</v>
      </c>
      <c r="C15747" t="s">
        <v>15655</v>
      </c>
      <c r="D15747" t="s">
        <v>15725</v>
      </c>
    </row>
    <row r="15748" spans="1:4" x14ac:dyDescent="0.4">
      <c r="A15748" s="1" t="s">
        <v>15726</v>
      </c>
      <c r="B15748" t="s">
        <v>11981</v>
      </c>
      <c r="C15748" t="s">
        <v>15655</v>
      </c>
      <c r="D15748" t="s">
        <v>15727</v>
      </c>
    </row>
    <row r="15749" spans="1:4" x14ac:dyDescent="0.4">
      <c r="A15749" s="1" t="s">
        <v>15728</v>
      </c>
      <c r="B15749" t="s">
        <v>11981</v>
      </c>
      <c r="C15749" t="s">
        <v>15655</v>
      </c>
      <c r="D15749" t="s">
        <v>15729</v>
      </c>
    </row>
    <row r="15750" spans="1:4" x14ac:dyDescent="0.4">
      <c r="A15750" s="1" t="s">
        <v>15730</v>
      </c>
      <c r="B15750" t="s">
        <v>11981</v>
      </c>
      <c r="C15750" t="s">
        <v>15655</v>
      </c>
      <c r="D15750" t="s">
        <v>15731</v>
      </c>
    </row>
    <row r="15751" spans="1:4" x14ac:dyDescent="0.4">
      <c r="A15751" s="1" t="s">
        <v>15732</v>
      </c>
      <c r="B15751" t="s">
        <v>11981</v>
      </c>
      <c r="C15751" t="s">
        <v>15655</v>
      </c>
      <c r="D15751" t="s">
        <v>15733</v>
      </c>
    </row>
    <row r="15752" spans="1:4" x14ac:dyDescent="0.4">
      <c r="A15752" s="1" t="s">
        <v>15734</v>
      </c>
      <c r="B15752" t="s">
        <v>11981</v>
      </c>
      <c r="C15752" t="s">
        <v>15655</v>
      </c>
      <c r="D15752" t="s">
        <v>15735</v>
      </c>
    </row>
    <row r="15753" spans="1:4" x14ac:dyDescent="0.4">
      <c r="A15753" s="1" t="s">
        <v>15736</v>
      </c>
      <c r="B15753" t="s">
        <v>11981</v>
      </c>
      <c r="C15753" t="s">
        <v>15655</v>
      </c>
      <c r="D15753" t="s">
        <v>15737</v>
      </c>
    </row>
    <row r="15754" spans="1:4" x14ac:dyDescent="0.4">
      <c r="A15754" s="1" t="s">
        <v>15738</v>
      </c>
      <c r="B15754" t="s">
        <v>11981</v>
      </c>
      <c r="C15754" t="s">
        <v>15655</v>
      </c>
      <c r="D15754" t="s">
        <v>15739</v>
      </c>
    </row>
    <row r="15755" spans="1:4" x14ac:dyDescent="0.4">
      <c r="A15755" s="1" t="s">
        <v>15740</v>
      </c>
      <c r="B15755" t="s">
        <v>11981</v>
      </c>
      <c r="C15755" t="s">
        <v>15655</v>
      </c>
      <c r="D15755" t="s">
        <v>15741</v>
      </c>
    </row>
    <row r="15756" spans="1:4" x14ac:dyDescent="0.4">
      <c r="A15756" s="1" t="s">
        <v>15742</v>
      </c>
      <c r="B15756" t="s">
        <v>11981</v>
      </c>
      <c r="C15756" t="s">
        <v>15655</v>
      </c>
      <c r="D15756" t="s">
        <v>15743</v>
      </c>
    </row>
    <row r="15757" spans="1:4" x14ac:dyDescent="0.4">
      <c r="A15757" s="1" t="s">
        <v>15744</v>
      </c>
      <c r="B15757" t="s">
        <v>11981</v>
      </c>
      <c r="C15757" t="s">
        <v>15655</v>
      </c>
      <c r="D15757" t="s">
        <v>15745</v>
      </c>
    </row>
    <row r="15758" spans="1:4" x14ac:dyDescent="0.4">
      <c r="A15758" s="1" t="s">
        <v>15746</v>
      </c>
      <c r="B15758" t="s">
        <v>11981</v>
      </c>
      <c r="C15758" t="s">
        <v>15655</v>
      </c>
      <c r="D15758" t="s">
        <v>15747</v>
      </c>
    </row>
    <row r="15759" spans="1:4" x14ac:dyDescent="0.4">
      <c r="A15759" s="1" t="s">
        <v>15748</v>
      </c>
      <c r="B15759" t="s">
        <v>11981</v>
      </c>
      <c r="C15759" t="s">
        <v>15655</v>
      </c>
      <c r="D15759" t="s">
        <v>15749</v>
      </c>
    </row>
    <row r="15760" spans="1:4" x14ac:dyDescent="0.4">
      <c r="A15760" s="1" t="s">
        <v>15750</v>
      </c>
      <c r="B15760" t="s">
        <v>11981</v>
      </c>
      <c r="C15760" t="s">
        <v>15655</v>
      </c>
      <c r="D15760" t="s">
        <v>15751</v>
      </c>
    </row>
    <row r="15761" spans="1:4" x14ac:dyDescent="0.4">
      <c r="A15761" s="1" t="s">
        <v>15752</v>
      </c>
      <c r="B15761" t="s">
        <v>11981</v>
      </c>
      <c r="C15761" t="s">
        <v>15655</v>
      </c>
      <c r="D15761" t="s">
        <v>15753</v>
      </c>
    </row>
    <row r="15762" spans="1:4" x14ac:dyDescent="0.4">
      <c r="A15762" s="1" t="s">
        <v>15754</v>
      </c>
      <c r="B15762" t="s">
        <v>11981</v>
      </c>
      <c r="C15762" t="s">
        <v>15655</v>
      </c>
      <c r="D15762" t="s">
        <v>15755</v>
      </c>
    </row>
    <row r="15763" spans="1:4" x14ac:dyDescent="0.4">
      <c r="A15763" s="1" t="s">
        <v>15756</v>
      </c>
      <c r="B15763" t="s">
        <v>11981</v>
      </c>
      <c r="C15763" t="s">
        <v>15655</v>
      </c>
      <c r="D15763" t="s">
        <v>15757</v>
      </c>
    </row>
    <row r="15764" spans="1:4" x14ac:dyDescent="0.4">
      <c r="A15764" s="1" t="s">
        <v>15758</v>
      </c>
      <c r="B15764" t="s">
        <v>11981</v>
      </c>
      <c r="C15764" t="s">
        <v>15655</v>
      </c>
      <c r="D15764" t="s">
        <v>15759</v>
      </c>
    </row>
    <row r="15765" spans="1:4" x14ac:dyDescent="0.4">
      <c r="A15765" s="1" t="s">
        <v>15760</v>
      </c>
      <c r="B15765" t="s">
        <v>11981</v>
      </c>
      <c r="C15765" t="s">
        <v>15655</v>
      </c>
      <c r="D15765" t="s">
        <v>15761</v>
      </c>
    </row>
    <row r="15766" spans="1:4" x14ac:dyDescent="0.4">
      <c r="A15766" s="1" t="s">
        <v>15762</v>
      </c>
      <c r="B15766" t="s">
        <v>11981</v>
      </c>
      <c r="C15766" t="s">
        <v>15655</v>
      </c>
      <c r="D15766" t="s">
        <v>15763</v>
      </c>
    </row>
    <row r="15767" spans="1:4" x14ac:dyDescent="0.4">
      <c r="A15767" s="1" t="s">
        <v>15764</v>
      </c>
      <c r="B15767" t="s">
        <v>11981</v>
      </c>
      <c r="C15767" t="s">
        <v>15655</v>
      </c>
      <c r="D15767" t="s">
        <v>15765</v>
      </c>
    </row>
    <row r="15768" spans="1:4" x14ac:dyDescent="0.4">
      <c r="A15768" s="1" t="s">
        <v>15766</v>
      </c>
      <c r="B15768" t="s">
        <v>11981</v>
      </c>
      <c r="C15768" t="s">
        <v>15655</v>
      </c>
      <c r="D15768" t="s">
        <v>15767</v>
      </c>
    </row>
    <row r="15769" spans="1:4" x14ac:dyDescent="0.4">
      <c r="A15769" s="1" t="s">
        <v>15768</v>
      </c>
      <c r="B15769" t="s">
        <v>11981</v>
      </c>
      <c r="C15769" t="s">
        <v>15655</v>
      </c>
      <c r="D15769" t="s">
        <v>15769</v>
      </c>
    </row>
    <row r="15770" spans="1:4" x14ac:dyDescent="0.4">
      <c r="A15770" s="1" t="s">
        <v>15770</v>
      </c>
      <c r="B15770" t="s">
        <v>11981</v>
      </c>
      <c r="C15770" t="s">
        <v>15655</v>
      </c>
      <c r="D15770" t="s">
        <v>15771</v>
      </c>
    </row>
    <row r="15771" spans="1:4" x14ac:dyDescent="0.4">
      <c r="A15771" s="1" t="s">
        <v>15772</v>
      </c>
      <c r="B15771" t="s">
        <v>11981</v>
      </c>
      <c r="C15771" t="s">
        <v>15655</v>
      </c>
      <c r="D15771" t="s">
        <v>15773</v>
      </c>
    </row>
    <row r="15772" spans="1:4" x14ac:dyDescent="0.4">
      <c r="A15772" s="1" t="s">
        <v>15774</v>
      </c>
      <c r="B15772" t="s">
        <v>11981</v>
      </c>
      <c r="C15772" t="s">
        <v>15655</v>
      </c>
      <c r="D15772" t="s">
        <v>15775</v>
      </c>
    </row>
    <row r="15773" spans="1:4" x14ac:dyDescent="0.4">
      <c r="A15773" s="1" t="s">
        <v>15776</v>
      </c>
      <c r="B15773" t="s">
        <v>11981</v>
      </c>
      <c r="C15773" t="s">
        <v>15655</v>
      </c>
      <c r="D15773" t="s">
        <v>15777</v>
      </c>
    </row>
    <row r="15774" spans="1:4" x14ac:dyDescent="0.4">
      <c r="A15774" s="1" t="s">
        <v>15778</v>
      </c>
      <c r="B15774" t="s">
        <v>11981</v>
      </c>
      <c r="C15774" t="s">
        <v>15655</v>
      </c>
      <c r="D15774" t="s">
        <v>15779</v>
      </c>
    </row>
    <row r="15775" spans="1:4" x14ac:dyDescent="0.4">
      <c r="A15775" s="1" t="s">
        <v>15780</v>
      </c>
      <c r="B15775" t="s">
        <v>11981</v>
      </c>
      <c r="C15775" t="s">
        <v>15655</v>
      </c>
      <c r="D15775" t="s">
        <v>15781</v>
      </c>
    </row>
    <row r="15776" spans="1:4" x14ac:dyDescent="0.4">
      <c r="A15776" s="1" t="s">
        <v>15782</v>
      </c>
      <c r="B15776" t="s">
        <v>11981</v>
      </c>
      <c r="C15776" t="s">
        <v>15655</v>
      </c>
      <c r="D15776" t="s">
        <v>15783</v>
      </c>
    </row>
    <row r="15777" spans="1:4" x14ac:dyDescent="0.4">
      <c r="A15777" s="1" t="s">
        <v>15784</v>
      </c>
      <c r="B15777" t="s">
        <v>11981</v>
      </c>
      <c r="C15777" t="s">
        <v>15655</v>
      </c>
      <c r="D15777" t="s">
        <v>15785</v>
      </c>
    </row>
    <row r="15778" spans="1:4" x14ac:dyDescent="0.4">
      <c r="A15778" s="1" t="s">
        <v>15786</v>
      </c>
      <c r="B15778" t="s">
        <v>11981</v>
      </c>
      <c r="C15778" t="s">
        <v>15655</v>
      </c>
      <c r="D15778" t="s">
        <v>15787</v>
      </c>
    </row>
    <row r="15779" spans="1:4" x14ac:dyDescent="0.4">
      <c r="A15779" s="1" t="s">
        <v>15788</v>
      </c>
      <c r="B15779" t="s">
        <v>11981</v>
      </c>
      <c r="C15779" t="s">
        <v>15655</v>
      </c>
      <c r="D15779" t="s">
        <v>15789</v>
      </c>
    </row>
    <row r="15780" spans="1:4" x14ac:dyDescent="0.4">
      <c r="A15780" s="1" t="s">
        <v>15790</v>
      </c>
      <c r="B15780" t="s">
        <v>11981</v>
      </c>
      <c r="C15780" t="s">
        <v>15655</v>
      </c>
      <c r="D15780" t="s">
        <v>15791</v>
      </c>
    </row>
    <row r="15781" spans="1:4" x14ac:dyDescent="0.4">
      <c r="A15781" s="1" t="s">
        <v>15792</v>
      </c>
      <c r="B15781" t="s">
        <v>11981</v>
      </c>
      <c r="C15781" t="s">
        <v>15655</v>
      </c>
      <c r="D15781" t="s">
        <v>15793</v>
      </c>
    </row>
    <row r="15782" spans="1:4" x14ac:dyDescent="0.4">
      <c r="A15782" s="1" t="s">
        <v>15794</v>
      </c>
      <c r="B15782" t="s">
        <v>11981</v>
      </c>
      <c r="C15782" t="s">
        <v>15655</v>
      </c>
      <c r="D15782" t="s">
        <v>15795</v>
      </c>
    </row>
    <row r="15783" spans="1:4" x14ac:dyDescent="0.4">
      <c r="A15783" s="1" t="s">
        <v>15796</v>
      </c>
      <c r="B15783" t="s">
        <v>11981</v>
      </c>
      <c r="C15783" t="s">
        <v>15655</v>
      </c>
      <c r="D15783" t="s">
        <v>15797</v>
      </c>
    </row>
    <row r="15784" spans="1:4" x14ac:dyDescent="0.4">
      <c r="A15784" s="1" t="s">
        <v>15798</v>
      </c>
      <c r="B15784" t="s">
        <v>11981</v>
      </c>
      <c r="C15784" t="s">
        <v>15655</v>
      </c>
      <c r="D15784" t="s">
        <v>15799</v>
      </c>
    </row>
    <row r="15785" spans="1:4" x14ac:dyDescent="0.4">
      <c r="A15785" s="1" t="s">
        <v>15800</v>
      </c>
      <c r="B15785" t="s">
        <v>11981</v>
      </c>
      <c r="C15785" t="s">
        <v>15655</v>
      </c>
      <c r="D15785" t="s">
        <v>15801</v>
      </c>
    </row>
    <row r="15786" spans="1:4" x14ac:dyDescent="0.4">
      <c r="A15786" s="1" t="s">
        <v>15802</v>
      </c>
      <c r="B15786" t="s">
        <v>11981</v>
      </c>
      <c r="C15786" t="s">
        <v>15655</v>
      </c>
      <c r="D15786" t="s">
        <v>15803</v>
      </c>
    </row>
    <row r="15787" spans="1:4" x14ac:dyDescent="0.4">
      <c r="A15787" s="1" t="s">
        <v>15804</v>
      </c>
      <c r="B15787" t="s">
        <v>11981</v>
      </c>
      <c r="C15787" t="s">
        <v>15655</v>
      </c>
      <c r="D15787" t="s">
        <v>15805</v>
      </c>
    </row>
    <row r="15788" spans="1:4" x14ac:dyDescent="0.4">
      <c r="A15788" s="1" t="s">
        <v>15806</v>
      </c>
      <c r="B15788" t="s">
        <v>11981</v>
      </c>
      <c r="C15788" t="s">
        <v>15655</v>
      </c>
      <c r="D15788" t="s">
        <v>15807</v>
      </c>
    </row>
    <row r="15789" spans="1:4" x14ac:dyDescent="0.4">
      <c r="A15789" s="1" t="s">
        <v>15808</v>
      </c>
      <c r="B15789" t="s">
        <v>11981</v>
      </c>
      <c r="C15789" t="s">
        <v>15655</v>
      </c>
      <c r="D15789" t="s">
        <v>15809</v>
      </c>
    </row>
    <row r="15790" spans="1:4" x14ac:dyDescent="0.4">
      <c r="A15790" s="1" t="s">
        <v>15810</v>
      </c>
      <c r="B15790" t="s">
        <v>11981</v>
      </c>
      <c r="C15790" t="s">
        <v>15655</v>
      </c>
      <c r="D15790" t="s">
        <v>15811</v>
      </c>
    </row>
    <row r="15791" spans="1:4" x14ac:dyDescent="0.4">
      <c r="A15791" s="1" t="s">
        <v>15812</v>
      </c>
      <c r="B15791" t="s">
        <v>11981</v>
      </c>
      <c r="C15791" t="s">
        <v>15655</v>
      </c>
      <c r="D15791" t="s">
        <v>15813</v>
      </c>
    </row>
    <row r="15792" spans="1:4" x14ac:dyDescent="0.4">
      <c r="A15792" s="1" t="s">
        <v>15814</v>
      </c>
      <c r="B15792" t="s">
        <v>11981</v>
      </c>
      <c r="C15792" t="s">
        <v>15655</v>
      </c>
      <c r="D15792" t="s">
        <v>15815</v>
      </c>
    </row>
    <row r="15793" spans="1:4" x14ac:dyDescent="0.4">
      <c r="A15793" s="1" t="s">
        <v>15816</v>
      </c>
      <c r="B15793" t="s">
        <v>11981</v>
      </c>
      <c r="C15793" t="s">
        <v>15655</v>
      </c>
      <c r="D15793" t="s">
        <v>15817</v>
      </c>
    </row>
    <row r="15794" spans="1:4" x14ac:dyDescent="0.4">
      <c r="A15794" s="1" t="s">
        <v>15818</v>
      </c>
      <c r="B15794" t="s">
        <v>11981</v>
      </c>
      <c r="C15794" t="s">
        <v>15655</v>
      </c>
      <c r="D15794" t="s">
        <v>15819</v>
      </c>
    </row>
    <row r="15795" spans="1:4" x14ac:dyDescent="0.4">
      <c r="A15795" s="1" t="s">
        <v>15820</v>
      </c>
      <c r="B15795" t="s">
        <v>11981</v>
      </c>
      <c r="C15795" t="s">
        <v>15655</v>
      </c>
      <c r="D15795" t="s">
        <v>15821</v>
      </c>
    </row>
    <row r="15796" spans="1:4" x14ac:dyDescent="0.4">
      <c r="A15796" s="1" t="s">
        <v>15822</v>
      </c>
      <c r="B15796" t="s">
        <v>11981</v>
      </c>
      <c r="C15796" t="s">
        <v>15655</v>
      </c>
      <c r="D15796" t="s">
        <v>15823</v>
      </c>
    </row>
    <row r="15797" spans="1:4" x14ac:dyDescent="0.4">
      <c r="A15797" s="1" t="s">
        <v>15824</v>
      </c>
      <c r="B15797" t="s">
        <v>11981</v>
      </c>
      <c r="C15797" t="s">
        <v>15655</v>
      </c>
      <c r="D15797" t="s">
        <v>15825</v>
      </c>
    </row>
    <row r="15798" spans="1:4" x14ac:dyDescent="0.4">
      <c r="A15798" s="1" t="s">
        <v>15826</v>
      </c>
      <c r="B15798" t="s">
        <v>11981</v>
      </c>
      <c r="C15798" t="s">
        <v>15655</v>
      </c>
      <c r="D15798" t="s">
        <v>15827</v>
      </c>
    </row>
    <row r="15799" spans="1:4" x14ac:dyDescent="0.4">
      <c r="A15799" s="1" t="s">
        <v>15828</v>
      </c>
      <c r="B15799" t="s">
        <v>11981</v>
      </c>
      <c r="C15799" t="s">
        <v>15655</v>
      </c>
      <c r="D15799" t="s">
        <v>15829</v>
      </c>
    </row>
    <row r="15800" spans="1:4" x14ac:dyDescent="0.4">
      <c r="A15800" s="1" t="s">
        <v>15830</v>
      </c>
      <c r="B15800" t="s">
        <v>11981</v>
      </c>
      <c r="C15800" t="s">
        <v>15655</v>
      </c>
      <c r="D15800" t="s">
        <v>15831</v>
      </c>
    </row>
    <row r="15801" spans="1:4" x14ac:dyDescent="0.4">
      <c r="A15801" s="1" t="s">
        <v>15832</v>
      </c>
      <c r="B15801" t="s">
        <v>11981</v>
      </c>
      <c r="C15801" t="s">
        <v>15655</v>
      </c>
      <c r="D15801" t="s">
        <v>15833</v>
      </c>
    </row>
    <row r="15802" spans="1:4" x14ac:dyDescent="0.4">
      <c r="A15802" s="1" t="s">
        <v>15834</v>
      </c>
      <c r="B15802" t="s">
        <v>11981</v>
      </c>
      <c r="C15802" t="s">
        <v>15655</v>
      </c>
      <c r="D15802" t="s">
        <v>15835</v>
      </c>
    </row>
    <row r="15803" spans="1:4" x14ac:dyDescent="0.4">
      <c r="A15803" s="1" t="s">
        <v>15836</v>
      </c>
      <c r="B15803" t="s">
        <v>11981</v>
      </c>
      <c r="C15803" t="s">
        <v>15655</v>
      </c>
      <c r="D15803" t="s">
        <v>15837</v>
      </c>
    </row>
    <row r="15804" spans="1:4" x14ac:dyDescent="0.4">
      <c r="A15804" s="1" t="s">
        <v>15838</v>
      </c>
      <c r="B15804" t="s">
        <v>11981</v>
      </c>
      <c r="C15804" t="s">
        <v>15655</v>
      </c>
      <c r="D15804" t="s">
        <v>15839</v>
      </c>
    </row>
    <row r="15805" spans="1:4" x14ac:dyDescent="0.4">
      <c r="A15805" s="1" t="s">
        <v>15840</v>
      </c>
      <c r="B15805" t="s">
        <v>11981</v>
      </c>
      <c r="C15805" t="s">
        <v>15655</v>
      </c>
      <c r="D15805" t="s">
        <v>15841</v>
      </c>
    </row>
    <row r="15806" spans="1:4" x14ac:dyDescent="0.4">
      <c r="A15806" s="1" t="s">
        <v>15842</v>
      </c>
      <c r="B15806" t="s">
        <v>11981</v>
      </c>
      <c r="C15806" t="s">
        <v>15655</v>
      </c>
      <c r="D15806" t="s">
        <v>15843</v>
      </c>
    </row>
    <row r="15807" spans="1:4" x14ac:dyDescent="0.4">
      <c r="A15807" s="1" t="s">
        <v>15844</v>
      </c>
      <c r="B15807" t="s">
        <v>11981</v>
      </c>
      <c r="C15807" t="s">
        <v>15655</v>
      </c>
      <c r="D15807" t="s">
        <v>15845</v>
      </c>
    </row>
    <row r="15808" spans="1:4" x14ac:dyDescent="0.4">
      <c r="A15808" s="1" t="s">
        <v>15846</v>
      </c>
      <c r="B15808" t="s">
        <v>11981</v>
      </c>
      <c r="C15808" t="s">
        <v>15655</v>
      </c>
      <c r="D15808" t="s">
        <v>15847</v>
      </c>
    </row>
    <row r="15809" spans="1:4" x14ac:dyDescent="0.4">
      <c r="A15809" s="1" t="s">
        <v>15848</v>
      </c>
      <c r="B15809" t="s">
        <v>11981</v>
      </c>
      <c r="C15809" t="s">
        <v>15655</v>
      </c>
      <c r="D15809" t="s">
        <v>15849</v>
      </c>
    </row>
    <row r="15810" spans="1:4" x14ac:dyDescent="0.4">
      <c r="A15810" s="1" t="s">
        <v>15850</v>
      </c>
      <c r="B15810" t="s">
        <v>11981</v>
      </c>
      <c r="C15810" t="s">
        <v>15655</v>
      </c>
      <c r="D15810" t="s">
        <v>15851</v>
      </c>
    </row>
    <row r="15811" spans="1:4" x14ac:dyDescent="0.4">
      <c r="A15811" s="1" t="s">
        <v>15852</v>
      </c>
      <c r="B15811" t="s">
        <v>11981</v>
      </c>
      <c r="C15811" t="s">
        <v>15655</v>
      </c>
      <c r="D15811" t="s">
        <v>15853</v>
      </c>
    </row>
    <row r="15812" spans="1:4" x14ac:dyDescent="0.4">
      <c r="A15812" s="1" t="s">
        <v>15854</v>
      </c>
      <c r="B15812" t="s">
        <v>11981</v>
      </c>
      <c r="C15812" t="s">
        <v>15655</v>
      </c>
      <c r="D15812" t="s">
        <v>15855</v>
      </c>
    </row>
    <row r="15813" spans="1:4" x14ac:dyDescent="0.4">
      <c r="A15813" s="1" t="s">
        <v>15856</v>
      </c>
      <c r="B15813" t="s">
        <v>11981</v>
      </c>
      <c r="C15813" t="s">
        <v>15655</v>
      </c>
      <c r="D15813" t="s">
        <v>15857</v>
      </c>
    </row>
    <row r="15814" spans="1:4" x14ac:dyDescent="0.4">
      <c r="A15814" s="1" t="s">
        <v>15858</v>
      </c>
      <c r="B15814" t="s">
        <v>11981</v>
      </c>
      <c r="C15814" t="s">
        <v>15655</v>
      </c>
      <c r="D15814" t="s">
        <v>15859</v>
      </c>
    </row>
    <row r="15815" spans="1:4" x14ac:dyDescent="0.4">
      <c r="A15815" s="1" t="s">
        <v>15860</v>
      </c>
      <c r="B15815" t="s">
        <v>11981</v>
      </c>
      <c r="C15815" t="s">
        <v>15655</v>
      </c>
      <c r="D15815" t="s">
        <v>15861</v>
      </c>
    </row>
    <row r="15816" spans="1:4" x14ac:dyDescent="0.4">
      <c r="A15816" s="1" t="s">
        <v>15862</v>
      </c>
      <c r="B15816" t="s">
        <v>11981</v>
      </c>
      <c r="C15816" t="s">
        <v>15655</v>
      </c>
      <c r="D15816" t="s">
        <v>15863</v>
      </c>
    </row>
    <row r="15817" spans="1:4" x14ac:dyDescent="0.4">
      <c r="A15817" s="1" t="s">
        <v>15864</v>
      </c>
      <c r="B15817" t="s">
        <v>11981</v>
      </c>
      <c r="C15817" t="s">
        <v>15655</v>
      </c>
      <c r="D15817" t="s">
        <v>15865</v>
      </c>
    </row>
    <row r="15818" spans="1:4" x14ac:dyDescent="0.4">
      <c r="A15818" s="1" t="s">
        <v>15866</v>
      </c>
      <c r="B15818" t="s">
        <v>11981</v>
      </c>
      <c r="C15818" t="s">
        <v>15655</v>
      </c>
      <c r="D15818" t="s">
        <v>15867</v>
      </c>
    </row>
    <row r="15819" spans="1:4" x14ac:dyDescent="0.4">
      <c r="A15819" s="1" t="s">
        <v>15868</v>
      </c>
      <c r="B15819" t="s">
        <v>11981</v>
      </c>
      <c r="C15819" t="s">
        <v>15655</v>
      </c>
      <c r="D15819" t="s">
        <v>15869</v>
      </c>
    </row>
    <row r="15820" spans="1:4" x14ac:dyDescent="0.4">
      <c r="A15820" s="1" t="s">
        <v>15870</v>
      </c>
      <c r="B15820" t="s">
        <v>11981</v>
      </c>
      <c r="C15820" t="s">
        <v>15655</v>
      </c>
      <c r="D15820" t="s">
        <v>15871</v>
      </c>
    </row>
    <row r="15821" spans="1:4" x14ac:dyDescent="0.4">
      <c r="A15821" s="1" t="s">
        <v>15872</v>
      </c>
      <c r="B15821" t="s">
        <v>11981</v>
      </c>
      <c r="C15821" t="s">
        <v>15655</v>
      </c>
      <c r="D15821" t="s">
        <v>15873</v>
      </c>
    </row>
    <row r="15822" spans="1:4" x14ac:dyDescent="0.4">
      <c r="A15822" s="1" t="s">
        <v>15874</v>
      </c>
      <c r="B15822" t="s">
        <v>11981</v>
      </c>
      <c r="C15822" t="s">
        <v>15655</v>
      </c>
      <c r="D15822" t="s">
        <v>15875</v>
      </c>
    </row>
    <row r="15823" spans="1:4" x14ac:dyDescent="0.4">
      <c r="A15823" s="1" t="s">
        <v>15876</v>
      </c>
      <c r="B15823" t="s">
        <v>11981</v>
      </c>
      <c r="C15823" t="s">
        <v>15655</v>
      </c>
      <c r="D15823" t="s">
        <v>15877</v>
      </c>
    </row>
    <row r="15824" spans="1:4" x14ac:dyDescent="0.4">
      <c r="A15824" s="1" t="s">
        <v>15878</v>
      </c>
      <c r="B15824" t="s">
        <v>11981</v>
      </c>
      <c r="C15824" t="s">
        <v>15655</v>
      </c>
      <c r="D15824" t="s">
        <v>15879</v>
      </c>
    </row>
    <row r="15825" spans="1:4" x14ac:dyDescent="0.4">
      <c r="A15825" s="1" t="s">
        <v>15880</v>
      </c>
      <c r="B15825" t="s">
        <v>11981</v>
      </c>
      <c r="C15825" t="s">
        <v>15655</v>
      </c>
      <c r="D15825" t="s">
        <v>15881</v>
      </c>
    </row>
    <row r="15826" spans="1:4" x14ac:dyDescent="0.4">
      <c r="A15826" s="1" t="s">
        <v>15882</v>
      </c>
      <c r="B15826" t="s">
        <v>11981</v>
      </c>
      <c r="C15826" t="s">
        <v>15655</v>
      </c>
      <c r="D15826" t="s">
        <v>15883</v>
      </c>
    </row>
    <row r="15827" spans="1:4" x14ac:dyDescent="0.4">
      <c r="A15827" s="1" t="s">
        <v>15884</v>
      </c>
      <c r="B15827" t="s">
        <v>11981</v>
      </c>
      <c r="C15827" t="s">
        <v>15655</v>
      </c>
      <c r="D15827" t="s">
        <v>15885</v>
      </c>
    </row>
    <row r="15828" spans="1:4" x14ac:dyDescent="0.4">
      <c r="A15828" s="1" t="s">
        <v>15886</v>
      </c>
      <c r="B15828" t="s">
        <v>11981</v>
      </c>
      <c r="C15828" t="s">
        <v>15655</v>
      </c>
      <c r="D15828" t="s">
        <v>15887</v>
      </c>
    </row>
    <row r="15829" spans="1:4" x14ac:dyDescent="0.4">
      <c r="A15829" s="1" t="s">
        <v>15888</v>
      </c>
      <c r="B15829" t="s">
        <v>11981</v>
      </c>
      <c r="C15829" t="s">
        <v>15655</v>
      </c>
      <c r="D15829" t="s">
        <v>15889</v>
      </c>
    </row>
    <row r="15830" spans="1:4" x14ac:dyDescent="0.4">
      <c r="A15830" s="1" t="s">
        <v>15890</v>
      </c>
      <c r="B15830" t="s">
        <v>11981</v>
      </c>
      <c r="C15830" t="s">
        <v>15655</v>
      </c>
      <c r="D15830" t="s">
        <v>15891</v>
      </c>
    </row>
    <row r="15831" spans="1:4" x14ac:dyDescent="0.4">
      <c r="A15831" s="1" t="s">
        <v>15892</v>
      </c>
      <c r="B15831" t="s">
        <v>11981</v>
      </c>
      <c r="C15831" t="s">
        <v>15655</v>
      </c>
      <c r="D15831" t="s">
        <v>15893</v>
      </c>
    </row>
    <row r="15832" spans="1:4" x14ac:dyDescent="0.4">
      <c r="A15832" s="1" t="s">
        <v>15894</v>
      </c>
      <c r="B15832" t="s">
        <v>11981</v>
      </c>
      <c r="C15832" t="s">
        <v>15655</v>
      </c>
      <c r="D15832" t="s">
        <v>15895</v>
      </c>
    </row>
    <row r="15833" spans="1:4" x14ac:dyDescent="0.4">
      <c r="A15833" s="1" t="s">
        <v>15896</v>
      </c>
      <c r="B15833" t="s">
        <v>11981</v>
      </c>
      <c r="C15833" t="s">
        <v>15655</v>
      </c>
      <c r="D15833" t="s">
        <v>15897</v>
      </c>
    </row>
    <row r="15834" spans="1:4" x14ac:dyDescent="0.4">
      <c r="A15834" s="1" t="s">
        <v>15898</v>
      </c>
      <c r="B15834" t="s">
        <v>11981</v>
      </c>
      <c r="C15834" t="s">
        <v>15655</v>
      </c>
      <c r="D15834" t="s">
        <v>15899</v>
      </c>
    </row>
    <row r="15835" spans="1:4" x14ac:dyDescent="0.4">
      <c r="A15835" s="1" t="s">
        <v>15900</v>
      </c>
      <c r="B15835" t="s">
        <v>11981</v>
      </c>
      <c r="C15835" t="s">
        <v>15655</v>
      </c>
      <c r="D15835" t="s">
        <v>15901</v>
      </c>
    </row>
    <row r="15836" spans="1:4" x14ac:dyDescent="0.4">
      <c r="A15836" s="1" t="s">
        <v>15902</v>
      </c>
      <c r="B15836" t="s">
        <v>11981</v>
      </c>
      <c r="C15836" t="s">
        <v>15655</v>
      </c>
      <c r="D15836" t="s">
        <v>15903</v>
      </c>
    </row>
    <row r="15837" spans="1:4" x14ac:dyDescent="0.4">
      <c r="A15837" s="1" t="s">
        <v>15904</v>
      </c>
      <c r="B15837" t="s">
        <v>11981</v>
      </c>
      <c r="C15837" t="s">
        <v>15655</v>
      </c>
      <c r="D15837" t="s">
        <v>15905</v>
      </c>
    </row>
    <row r="15838" spans="1:4" x14ac:dyDescent="0.4">
      <c r="A15838" s="1" t="s">
        <v>15906</v>
      </c>
      <c r="B15838" t="s">
        <v>11981</v>
      </c>
      <c r="C15838" t="s">
        <v>15655</v>
      </c>
      <c r="D15838" t="s">
        <v>15907</v>
      </c>
    </row>
    <row r="15839" spans="1:4" x14ac:dyDescent="0.4">
      <c r="A15839" s="1" t="s">
        <v>15908</v>
      </c>
      <c r="B15839" t="s">
        <v>11981</v>
      </c>
      <c r="C15839" t="s">
        <v>15655</v>
      </c>
      <c r="D15839" t="s">
        <v>15909</v>
      </c>
    </row>
    <row r="15840" spans="1:4" x14ac:dyDescent="0.4">
      <c r="A15840" s="1" t="s">
        <v>15910</v>
      </c>
      <c r="B15840" t="s">
        <v>11981</v>
      </c>
      <c r="C15840" t="s">
        <v>15655</v>
      </c>
      <c r="D15840" t="s">
        <v>15911</v>
      </c>
    </row>
    <row r="15841" spans="1:4" x14ac:dyDescent="0.4">
      <c r="A15841" s="1" t="s">
        <v>15912</v>
      </c>
      <c r="B15841" t="s">
        <v>11981</v>
      </c>
      <c r="C15841" t="s">
        <v>15655</v>
      </c>
      <c r="D15841" t="s">
        <v>15913</v>
      </c>
    </row>
    <row r="15842" spans="1:4" x14ac:dyDescent="0.4">
      <c r="A15842" s="1" t="s">
        <v>15914</v>
      </c>
      <c r="B15842" t="s">
        <v>11981</v>
      </c>
      <c r="C15842" t="s">
        <v>15655</v>
      </c>
      <c r="D15842" t="s">
        <v>15915</v>
      </c>
    </row>
    <row r="15843" spans="1:4" x14ac:dyDescent="0.4">
      <c r="A15843" s="1" t="s">
        <v>15916</v>
      </c>
      <c r="B15843" t="s">
        <v>11981</v>
      </c>
      <c r="C15843" t="s">
        <v>15655</v>
      </c>
      <c r="D15843" t="s">
        <v>15917</v>
      </c>
    </row>
    <row r="15844" spans="1:4" x14ac:dyDescent="0.4">
      <c r="A15844" s="1" t="s">
        <v>15918</v>
      </c>
      <c r="B15844" t="s">
        <v>11981</v>
      </c>
      <c r="C15844" t="s">
        <v>15655</v>
      </c>
      <c r="D15844" t="s">
        <v>15919</v>
      </c>
    </row>
    <row r="15845" spans="1:4" x14ac:dyDescent="0.4">
      <c r="A15845" s="1" t="s">
        <v>15920</v>
      </c>
      <c r="B15845" t="s">
        <v>11981</v>
      </c>
      <c r="C15845" t="s">
        <v>15655</v>
      </c>
      <c r="D15845" t="s">
        <v>15921</v>
      </c>
    </row>
    <row r="15846" spans="1:4" x14ac:dyDescent="0.4">
      <c r="A15846" s="1" t="s">
        <v>15922</v>
      </c>
      <c r="B15846" t="s">
        <v>11981</v>
      </c>
      <c r="C15846" t="s">
        <v>15655</v>
      </c>
      <c r="D15846" t="s">
        <v>15923</v>
      </c>
    </row>
    <row r="15847" spans="1:4" x14ac:dyDescent="0.4">
      <c r="A15847" s="1" t="s">
        <v>15924</v>
      </c>
      <c r="B15847" t="s">
        <v>11981</v>
      </c>
      <c r="C15847" t="s">
        <v>15655</v>
      </c>
      <c r="D15847" t="s">
        <v>15925</v>
      </c>
    </row>
    <row r="15848" spans="1:4" x14ac:dyDescent="0.4">
      <c r="A15848" s="1" t="s">
        <v>15926</v>
      </c>
      <c r="B15848" t="s">
        <v>11981</v>
      </c>
      <c r="C15848" t="s">
        <v>15655</v>
      </c>
      <c r="D15848" t="s">
        <v>15927</v>
      </c>
    </row>
    <row r="15849" spans="1:4" x14ac:dyDescent="0.4">
      <c r="A15849" s="1" t="s">
        <v>15928</v>
      </c>
      <c r="B15849" t="s">
        <v>11981</v>
      </c>
      <c r="C15849" t="s">
        <v>15655</v>
      </c>
      <c r="D15849" t="s">
        <v>15929</v>
      </c>
    </row>
    <row r="15850" spans="1:4" x14ac:dyDescent="0.4">
      <c r="A15850" s="1" t="s">
        <v>15930</v>
      </c>
      <c r="B15850" t="s">
        <v>11981</v>
      </c>
      <c r="C15850" t="s">
        <v>15655</v>
      </c>
      <c r="D15850" t="s">
        <v>15931</v>
      </c>
    </row>
    <row r="15851" spans="1:4" x14ac:dyDescent="0.4">
      <c r="A15851" s="1" t="s">
        <v>15932</v>
      </c>
      <c r="B15851" t="s">
        <v>11981</v>
      </c>
      <c r="C15851" t="s">
        <v>15655</v>
      </c>
      <c r="D15851" t="s">
        <v>15933</v>
      </c>
    </row>
    <row r="15852" spans="1:4" x14ac:dyDescent="0.4">
      <c r="A15852" s="1" t="s">
        <v>15934</v>
      </c>
      <c r="B15852" t="s">
        <v>11981</v>
      </c>
      <c r="C15852" t="s">
        <v>15655</v>
      </c>
      <c r="D15852" t="s">
        <v>15935</v>
      </c>
    </row>
    <row r="15853" spans="1:4" x14ac:dyDescent="0.4">
      <c r="A15853" s="1" t="s">
        <v>15936</v>
      </c>
      <c r="B15853" t="s">
        <v>11981</v>
      </c>
      <c r="C15853" t="s">
        <v>15655</v>
      </c>
      <c r="D15853" t="s">
        <v>15937</v>
      </c>
    </row>
    <row r="15854" spans="1:4" x14ac:dyDescent="0.4">
      <c r="A15854" s="1" t="s">
        <v>15938</v>
      </c>
      <c r="B15854" t="s">
        <v>11981</v>
      </c>
      <c r="C15854" t="s">
        <v>15655</v>
      </c>
      <c r="D15854" t="s">
        <v>15939</v>
      </c>
    </row>
    <row r="15855" spans="1:4" x14ac:dyDescent="0.4">
      <c r="A15855" s="1" t="s">
        <v>15940</v>
      </c>
      <c r="B15855" t="s">
        <v>11981</v>
      </c>
      <c r="C15855" t="s">
        <v>15655</v>
      </c>
      <c r="D15855" t="s">
        <v>15941</v>
      </c>
    </row>
    <row r="15856" spans="1:4" x14ac:dyDescent="0.4">
      <c r="A15856" s="1" t="s">
        <v>15942</v>
      </c>
      <c r="B15856" t="s">
        <v>11981</v>
      </c>
      <c r="C15856" t="s">
        <v>15655</v>
      </c>
      <c r="D15856" t="s">
        <v>1452</v>
      </c>
    </row>
    <row r="15857" spans="1:4" x14ac:dyDescent="0.4">
      <c r="A15857" s="1" t="s">
        <v>15943</v>
      </c>
      <c r="B15857" t="s">
        <v>11981</v>
      </c>
      <c r="C15857" t="s">
        <v>15655</v>
      </c>
      <c r="D15857" t="s">
        <v>15944</v>
      </c>
    </row>
    <row r="15858" spans="1:4" x14ac:dyDescent="0.4">
      <c r="A15858" s="1" t="s">
        <v>15945</v>
      </c>
      <c r="B15858" t="s">
        <v>11981</v>
      </c>
      <c r="C15858" t="s">
        <v>15655</v>
      </c>
      <c r="D15858" t="s">
        <v>15946</v>
      </c>
    </row>
    <row r="15859" spans="1:4" x14ac:dyDescent="0.4">
      <c r="A15859" s="1" t="s">
        <v>15947</v>
      </c>
      <c r="B15859" t="s">
        <v>11981</v>
      </c>
      <c r="C15859" t="s">
        <v>15655</v>
      </c>
      <c r="D15859" t="s">
        <v>15948</v>
      </c>
    </row>
    <row r="15860" spans="1:4" x14ac:dyDescent="0.4">
      <c r="A15860" s="1" t="s">
        <v>15949</v>
      </c>
      <c r="B15860" t="s">
        <v>11981</v>
      </c>
      <c r="C15860" t="s">
        <v>15655</v>
      </c>
      <c r="D15860" t="s">
        <v>15950</v>
      </c>
    </row>
    <row r="15861" spans="1:4" x14ac:dyDescent="0.4">
      <c r="A15861" s="1" t="s">
        <v>15951</v>
      </c>
      <c r="B15861" t="s">
        <v>11981</v>
      </c>
      <c r="C15861" t="s">
        <v>15655</v>
      </c>
      <c r="D15861" t="s">
        <v>4172</v>
      </c>
    </row>
    <row r="15862" spans="1:4" x14ac:dyDescent="0.4">
      <c r="A15862" s="1" t="s">
        <v>15952</v>
      </c>
      <c r="B15862" t="s">
        <v>11981</v>
      </c>
      <c r="C15862" t="s">
        <v>15655</v>
      </c>
      <c r="D15862" t="s">
        <v>5131</v>
      </c>
    </row>
    <row r="15863" spans="1:4" x14ac:dyDescent="0.4">
      <c r="A15863" s="1" t="s">
        <v>15953</v>
      </c>
      <c r="B15863" t="s">
        <v>11981</v>
      </c>
      <c r="C15863" t="s">
        <v>15655</v>
      </c>
      <c r="D15863" t="s">
        <v>15954</v>
      </c>
    </row>
    <row r="15864" spans="1:4" x14ac:dyDescent="0.4">
      <c r="A15864" s="1" t="s">
        <v>15955</v>
      </c>
      <c r="B15864" t="s">
        <v>11981</v>
      </c>
      <c r="C15864" t="s">
        <v>15655</v>
      </c>
      <c r="D15864" t="s">
        <v>3988</v>
      </c>
    </row>
    <row r="15865" spans="1:4" x14ac:dyDescent="0.4">
      <c r="A15865" s="1" t="s">
        <v>15956</v>
      </c>
      <c r="B15865" t="s">
        <v>11981</v>
      </c>
      <c r="C15865" t="s">
        <v>15957</v>
      </c>
    </row>
    <row r="15866" spans="1:4" x14ac:dyDescent="0.4">
      <c r="A15866" s="1" t="s">
        <v>15958</v>
      </c>
      <c r="B15866" t="s">
        <v>11981</v>
      </c>
      <c r="C15866" t="s">
        <v>15957</v>
      </c>
      <c r="D15866" t="s">
        <v>7949</v>
      </c>
    </row>
    <row r="15867" spans="1:4" x14ac:dyDescent="0.4">
      <c r="A15867" s="1" t="s">
        <v>15959</v>
      </c>
      <c r="B15867" t="s">
        <v>11981</v>
      </c>
      <c r="C15867" t="s">
        <v>15957</v>
      </c>
      <c r="D15867" t="s">
        <v>15960</v>
      </c>
    </row>
    <row r="15868" spans="1:4" x14ac:dyDescent="0.4">
      <c r="A15868" s="1" t="s">
        <v>15961</v>
      </c>
      <c r="B15868" t="s">
        <v>11981</v>
      </c>
      <c r="C15868" t="s">
        <v>15957</v>
      </c>
      <c r="D15868" t="s">
        <v>15962</v>
      </c>
    </row>
    <row r="15869" spans="1:4" x14ac:dyDescent="0.4">
      <c r="A15869" s="1" t="s">
        <v>15963</v>
      </c>
      <c r="B15869" t="s">
        <v>11981</v>
      </c>
      <c r="C15869" t="s">
        <v>15957</v>
      </c>
      <c r="D15869" t="s">
        <v>15964</v>
      </c>
    </row>
    <row r="15870" spans="1:4" x14ac:dyDescent="0.4">
      <c r="A15870" s="1" t="s">
        <v>15965</v>
      </c>
      <c r="B15870" t="s">
        <v>11981</v>
      </c>
      <c r="C15870" t="s">
        <v>15957</v>
      </c>
      <c r="D15870" t="s">
        <v>15966</v>
      </c>
    </row>
    <row r="15871" spans="1:4" x14ac:dyDescent="0.4">
      <c r="A15871" s="1" t="s">
        <v>15967</v>
      </c>
      <c r="B15871" t="s">
        <v>11981</v>
      </c>
      <c r="C15871" t="s">
        <v>15957</v>
      </c>
      <c r="D15871" t="s">
        <v>15968</v>
      </c>
    </row>
    <row r="15872" spans="1:4" x14ac:dyDescent="0.4">
      <c r="A15872" s="1" t="s">
        <v>15969</v>
      </c>
      <c r="B15872" t="s">
        <v>11981</v>
      </c>
      <c r="C15872" t="s">
        <v>15957</v>
      </c>
      <c r="D15872" t="s">
        <v>15970</v>
      </c>
    </row>
    <row r="15873" spans="1:4" x14ac:dyDescent="0.4">
      <c r="A15873" s="1" t="s">
        <v>15971</v>
      </c>
      <c r="B15873" t="s">
        <v>11981</v>
      </c>
      <c r="C15873" t="s">
        <v>15957</v>
      </c>
      <c r="D15873" t="s">
        <v>15972</v>
      </c>
    </row>
    <row r="15874" spans="1:4" x14ac:dyDescent="0.4">
      <c r="A15874" s="1" t="s">
        <v>15973</v>
      </c>
      <c r="B15874" t="s">
        <v>11981</v>
      </c>
      <c r="C15874" t="s">
        <v>15957</v>
      </c>
      <c r="D15874" t="s">
        <v>15974</v>
      </c>
    </row>
    <row r="15875" spans="1:4" x14ac:dyDescent="0.4">
      <c r="A15875" s="1" t="s">
        <v>15975</v>
      </c>
      <c r="B15875" t="s">
        <v>11981</v>
      </c>
      <c r="C15875" t="s">
        <v>15957</v>
      </c>
      <c r="D15875" t="s">
        <v>15976</v>
      </c>
    </row>
    <row r="15876" spans="1:4" x14ac:dyDescent="0.4">
      <c r="A15876" s="1" t="s">
        <v>15977</v>
      </c>
      <c r="B15876" t="s">
        <v>11981</v>
      </c>
      <c r="C15876" t="s">
        <v>15957</v>
      </c>
      <c r="D15876" t="s">
        <v>15978</v>
      </c>
    </row>
    <row r="15877" spans="1:4" x14ac:dyDescent="0.4">
      <c r="A15877" s="1" t="s">
        <v>15979</v>
      </c>
      <c r="B15877" t="s">
        <v>11981</v>
      </c>
      <c r="C15877" t="s">
        <v>15957</v>
      </c>
      <c r="D15877" t="s">
        <v>15980</v>
      </c>
    </row>
    <row r="15878" spans="1:4" x14ac:dyDescent="0.4">
      <c r="A15878" s="1" t="s">
        <v>15981</v>
      </c>
      <c r="B15878" t="s">
        <v>11981</v>
      </c>
      <c r="C15878" t="s">
        <v>15957</v>
      </c>
      <c r="D15878" t="s">
        <v>13402</v>
      </c>
    </row>
    <row r="15879" spans="1:4" x14ac:dyDescent="0.4">
      <c r="A15879" s="1" t="s">
        <v>15982</v>
      </c>
      <c r="B15879" t="s">
        <v>11981</v>
      </c>
      <c r="C15879" t="s">
        <v>15957</v>
      </c>
      <c r="D15879" t="s">
        <v>595</v>
      </c>
    </row>
    <row r="15880" spans="1:4" x14ac:dyDescent="0.4">
      <c r="A15880" s="1" t="s">
        <v>15983</v>
      </c>
      <c r="B15880" t="s">
        <v>11981</v>
      </c>
      <c r="C15880" t="s">
        <v>15957</v>
      </c>
      <c r="D15880" t="s">
        <v>5470</v>
      </c>
    </row>
    <row r="15881" spans="1:4" x14ac:dyDescent="0.4">
      <c r="A15881" s="1" t="s">
        <v>15984</v>
      </c>
      <c r="B15881" t="s">
        <v>11981</v>
      </c>
      <c r="C15881" t="s">
        <v>15957</v>
      </c>
      <c r="D15881" t="s">
        <v>15985</v>
      </c>
    </row>
    <row r="15882" spans="1:4" x14ac:dyDescent="0.4">
      <c r="A15882" s="1" t="s">
        <v>15986</v>
      </c>
      <c r="B15882" t="s">
        <v>11981</v>
      </c>
      <c r="C15882" t="s">
        <v>15957</v>
      </c>
      <c r="D15882" t="s">
        <v>15987</v>
      </c>
    </row>
    <row r="15883" spans="1:4" x14ac:dyDescent="0.4">
      <c r="A15883" s="1" t="s">
        <v>15988</v>
      </c>
      <c r="B15883" t="s">
        <v>11981</v>
      </c>
      <c r="C15883" t="s">
        <v>15957</v>
      </c>
      <c r="D15883" t="s">
        <v>9219</v>
      </c>
    </row>
    <row r="15884" spans="1:4" x14ac:dyDescent="0.4">
      <c r="A15884" s="1" t="s">
        <v>15989</v>
      </c>
      <c r="B15884" t="s">
        <v>11981</v>
      </c>
      <c r="C15884" t="s">
        <v>15957</v>
      </c>
      <c r="D15884" t="s">
        <v>15990</v>
      </c>
    </row>
    <row r="15885" spans="1:4" x14ac:dyDescent="0.4">
      <c r="A15885" s="1" t="s">
        <v>15991</v>
      </c>
      <c r="B15885" t="s">
        <v>11981</v>
      </c>
      <c r="C15885" t="s">
        <v>15957</v>
      </c>
      <c r="D15885" t="s">
        <v>14154</v>
      </c>
    </row>
    <row r="15886" spans="1:4" x14ac:dyDescent="0.4">
      <c r="A15886" s="1" t="s">
        <v>15992</v>
      </c>
      <c r="B15886" t="s">
        <v>11981</v>
      </c>
      <c r="C15886" t="s">
        <v>15957</v>
      </c>
      <c r="D15886" t="s">
        <v>15993</v>
      </c>
    </row>
    <row r="15887" spans="1:4" x14ac:dyDescent="0.4">
      <c r="A15887" s="1" t="s">
        <v>15994</v>
      </c>
      <c r="B15887" t="s">
        <v>11981</v>
      </c>
      <c r="C15887" t="s">
        <v>15957</v>
      </c>
      <c r="D15887" t="s">
        <v>15995</v>
      </c>
    </row>
    <row r="15888" spans="1:4" x14ac:dyDescent="0.4">
      <c r="A15888" s="1" t="s">
        <v>15996</v>
      </c>
      <c r="B15888" t="s">
        <v>11981</v>
      </c>
      <c r="C15888" t="s">
        <v>15957</v>
      </c>
      <c r="D15888" t="s">
        <v>15997</v>
      </c>
    </row>
    <row r="15889" spans="1:4" x14ac:dyDescent="0.4">
      <c r="A15889" s="1" t="s">
        <v>15998</v>
      </c>
      <c r="B15889" t="s">
        <v>11981</v>
      </c>
      <c r="C15889" t="s">
        <v>15957</v>
      </c>
      <c r="D15889" t="s">
        <v>15999</v>
      </c>
    </row>
    <row r="15890" spans="1:4" x14ac:dyDescent="0.4">
      <c r="A15890" s="1" t="s">
        <v>16000</v>
      </c>
      <c r="B15890" t="s">
        <v>11981</v>
      </c>
      <c r="C15890" t="s">
        <v>15957</v>
      </c>
      <c r="D15890" t="s">
        <v>16001</v>
      </c>
    </row>
    <row r="15891" spans="1:4" x14ac:dyDescent="0.4">
      <c r="A15891" s="1" t="s">
        <v>16002</v>
      </c>
      <c r="B15891" t="s">
        <v>11981</v>
      </c>
      <c r="C15891" t="s">
        <v>15957</v>
      </c>
      <c r="D15891" t="s">
        <v>16003</v>
      </c>
    </row>
    <row r="15892" spans="1:4" x14ac:dyDescent="0.4">
      <c r="A15892" s="1" t="s">
        <v>16004</v>
      </c>
      <c r="B15892" t="s">
        <v>11981</v>
      </c>
      <c r="C15892" t="s">
        <v>15957</v>
      </c>
      <c r="D15892" t="s">
        <v>16005</v>
      </c>
    </row>
    <row r="15893" spans="1:4" x14ac:dyDescent="0.4">
      <c r="A15893" s="1" t="s">
        <v>16006</v>
      </c>
      <c r="B15893" t="s">
        <v>11981</v>
      </c>
      <c r="C15893" t="s">
        <v>15957</v>
      </c>
      <c r="D15893" t="s">
        <v>16007</v>
      </c>
    </row>
    <row r="15894" spans="1:4" x14ac:dyDescent="0.4">
      <c r="A15894" s="1" t="s">
        <v>16008</v>
      </c>
      <c r="B15894" t="s">
        <v>11981</v>
      </c>
      <c r="C15894" t="s">
        <v>15957</v>
      </c>
      <c r="D15894" t="s">
        <v>16009</v>
      </c>
    </row>
    <row r="15895" spans="1:4" x14ac:dyDescent="0.4">
      <c r="A15895" s="1" t="s">
        <v>16010</v>
      </c>
      <c r="B15895" t="s">
        <v>11981</v>
      </c>
      <c r="C15895" t="s">
        <v>15957</v>
      </c>
      <c r="D15895" t="s">
        <v>537</v>
      </c>
    </row>
    <row r="15896" spans="1:4" x14ac:dyDescent="0.4">
      <c r="A15896" s="1" t="s">
        <v>16011</v>
      </c>
      <c r="B15896" t="s">
        <v>11981</v>
      </c>
      <c r="C15896" t="s">
        <v>15957</v>
      </c>
      <c r="D15896" t="s">
        <v>11032</v>
      </c>
    </row>
    <row r="15897" spans="1:4" x14ac:dyDescent="0.4">
      <c r="A15897" s="1" t="s">
        <v>16012</v>
      </c>
      <c r="B15897" t="s">
        <v>11981</v>
      </c>
      <c r="C15897" t="s">
        <v>15957</v>
      </c>
      <c r="D15897" t="s">
        <v>16013</v>
      </c>
    </row>
    <row r="15898" spans="1:4" x14ac:dyDescent="0.4">
      <c r="A15898" s="1" t="s">
        <v>16014</v>
      </c>
      <c r="B15898" t="s">
        <v>11981</v>
      </c>
      <c r="C15898" t="s">
        <v>15957</v>
      </c>
      <c r="D15898" t="s">
        <v>16015</v>
      </c>
    </row>
    <row r="15899" spans="1:4" x14ac:dyDescent="0.4">
      <c r="A15899" s="1" t="s">
        <v>16016</v>
      </c>
      <c r="B15899" t="s">
        <v>11981</v>
      </c>
      <c r="C15899" t="s">
        <v>15957</v>
      </c>
      <c r="D15899" t="s">
        <v>16017</v>
      </c>
    </row>
    <row r="15900" spans="1:4" x14ac:dyDescent="0.4">
      <c r="A15900" s="1" t="s">
        <v>16018</v>
      </c>
      <c r="B15900" t="s">
        <v>11981</v>
      </c>
      <c r="C15900" t="s">
        <v>15957</v>
      </c>
      <c r="D15900" t="s">
        <v>16019</v>
      </c>
    </row>
    <row r="15901" spans="1:4" x14ac:dyDescent="0.4">
      <c r="A15901" s="1" t="s">
        <v>16020</v>
      </c>
      <c r="B15901" t="s">
        <v>11981</v>
      </c>
      <c r="C15901" t="s">
        <v>15957</v>
      </c>
      <c r="D15901" t="s">
        <v>16021</v>
      </c>
    </row>
    <row r="15902" spans="1:4" x14ac:dyDescent="0.4">
      <c r="A15902" s="1" t="s">
        <v>16022</v>
      </c>
      <c r="B15902" t="s">
        <v>11981</v>
      </c>
      <c r="C15902" t="s">
        <v>15957</v>
      </c>
      <c r="D15902" t="s">
        <v>16023</v>
      </c>
    </row>
    <row r="15903" spans="1:4" x14ac:dyDescent="0.4">
      <c r="A15903" s="1" t="s">
        <v>16024</v>
      </c>
      <c r="B15903" t="s">
        <v>11981</v>
      </c>
      <c r="C15903" t="s">
        <v>15957</v>
      </c>
      <c r="D15903" t="s">
        <v>16025</v>
      </c>
    </row>
    <row r="15904" spans="1:4" x14ac:dyDescent="0.4">
      <c r="A15904" s="1" t="s">
        <v>16026</v>
      </c>
      <c r="B15904" t="s">
        <v>11981</v>
      </c>
      <c r="C15904" t="s">
        <v>15957</v>
      </c>
      <c r="D15904" t="s">
        <v>7249</v>
      </c>
    </row>
    <row r="15905" spans="1:4" x14ac:dyDescent="0.4">
      <c r="A15905" s="1" t="s">
        <v>16027</v>
      </c>
      <c r="B15905" t="s">
        <v>11981</v>
      </c>
      <c r="C15905" t="s">
        <v>15957</v>
      </c>
      <c r="D15905" t="s">
        <v>16028</v>
      </c>
    </row>
    <row r="15906" spans="1:4" x14ac:dyDescent="0.4">
      <c r="A15906" s="1" t="s">
        <v>16029</v>
      </c>
      <c r="B15906" t="s">
        <v>11981</v>
      </c>
      <c r="C15906" t="s">
        <v>15957</v>
      </c>
      <c r="D15906" t="s">
        <v>16030</v>
      </c>
    </row>
    <row r="15907" spans="1:4" x14ac:dyDescent="0.4">
      <c r="A15907" s="1" t="s">
        <v>16031</v>
      </c>
      <c r="B15907" t="s">
        <v>11981</v>
      </c>
      <c r="C15907" t="s">
        <v>15957</v>
      </c>
      <c r="D15907" t="s">
        <v>16032</v>
      </c>
    </row>
    <row r="15908" spans="1:4" x14ac:dyDescent="0.4">
      <c r="A15908" s="1" t="s">
        <v>16033</v>
      </c>
      <c r="B15908" t="s">
        <v>11981</v>
      </c>
      <c r="C15908" t="s">
        <v>15957</v>
      </c>
      <c r="D15908" t="s">
        <v>16034</v>
      </c>
    </row>
    <row r="15909" spans="1:4" x14ac:dyDescent="0.4">
      <c r="A15909" s="1" t="s">
        <v>16035</v>
      </c>
      <c r="B15909" t="s">
        <v>11981</v>
      </c>
      <c r="C15909" t="s">
        <v>15957</v>
      </c>
      <c r="D15909" t="s">
        <v>16036</v>
      </c>
    </row>
    <row r="15910" spans="1:4" x14ac:dyDescent="0.4">
      <c r="A15910" s="1" t="s">
        <v>16037</v>
      </c>
      <c r="B15910" t="s">
        <v>11981</v>
      </c>
      <c r="C15910" t="s">
        <v>15957</v>
      </c>
      <c r="D15910" t="s">
        <v>16038</v>
      </c>
    </row>
    <row r="15911" spans="1:4" x14ac:dyDescent="0.4">
      <c r="A15911" s="1" t="s">
        <v>16039</v>
      </c>
      <c r="B15911" t="s">
        <v>11981</v>
      </c>
      <c r="C15911" t="s">
        <v>15957</v>
      </c>
      <c r="D15911" t="s">
        <v>3359</v>
      </c>
    </row>
    <row r="15912" spans="1:4" x14ac:dyDescent="0.4">
      <c r="A15912" s="1" t="s">
        <v>16040</v>
      </c>
      <c r="B15912" t="s">
        <v>11981</v>
      </c>
      <c r="C15912" t="s">
        <v>15957</v>
      </c>
      <c r="D15912" t="s">
        <v>5871</v>
      </c>
    </row>
    <row r="15913" spans="1:4" x14ac:dyDescent="0.4">
      <c r="A15913" s="1" t="s">
        <v>16041</v>
      </c>
      <c r="B15913" t="s">
        <v>11981</v>
      </c>
      <c r="C15913" t="s">
        <v>15957</v>
      </c>
      <c r="D15913" t="s">
        <v>16042</v>
      </c>
    </row>
    <row r="15914" spans="1:4" x14ac:dyDescent="0.4">
      <c r="A15914" s="1" t="s">
        <v>16043</v>
      </c>
      <c r="B15914" t="s">
        <v>11981</v>
      </c>
      <c r="C15914" t="s">
        <v>15957</v>
      </c>
      <c r="D15914" t="s">
        <v>16044</v>
      </c>
    </row>
    <row r="15915" spans="1:4" x14ac:dyDescent="0.4">
      <c r="A15915" s="1" t="s">
        <v>16045</v>
      </c>
      <c r="B15915" t="s">
        <v>11981</v>
      </c>
      <c r="C15915" t="s">
        <v>15957</v>
      </c>
      <c r="D15915" t="s">
        <v>16046</v>
      </c>
    </row>
    <row r="15916" spans="1:4" x14ac:dyDescent="0.4">
      <c r="A15916" s="1" t="s">
        <v>16047</v>
      </c>
      <c r="B15916" t="s">
        <v>11981</v>
      </c>
      <c r="C15916" t="s">
        <v>15957</v>
      </c>
      <c r="D15916" t="s">
        <v>16048</v>
      </c>
    </row>
    <row r="15917" spans="1:4" x14ac:dyDescent="0.4">
      <c r="A15917" s="1" t="s">
        <v>16049</v>
      </c>
      <c r="B15917" t="s">
        <v>11981</v>
      </c>
      <c r="C15917" t="s">
        <v>15957</v>
      </c>
      <c r="D15917" t="s">
        <v>16050</v>
      </c>
    </row>
    <row r="15918" spans="1:4" x14ac:dyDescent="0.4">
      <c r="A15918" s="1" t="s">
        <v>16051</v>
      </c>
      <c r="B15918" t="s">
        <v>11981</v>
      </c>
      <c r="C15918" t="s">
        <v>15957</v>
      </c>
      <c r="D15918" t="s">
        <v>16052</v>
      </c>
    </row>
    <row r="15919" spans="1:4" x14ac:dyDescent="0.4">
      <c r="A15919" s="1" t="s">
        <v>15973</v>
      </c>
      <c r="B15919" t="s">
        <v>11981</v>
      </c>
      <c r="C15919" t="s">
        <v>15957</v>
      </c>
      <c r="D15919" t="s">
        <v>16053</v>
      </c>
    </row>
    <row r="15920" spans="1:4" x14ac:dyDescent="0.4">
      <c r="A15920" s="1" t="s">
        <v>16054</v>
      </c>
      <c r="B15920" t="s">
        <v>11981</v>
      </c>
      <c r="C15920" t="s">
        <v>15957</v>
      </c>
      <c r="D15920" t="s">
        <v>16055</v>
      </c>
    </row>
    <row r="15921" spans="1:4" x14ac:dyDescent="0.4">
      <c r="A15921" s="1" t="s">
        <v>16056</v>
      </c>
      <c r="B15921" t="s">
        <v>11981</v>
      </c>
      <c r="C15921" t="s">
        <v>15957</v>
      </c>
      <c r="D15921" t="s">
        <v>16057</v>
      </c>
    </row>
    <row r="15922" spans="1:4" x14ac:dyDescent="0.4">
      <c r="A15922" s="1" t="s">
        <v>16058</v>
      </c>
      <c r="B15922" t="s">
        <v>11981</v>
      </c>
      <c r="C15922" t="s">
        <v>15957</v>
      </c>
      <c r="D15922" t="s">
        <v>16059</v>
      </c>
    </row>
    <row r="15923" spans="1:4" x14ac:dyDescent="0.4">
      <c r="A15923" s="1" t="s">
        <v>16060</v>
      </c>
      <c r="B15923" t="s">
        <v>11981</v>
      </c>
      <c r="C15923" t="s">
        <v>15957</v>
      </c>
      <c r="D15923" t="s">
        <v>13509</v>
      </c>
    </row>
    <row r="15924" spans="1:4" x14ac:dyDescent="0.4">
      <c r="A15924" s="1" t="s">
        <v>16061</v>
      </c>
      <c r="B15924" t="s">
        <v>11981</v>
      </c>
      <c r="C15924" t="s">
        <v>15957</v>
      </c>
      <c r="D15924" t="s">
        <v>2468</v>
      </c>
    </row>
    <row r="15925" spans="1:4" x14ac:dyDescent="0.4">
      <c r="A15925" s="1" t="s">
        <v>16062</v>
      </c>
      <c r="B15925" t="s">
        <v>11981</v>
      </c>
      <c r="C15925" t="s">
        <v>15957</v>
      </c>
      <c r="D15925" t="s">
        <v>3619</v>
      </c>
    </row>
    <row r="15926" spans="1:4" x14ac:dyDescent="0.4">
      <c r="A15926" s="1" t="s">
        <v>16063</v>
      </c>
      <c r="B15926" t="s">
        <v>11981</v>
      </c>
      <c r="C15926" t="s">
        <v>15957</v>
      </c>
      <c r="D15926" t="s">
        <v>13519</v>
      </c>
    </row>
    <row r="15927" spans="1:4" x14ac:dyDescent="0.4">
      <c r="A15927" s="1" t="s">
        <v>16064</v>
      </c>
      <c r="B15927" t="s">
        <v>11981</v>
      </c>
      <c r="C15927" t="s">
        <v>15957</v>
      </c>
      <c r="D15927" t="s">
        <v>16065</v>
      </c>
    </row>
    <row r="15928" spans="1:4" x14ac:dyDescent="0.4">
      <c r="A15928" s="1" t="s">
        <v>16066</v>
      </c>
      <c r="B15928" t="s">
        <v>11981</v>
      </c>
      <c r="C15928" t="s">
        <v>15957</v>
      </c>
      <c r="D15928" t="s">
        <v>16067</v>
      </c>
    </row>
    <row r="15929" spans="1:4" x14ac:dyDescent="0.4">
      <c r="A15929" s="1" t="s">
        <v>16068</v>
      </c>
      <c r="B15929" t="s">
        <v>11981</v>
      </c>
      <c r="C15929" t="s">
        <v>15957</v>
      </c>
      <c r="D15929" t="s">
        <v>16069</v>
      </c>
    </row>
    <row r="15930" spans="1:4" x14ac:dyDescent="0.4">
      <c r="A15930" s="1" t="s">
        <v>16070</v>
      </c>
      <c r="B15930" t="s">
        <v>11981</v>
      </c>
      <c r="C15930" t="s">
        <v>15957</v>
      </c>
      <c r="D15930" t="s">
        <v>16071</v>
      </c>
    </row>
    <row r="15931" spans="1:4" x14ac:dyDescent="0.4">
      <c r="A15931" s="1" t="s">
        <v>16072</v>
      </c>
      <c r="B15931" t="s">
        <v>11981</v>
      </c>
      <c r="C15931" t="s">
        <v>15957</v>
      </c>
      <c r="D15931" t="s">
        <v>178</v>
      </c>
    </row>
    <row r="15932" spans="1:4" x14ac:dyDescent="0.4">
      <c r="A15932" s="1" t="s">
        <v>16073</v>
      </c>
      <c r="B15932" t="s">
        <v>11981</v>
      </c>
      <c r="C15932" t="s">
        <v>15957</v>
      </c>
      <c r="D15932" t="s">
        <v>14480</v>
      </c>
    </row>
    <row r="15933" spans="1:4" x14ac:dyDescent="0.4">
      <c r="A15933" s="1" t="s">
        <v>16074</v>
      </c>
      <c r="B15933" t="s">
        <v>11981</v>
      </c>
      <c r="C15933" t="s">
        <v>15957</v>
      </c>
      <c r="D15933" t="s">
        <v>16075</v>
      </c>
    </row>
    <row r="15934" spans="1:4" x14ac:dyDescent="0.4">
      <c r="A15934" s="1" t="s">
        <v>16076</v>
      </c>
      <c r="B15934" t="s">
        <v>11981</v>
      </c>
      <c r="C15934" t="s">
        <v>15957</v>
      </c>
      <c r="D15934" t="s">
        <v>16077</v>
      </c>
    </row>
    <row r="15935" spans="1:4" x14ac:dyDescent="0.4">
      <c r="A15935" s="1" t="s">
        <v>16078</v>
      </c>
      <c r="B15935" t="s">
        <v>11981</v>
      </c>
      <c r="C15935" t="s">
        <v>15957</v>
      </c>
      <c r="D15935" t="s">
        <v>16079</v>
      </c>
    </row>
    <row r="15936" spans="1:4" x14ac:dyDescent="0.4">
      <c r="A15936" s="1" t="s">
        <v>16080</v>
      </c>
      <c r="B15936" t="s">
        <v>11981</v>
      </c>
      <c r="C15936" t="s">
        <v>15957</v>
      </c>
      <c r="D15936" t="s">
        <v>12801</v>
      </c>
    </row>
    <row r="15937" spans="1:4" x14ac:dyDescent="0.4">
      <c r="A15937" s="1" t="s">
        <v>16081</v>
      </c>
      <c r="B15937" t="s">
        <v>11981</v>
      </c>
      <c r="C15937" t="s">
        <v>15957</v>
      </c>
      <c r="D15937" t="s">
        <v>1750</v>
      </c>
    </row>
    <row r="15938" spans="1:4" x14ac:dyDescent="0.4">
      <c r="A15938" s="1" t="s">
        <v>16082</v>
      </c>
      <c r="B15938" t="s">
        <v>11981</v>
      </c>
      <c r="C15938" t="s">
        <v>15957</v>
      </c>
      <c r="D15938" t="s">
        <v>442</v>
      </c>
    </row>
    <row r="15939" spans="1:4" x14ac:dyDescent="0.4">
      <c r="A15939" s="1" t="s">
        <v>16083</v>
      </c>
      <c r="B15939" t="s">
        <v>11981</v>
      </c>
      <c r="C15939" t="s">
        <v>15957</v>
      </c>
      <c r="D15939" t="s">
        <v>16084</v>
      </c>
    </row>
    <row r="15940" spans="1:4" x14ac:dyDescent="0.4">
      <c r="A15940" s="1" t="s">
        <v>16085</v>
      </c>
      <c r="B15940" t="s">
        <v>11981</v>
      </c>
      <c r="C15940" t="s">
        <v>15957</v>
      </c>
      <c r="D15940" t="s">
        <v>16086</v>
      </c>
    </row>
    <row r="15941" spans="1:4" x14ac:dyDescent="0.4">
      <c r="A15941" s="1" t="s">
        <v>16087</v>
      </c>
      <c r="B15941" t="s">
        <v>11981</v>
      </c>
      <c r="C15941" t="s">
        <v>15957</v>
      </c>
      <c r="D15941" t="s">
        <v>16088</v>
      </c>
    </row>
    <row r="15942" spans="1:4" x14ac:dyDescent="0.4">
      <c r="A15942" s="1" t="s">
        <v>16089</v>
      </c>
      <c r="B15942" t="s">
        <v>11981</v>
      </c>
      <c r="C15942" t="s">
        <v>15957</v>
      </c>
      <c r="D15942" t="s">
        <v>16090</v>
      </c>
    </row>
    <row r="15943" spans="1:4" x14ac:dyDescent="0.4">
      <c r="A15943" s="1" t="s">
        <v>16091</v>
      </c>
      <c r="B15943" t="s">
        <v>11981</v>
      </c>
      <c r="C15943" t="s">
        <v>15957</v>
      </c>
      <c r="D15943" t="s">
        <v>16092</v>
      </c>
    </row>
    <row r="15944" spans="1:4" x14ac:dyDescent="0.4">
      <c r="A15944" s="1" t="s">
        <v>16093</v>
      </c>
      <c r="B15944" t="s">
        <v>11981</v>
      </c>
      <c r="C15944" t="s">
        <v>15957</v>
      </c>
      <c r="D15944" t="s">
        <v>16094</v>
      </c>
    </row>
    <row r="15945" spans="1:4" x14ac:dyDescent="0.4">
      <c r="A15945" s="1" t="s">
        <v>16095</v>
      </c>
      <c r="B15945" t="s">
        <v>11981</v>
      </c>
      <c r="C15945" t="s">
        <v>15957</v>
      </c>
      <c r="D15945" t="s">
        <v>16096</v>
      </c>
    </row>
    <row r="15946" spans="1:4" x14ac:dyDescent="0.4">
      <c r="A15946" s="1" t="s">
        <v>16097</v>
      </c>
      <c r="B15946" t="s">
        <v>11981</v>
      </c>
      <c r="C15946" t="s">
        <v>15957</v>
      </c>
      <c r="D15946" t="s">
        <v>16098</v>
      </c>
    </row>
    <row r="15947" spans="1:4" x14ac:dyDescent="0.4">
      <c r="A15947" s="1" t="s">
        <v>16099</v>
      </c>
      <c r="B15947" t="s">
        <v>11981</v>
      </c>
      <c r="C15947" t="s">
        <v>15957</v>
      </c>
      <c r="D15947" t="s">
        <v>16100</v>
      </c>
    </row>
    <row r="15948" spans="1:4" x14ac:dyDescent="0.4">
      <c r="A15948" s="1" t="s">
        <v>16101</v>
      </c>
      <c r="B15948" t="s">
        <v>11981</v>
      </c>
      <c r="C15948" t="s">
        <v>15957</v>
      </c>
      <c r="D15948" t="s">
        <v>16102</v>
      </c>
    </row>
    <row r="15949" spans="1:4" x14ac:dyDescent="0.4">
      <c r="A15949" s="1" t="s">
        <v>16026</v>
      </c>
      <c r="B15949" t="s">
        <v>11981</v>
      </c>
      <c r="C15949" t="s">
        <v>15957</v>
      </c>
      <c r="D15949" t="s">
        <v>16103</v>
      </c>
    </row>
    <row r="15950" spans="1:4" x14ac:dyDescent="0.4">
      <c r="A15950" s="1" t="s">
        <v>16104</v>
      </c>
      <c r="B15950" t="s">
        <v>11981</v>
      </c>
      <c r="C15950" t="s">
        <v>15957</v>
      </c>
      <c r="D15950" t="s">
        <v>16105</v>
      </c>
    </row>
    <row r="15951" spans="1:4" x14ac:dyDescent="0.4">
      <c r="A15951" s="1" t="s">
        <v>16106</v>
      </c>
      <c r="B15951" t="s">
        <v>11981</v>
      </c>
      <c r="C15951" t="s">
        <v>15957</v>
      </c>
      <c r="D15951" t="s">
        <v>10961</v>
      </c>
    </row>
    <row r="15952" spans="1:4" x14ac:dyDescent="0.4">
      <c r="A15952" s="1" t="s">
        <v>16107</v>
      </c>
      <c r="B15952" t="s">
        <v>11981</v>
      </c>
      <c r="C15952" t="s">
        <v>15957</v>
      </c>
      <c r="D15952" t="s">
        <v>16108</v>
      </c>
    </row>
    <row r="15953" spans="1:4" x14ac:dyDescent="0.4">
      <c r="A15953" s="1" t="s">
        <v>16109</v>
      </c>
      <c r="B15953" t="s">
        <v>11981</v>
      </c>
      <c r="C15953" t="s">
        <v>15957</v>
      </c>
      <c r="D15953" t="s">
        <v>16110</v>
      </c>
    </row>
    <row r="15954" spans="1:4" x14ac:dyDescent="0.4">
      <c r="A15954" s="1" t="s">
        <v>16111</v>
      </c>
      <c r="B15954" t="s">
        <v>11981</v>
      </c>
      <c r="C15954" t="s">
        <v>15957</v>
      </c>
      <c r="D15954" t="s">
        <v>13351</v>
      </c>
    </row>
    <row r="15955" spans="1:4" x14ac:dyDescent="0.4">
      <c r="A15955" s="1" t="s">
        <v>16112</v>
      </c>
      <c r="B15955" t="s">
        <v>11981</v>
      </c>
      <c r="C15955" t="s">
        <v>15957</v>
      </c>
      <c r="D15955" t="s">
        <v>16113</v>
      </c>
    </row>
    <row r="15956" spans="1:4" x14ac:dyDescent="0.4">
      <c r="A15956" s="1" t="s">
        <v>16114</v>
      </c>
      <c r="B15956" t="s">
        <v>11981</v>
      </c>
      <c r="C15956" t="s">
        <v>15957</v>
      </c>
      <c r="D15956" t="s">
        <v>16115</v>
      </c>
    </row>
    <row r="15957" spans="1:4" x14ac:dyDescent="0.4">
      <c r="A15957" s="1" t="s">
        <v>16116</v>
      </c>
      <c r="B15957" t="s">
        <v>11981</v>
      </c>
      <c r="C15957" t="s">
        <v>15957</v>
      </c>
      <c r="D15957" t="s">
        <v>16117</v>
      </c>
    </row>
    <row r="15958" spans="1:4" x14ac:dyDescent="0.4">
      <c r="A15958" s="1" t="s">
        <v>16118</v>
      </c>
      <c r="B15958" t="s">
        <v>11981</v>
      </c>
      <c r="C15958" t="s">
        <v>15957</v>
      </c>
      <c r="D15958" t="s">
        <v>16119</v>
      </c>
    </row>
    <row r="15959" spans="1:4" x14ac:dyDescent="0.4">
      <c r="A15959" s="1" t="s">
        <v>16120</v>
      </c>
      <c r="B15959" t="s">
        <v>11981</v>
      </c>
      <c r="C15959" t="s">
        <v>15957</v>
      </c>
      <c r="D15959" t="s">
        <v>16121</v>
      </c>
    </row>
    <row r="15960" spans="1:4" x14ac:dyDescent="0.4">
      <c r="A15960" s="1" t="s">
        <v>16122</v>
      </c>
      <c r="B15960" t="s">
        <v>11981</v>
      </c>
      <c r="C15960" t="s">
        <v>15957</v>
      </c>
      <c r="D15960" t="s">
        <v>4386</v>
      </c>
    </row>
    <row r="15961" spans="1:4" x14ac:dyDescent="0.4">
      <c r="A15961" s="1" t="s">
        <v>16123</v>
      </c>
      <c r="B15961" t="s">
        <v>11981</v>
      </c>
      <c r="C15961" t="s">
        <v>15957</v>
      </c>
      <c r="D15961" t="s">
        <v>16124</v>
      </c>
    </row>
    <row r="15962" spans="1:4" x14ac:dyDescent="0.4">
      <c r="A15962" s="1" t="s">
        <v>16125</v>
      </c>
      <c r="B15962" t="s">
        <v>11981</v>
      </c>
      <c r="C15962" t="s">
        <v>15957</v>
      </c>
      <c r="D15962" t="s">
        <v>16126</v>
      </c>
    </row>
    <row r="15963" spans="1:4" x14ac:dyDescent="0.4">
      <c r="A15963" s="1" t="s">
        <v>16127</v>
      </c>
      <c r="B15963" t="s">
        <v>11981</v>
      </c>
      <c r="C15963" t="s">
        <v>15957</v>
      </c>
      <c r="D15963" t="s">
        <v>16128</v>
      </c>
    </row>
    <row r="15964" spans="1:4" x14ac:dyDescent="0.4">
      <c r="A15964" s="1" t="s">
        <v>16129</v>
      </c>
      <c r="B15964" t="s">
        <v>11981</v>
      </c>
      <c r="C15964" t="s">
        <v>15957</v>
      </c>
      <c r="D15964" t="s">
        <v>16130</v>
      </c>
    </row>
    <row r="15965" spans="1:4" x14ac:dyDescent="0.4">
      <c r="A15965" s="1" t="s">
        <v>16131</v>
      </c>
      <c r="B15965" t="s">
        <v>11981</v>
      </c>
      <c r="C15965" t="s">
        <v>15957</v>
      </c>
      <c r="D15965" t="s">
        <v>16132</v>
      </c>
    </row>
    <row r="15966" spans="1:4" x14ac:dyDescent="0.4">
      <c r="A15966" s="1" t="s">
        <v>16133</v>
      </c>
      <c r="B15966" t="s">
        <v>11981</v>
      </c>
      <c r="C15966" t="s">
        <v>15957</v>
      </c>
      <c r="D15966" t="s">
        <v>16134</v>
      </c>
    </row>
    <row r="15967" spans="1:4" x14ac:dyDescent="0.4">
      <c r="A15967" s="1" t="s">
        <v>16135</v>
      </c>
      <c r="B15967" t="s">
        <v>11981</v>
      </c>
      <c r="C15967" t="s">
        <v>15957</v>
      </c>
      <c r="D15967" t="s">
        <v>13679</v>
      </c>
    </row>
    <row r="15968" spans="1:4" x14ac:dyDescent="0.4">
      <c r="A15968" s="1" t="s">
        <v>16136</v>
      </c>
      <c r="B15968" t="s">
        <v>11981</v>
      </c>
      <c r="C15968" t="s">
        <v>15957</v>
      </c>
      <c r="D15968" t="s">
        <v>16137</v>
      </c>
    </row>
    <row r="15969" spans="1:4" x14ac:dyDescent="0.4">
      <c r="A15969" s="1" t="s">
        <v>16138</v>
      </c>
      <c r="B15969" t="s">
        <v>11981</v>
      </c>
      <c r="C15969" t="s">
        <v>15957</v>
      </c>
      <c r="D15969" t="s">
        <v>4036</v>
      </c>
    </row>
    <row r="15970" spans="1:4" x14ac:dyDescent="0.4">
      <c r="A15970" s="1" t="s">
        <v>16139</v>
      </c>
      <c r="B15970" t="s">
        <v>11981</v>
      </c>
      <c r="C15970" t="s">
        <v>15957</v>
      </c>
      <c r="D15970" t="s">
        <v>16140</v>
      </c>
    </row>
    <row r="15971" spans="1:4" x14ac:dyDescent="0.4">
      <c r="A15971" s="1" t="s">
        <v>16141</v>
      </c>
      <c r="B15971" t="s">
        <v>11981</v>
      </c>
      <c r="C15971" t="s">
        <v>15957</v>
      </c>
      <c r="D15971" t="s">
        <v>1467</v>
      </c>
    </row>
    <row r="15972" spans="1:4" x14ac:dyDescent="0.4">
      <c r="A15972" s="1" t="s">
        <v>16142</v>
      </c>
      <c r="B15972" t="s">
        <v>11981</v>
      </c>
      <c r="C15972" t="s">
        <v>15957</v>
      </c>
      <c r="D15972" t="s">
        <v>4698</v>
      </c>
    </row>
    <row r="15973" spans="1:4" x14ac:dyDescent="0.4">
      <c r="A15973" s="1" t="s">
        <v>16143</v>
      </c>
      <c r="B15973" t="s">
        <v>11981</v>
      </c>
      <c r="C15973" t="s">
        <v>15957</v>
      </c>
      <c r="D15973" t="s">
        <v>16144</v>
      </c>
    </row>
    <row r="15974" spans="1:4" x14ac:dyDescent="0.4">
      <c r="A15974" s="1" t="s">
        <v>16145</v>
      </c>
      <c r="B15974" t="s">
        <v>11981</v>
      </c>
      <c r="C15974" t="s">
        <v>15957</v>
      </c>
      <c r="D15974" t="s">
        <v>16146</v>
      </c>
    </row>
    <row r="15975" spans="1:4" x14ac:dyDescent="0.4">
      <c r="A15975" s="1" t="s">
        <v>16147</v>
      </c>
      <c r="B15975" t="s">
        <v>11981</v>
      </c>
      <c r="C15975" t="s">
        <v>15957</v>
      </c>
      <c r="D15975" t="s">
        <v>7389</v>
      </c>
    </row>
    <row r="15976" spans="1:4" x14ac:dyDescent="0.4">
      <c r="A15976" s="1" t="s">
        <v>16118</v>
      </c>
      <c r="B15976" t="s">
        <v>11981</v>
      </c>
      <c r="C15976" t="s">
        <v>15957</v>
      </c>
      <c r="D15976" t="s">
        <v>16148</v>
      </c>
    </row>
    <row r="15977" spans="1:4" x14ac:dyDescent="0.4">
      <c r="A15977" s="1" t="s">
        <v>16118</v>
      </c>
      <c r="B15977" t="s">
        <v>11981</v>
      </c>
      <c r="C15977" t="s">
        <v>15957</v>
      </c>
      <c r="D15977" t="s">
        <v>16149</v>
      </c>
    </row>
    <row r="15978" spans="1:4" x14ac:dyDescent="0.4">
      <c r="A15978" s="1" t="s">
        <v>16150</v>
      </c>
      <c r="B15978" t="s">
        <v>11981</v>
      </c>
      <c r="C15978" t="s">
        <v>15957</v>
      </c>
      <c r="D15978" t="s">
        <v>16151</v>
      </c>
    </row>
    <row r="15979" spans="1:4" x14ac:dyDescent="0.4">
      <c r="A15979" s="1" t="s">
        <v>16152</v>
      </c>
      <c r="B15979" t="s">
        <v>11981</v>
      </c>
      <c r="C15979" t="s">
        <v>15957</v>
      </c>
      <c r="D15979" t="s">
        <v>16153</v>
      </c>
    </row>
    <row r="15980" spans="1:4" x14ac:dyDescent="0.4">
      <c r="A15980" s="1" t="s">
        <v>16154</v>
      </c>
      <c r="B15980" t="s">
        <v>11981</v>
      </c>
      <c r="C15980" t="s">
        <v>15957</v>
      </c>
      <c r="D15980" t="s">
        <v>16155</v>
      </c>
    </row>
    <row r="15981" spans="1:4" x14ac:dyDescent="0.4">
      <c r="A15981" s="1" t="s">
        <v>16156</v>
      </c>
      <c r="B15981" t="s">
        <v>11981</v>
      </c>
      <c r="C15981" t="s">
        <v>15957</v>
      </c>
      <c r="D15981" t="s">
        <v>16157</v>
      </c>
    </row>
    <row r="15982" spans="1:4" x14ac:dyDescent="0.4">
      <c r="A15982" s="1" t="s">
        <v>16158</v>
      </c>
      <c r="B15982" t="s">
        <v>11981</v>
      </c>
      <c r="C15982" t="s">
        <v>15957</v>
      </c>
      <c r="D15982" t="s">
        <v>16159</v>
      </c>
    </row>
    <row r="15983" spans="1:4" x14ac:dyDescent="0.4">
      <c r="A15983" s="1" t="s">
        <v>16160</v>
      </c>
      <c r="B15983" t="s">
        <v>11981</v>
      </c>
      <c r="C15983" t="s">
        <v>15957</v>
      </c>
      <c r="D15983" t="s">
        <v>16161</v>
      </c>
    </row>
    <row r="15984" spans="1:4" x14ac:dyDescent="0.4">
      <c r="A15984" s="1" t="s">
        <v>16162</v>
      </c>
      <c r="B15984" t="s">
        <v>11981</v>
      </c>
      <c r="C15984" t="s">
        <v>15957</v>
      </c>
      <c r="D15984" t="s">
        <v>12265</v>
      </c>
    </row>
    <row r="15985" spans="1:4" x14ac:dyDescent="0.4">
      <c r="A15985" s="1" t="s">
        <v>16163</v>
      </c>
      <c r="B15985" t="s">
        <v>11981</v>
      </c>
      <c r="C15985" t="s">
        <v>15957</v>
      </c>
      <c r="D15985" t="s">
        <v>3728</v>
      </c>
    </row>
    <row r="15986" spans="1:4" x14ac:dyDescent="0.4">
      <c r="A15986" s="1" t="s">
        <v>16164</v>
      </c>
      <c r="B15986" t="s">
        <v>11981</v>
      </c>
      <c r="C15986" t="s">
        <v>15957</v>
      </c>
      <c r="D15986" t="s">
        <v>16165</v>
      </c>
    </row>
    <row r="15987" spans="1:4" x14ac:dyDescent="0.4">
      <c r="A15987" s="1" t="s">
        <v>16166</v>
      </c>
      <c r="B15987" t="s">
        <v>11981</v>
      </c>
      <c r="C15987" t="s">
        <v>15957</v>
      </c>
      <c r="D15987" t="s">
        <v>16167</v>
      </c>
    </row>
    <row r="15988" spans="1:4" x14ac:dyDescent="0.4">
      <c r="A15988" s="1" t="s">
        <v>16168</v>
      </c>
      <c r="B15988" t="s">
        <v>11981</v>
      </c>
      <c r="C15988" t="s">
        <v>15957</v>
      </c>
      <c r="D15988" t="s">
        <v>16169</v>
      </c>
    </row>
    <row r="15989" spans="1:4" x14ac:dyDescent="0.4">
      <c r="A15989" s="1" t="s">
        <v>16170</v>
      </c>
      <c r="B15989" t="s">
        <v>11981</v>
      </c>
      <c r="C15989" t="s">
        <v>16171</v>
      </c>
    </row>
    <row r="15990" spans="1:4" x14ac:dyDescent="0.4">
      <c r="A15990" s="1" t="s">
        <v>16172</v>
      </c>
      <c r="B15990" t="s">
        <v>11981</v>
      </c>
      <c r="C15990" t="s">
        <v>16171</v>
      </c>
      <c r="D15990" t="s">
        <v>16173</v>
      </c>
    </row>
    <row r="15991" spans="1:4" x14ac:dyDescent="0.4">
      <c r="A15991" s="1" t="s">
        <v>16174</v>
      </c>
      <c r="B15991" t="s">
        <v>11981</v>
      </c>
      <c r="C15991" t="s">
        <v>16171</v>
      </c>
      <c r="D15991" t="s">
        <v>16175</v>
      </c>
    </row>
    <row r="15992" spans="1:4" x14ac:dyDescent="0.4">
      <c r="A15992" s="1" t="s">
        <v>16176</v>
      </c>
      <c r="B15992" t="s">
        <v>11981</v>
      </c>
      <c r="C15992" t="s">
        <v>16171</v>
      </c>
      <c r="D15992" t="s">
        <v>16177</v>
      </c>
    </row>
    <row r="15993" spans="1:4" x14ac:dyDescent="0.4">
      <c r="A15993" s="1" t="s">
        <v>16178</v>
      </c>
      <c r="B15993" t="s">
        <v>11981</v>
      </c>
      <c r="C15993" t="s">
        <v>16171</v>
      </c>
      <c r="D15993" t="s">
        <v>16179</v>
      </c>
    </row>
    <row r="15994" spans="1:4" x14ac:dyDescent="0.4">
      <c r="A15994" s="1" t="s">
        <v>16180</v>
      </c>
      <c r="B15994" t="s">
        <v>11981</v>
      </c>
      <c r="C15994" t="s">
        <v>16171</v>
      </c>
      <c r="D15994" t="s">
        <v>16181</v>
      </c>
    </row>
    <row r="15995" spans="1:4" x14ac:dyDescent="0.4">
      <c r="A15995" s="1" t="s">
        <v>16182</v>
      </c>
      <c r="B15995" t="s">
        <v>11981</v>
      </c>
      <c r="C15995" t="s">
        <v>16171</v>
      </c>
      <c r="D15995" t="s">
        <v>16183</v>
      </c>
    </row>
    <row r="15996" spans="1:4" x14ac:dyDescent="0.4">
      <c r="A15996" s="1" t="s">
        <v>16184</v>
      </c>
      <c r="B15996" t="s">
        <v>11981</v>
      </c>
      <c r="C15996" t="s">
        <v>16171</v>
      </c>
      <c r="D15996" t="s">
        <v>16185</v>
      </c>
    </row>
    <row r="15997" spans="1:4" x14ac:dyDescent="0.4">
      <c r="A15997" s="1" t="s">
        <v>16186</v>
      </c>
      <c r="B15997" t="s">
        <v>11981</v>
      </c>
      <c r="C15997" t="s">
        <v>16171</v>
      </c>
      <c r="D15997" t="s">
        <v>16187</v>
      </c>
    </row>
    <row r="15998" spans="1:4" x14ac:dyDescent="0.4">
      <c r="A15998" s="1" t="s">
        <v>16188</v>
      </c>
      <c r="B15998" t="s">
        <v>11981</v>
      </c>
      <c r="C15998" t="s">
        <v>16171</v>
      </c>
      <c r="D15998" t="s">
        <v>16189</v>
      </c>
    </row>
    <row r="15999" spans="1:4" x14ac:dyDescent="0.4">
      <c r="A15999" s="1" t="s">
        <v>16190</v>
      </c>
      <c r="B15999" t="s">
        <v>11981</v>
      </c>
      <c r="C15999" t="s">
        <v>16171</v>
      </c>
      <c r="D15999" t="s">
        <v>16191</v>
      </c>
    </row>
    <row r="16000" spans="1:4" x14ac:dyDescent="0.4">
      <c r="A16000" s="1" t="s">
        <v>16192</v>
      </c>
      <c r="B16000" t="s">
        <v>11981</v>
      </c>
      <c r="C16000" t="s">
        <v>16171</v>
      </c>
      <c r="D16000" t="s">
        <v>16193</v>
      </c>
    </row>
    <row r="16001" spans="1:4" x14ac:dyDescent="0.4">
      <c r="A16001" s="1" t="s">
        <v>16194</v>
      </c>
      <c r="B16001" t="s">
        <v>11981</v>
      </c>
      <c r="C16001" t="s">
        <v>16171</v>
      </c>
      <c r="D16001" t="s">
        <v>16195</v>
      </c>
    </row>
    <row r="16002" spans="1:4" x14ac:dyDescent="0.4">
      <c r="A16002" s="1" t="s">
        <v>16196</v>
      </c>
      <c r="B16002" t="s">
        <v>11981</v>
      </c>
      <c r="C16002" t="s">
        <v>16171</v>
      </c>
      <c r="D16002" t="s">
        <v>16197</v>
      </c>
    </row>
    <row r="16003" spans="1:4" x14ac:dyDescent="0.4">
      <c r="A16003" s="1" t="s">
        <v>16198</v>
      </c>
      <c r="B16003" t="s">
        <v>11981</v>
      </c>
      <c r="C16003" t="s">
        <v>16171</v>
      </c>
      <c r="D16003" t="s">
        <v>16199</v>
      </c>
    </row>
    <row r="16004" spans="1:4" x14ac:dyDescent="0.4">
      <c r="A16004" s="1" t="s">
        <v>16200</v>
      </c>
      <c r="B16004" t="s">
        <v>11981</v>
      </c>
      <c r="C16004" t="s">
        <v>16171</v>
      </c>
      <c r="D16004" t="s">
        <v>16201</v>
      </c>
    </row>
    <row r="16005" spans="1:4" x14ac:dyDescent="0.4">
      <c r="A16005" s="1" t="s">
        <v>16202</v>
      </c>
      <c r="B16005" t="s">
        <v>11981</v>
      </c>
      <c r="C16005" t="s">
        <v>16171</v>
      </c>
      <c r="D16005" t="s">
        <v>16203</v>
      </c>
    </row>
    <row r="16006" spans="1:4" x14ac:dyDescent="0.4">
      <c r="A16006" s="1" t="s">
        <v>16204</v>
      </c>
      <c r="B16006" t="s">
        <v>11981</v>
      </c>
      <c r="C16006" t="s">
        <v>16171</v>
      </c>
      <c r="D16006" t="s">
        <v>16205</v>
      </c>
    </row>
    <row r="16007" spans="1:4" x14ac:dyDescent="0.4">
      <c r="A16007" s="1" t="s">
        <v>16206</v>
      </c>
      <c r="B16007" t="s">
        <v>11981</v>
      </c>
      <c r="C16007" t="s">
        <v>16171</v>
      </c>
      <c r="D16007" t="s">
        <v>16207</v>
      </c>
    </row>
    <row r="16008" spans="1:4" x14ac:dyDescent="0.4">
      <c r="A16008" s="1" t="s">
        <v>16208</v>
      </c>
      <c r="B16008" t="s">
        <v>11981</v>
      </c>
      <c r="C16008" t="s">
        <v>16171</v>
      </c>
      <c r="D16008" t="s">
        <v>16209</v>
      </c>
    </row>
    <row r="16009" spans="1:4" x14ac:dyDescent="0.4">
      <c r="A16009" s="1" t="s">
        <v>16210</v>
      </c>
      <c r="B16009" t="s">
        <v>11981</v>
      </c>
      <c r="C16009" t="s">
        <v>16171</v>
      </c>
      <c r="D16009" t="s">
        <v>16211</v>
      </c>
    </row>
    <row r="16010" spans="1:4" x14ac:dyDescent="0.4">
      <c r="A16010" s="1" t="s">
        <v>16212</v>
      </c>
      <c r="B16010" t="s">
        <v>11981</v>
      </c>
      <c r="C16010" t="s">
        <v>16171</v>
      </c>
      <c r="D16010" t="s">
        <v>16213</v>
      </c>
    </row>
    <row r="16011" spans="1:4" x14ac:dyDescent="0.4">
      <c r="A16011" s="1" t="s">
        <v>16214</v>
      </c>
      <c r="B16011" t="s">
        <v>11981</v>
      </c>
      <c r="C16011" t="s">
        <v>16171</v>
      </c>
      <c r="D16011" t="s">
        <v>16215</v>
      </c>
    </row>
    <row r="16012" spans="1:4" x14ac:dyDescent="0.4">
      <c r="A16012" s="1" t="s">
        <v>16216</v>
      </c>
      <c r="B16012" t="s">
        <v>11981</v>
      </c>
      <c r="C16012" t="s">
        <v>16171</v>
      </c>
      <c r="D16012" t="s">
        <v>16217</v>
      </c>
    </row>
    <row r="16013" spans="1:4" x14ac:dyDescent="0.4">
      <c r="A16013" s="1" t="s">
        <v>16218</v>
      </c>
      <c r="B16013" t="s">
        <v>11981</v>
      </c>
      <c r="C16013" t="s">
        <v>16171</v>
      </c>
      <c r="D16013" t="s">
        <v>16219</v>
      </c>
    </row>
    <row r="16014" spans="1:4" x14ac:dyDescent="0.4">
      <c r="A16014" s="1" t="s">
        <v>16220</v>
      </c>
      <c r="B16014" t="s">
        <v>11981</v>
      </c>
      <c r="C16014" t="s">
        <v>16171</v>
      </c>
      <c r="D16014" t="s">
        <v>16221</v>
      </c>
    </row>
    <row r="16015" spans="1:4" x14ac:dyDescent="0.4">
      <c r="A16015" s="1" t="s">
        <v>16222</v>
      </c>
      <c r="B16015" t="s">
        <v>11981</v>
      </c>
      <c r="C16015" t="s">
        <v>16171</v>
      </c>
      <c r="D16015" t="s">
        <v>16223</v>
      </c>
    </row>
    <row r="16016" spans="1:4" x14ac:dyDescent="0.4">
      <c r="A16016" s="1" t="s">
        <v>16224</v>
      </c>
      <c r="B16016" t="s">
        <v>11981</v>
      </c>
      <c r="C16016" t="s">
        <v>16171</v>
      </c>
      <c r="D16016" t="s">
        <v>16225</v>
      </c>
    </row>
    <row r="16017" spans="1:4" x14ac:dyDescent="0.4">
      <c r="A16017" s="1" t="s">
        <v>16226</v>
      </c>
      <c r="B16017" t="s">
        <v>11981</v>
      </c>
      <c r="C16017" t="s">
        <v>16171</v>
      </c>
      <c r="D16017" t="s">
        <v>16227</v>
      </c>
    </row>
    <row r="16018" spans="1:4" x14ac:dyDescent="0.4">
      <c r="A16018" s="1" t="s">
        <v>16228</v>
      </c>
      <c r="B16018" t="s">
        <v>11981</v>
      </c>
      <c r="C16018" t="s">
        <v>16171</v>
      </c>
      <c r="D16018" t="s">
        <v>16229</v>
      </c>
    </row>
    <row r="16019" spans="1:4" x14ac:dyDescent="0.4">
      <c r="A16019" s="1" t="s">
        <v>16230</v>
      </c>
      <c r="B16019" t="s">
        <v>11981</v>
      </c>
      <c r="C16019" t="s">
        <v>16171</v>
      </c>
      <c r="D16019" t="s">
        <v>16231</v>
      </c>
    </row>
    <row r="16020" spans="1:4" x14ac:dyDescent="0.4">
      <c r="A16020" s="1" t="s">
        <v>16232</v>
      </c>
      <c r="B16020" t="s">
        <v>11981</v>
      </c>
      <c r="C16020" t="s">
        <v>16171</v>
      </c>
      <c r="D16020" t="s">
        <v>16233</v>
      </c>
    </row>
    <row r="16021" spans="1:4" x14ac:dyDescent="0.4">
      <c r="A16021" s="1" t="s">
        <v>16234</v>
      </c>
      <c r="B16021" t="s">
        <v>11981</v>
      </c>
      <c r="C16021" t="s">
        <v>16171</v>
      </c>
      <c r="D16021" t="s">
        <v>16235</v>
      </c>
    </row>
    <row r="16022" spans="1:4" x14ac:dyDescent="0.4">
      <c r="A16022" s="1" t="s">
        <v>16236</v>
      </c>
      <c r="B16022" t="s">
        <v>11981</v>
      </c>
      <c r="C16022" t="s">
        <v>16171</v>
      </c>
      <c r="D16022" t="s">
        <v>16237</v>
      </c>
    </row>
    <row r="16023" spans="1:4" x14ac:dyDescent="0.4">
      <c r="A16023" s="1" t="s">
        <v>16238</v>
      </c>
      <c r="B16023" t="s">
        <v>11981</v>
      </c>
      <c r="C16023" t="s">
        <v>16171</v>
      </c>
      <c r="D16023" t="s">
        <v>16239</v>
      </c>
    </row>
    <row r="16024" spans="1:4" x14ac:dyDescent="0.4">
      <c r="A16024" s="1" t="s">
        <v>16240</v>
      </c>
      <c r="B16024" t="s">
        <v>11981</v>
      </c>
      <c r="C16024" t="s">
        <v>16171</v>
      </c>
      <c r="D16024" t="s">
        <v>16241</v>
      </c>
    </row>
    <row r="16025" spans="1:4" x14ac:dyDescent="0.4">
      <c r="A16025" s="1" t="s">
        <v>16242</v>
      </c>
      <c r="B16025" t="s">
        <v>11981</v>
      </c>
      <c r="C16025" t="s">
        <v>16171</v>
      </c>
      <c r="D16025" t="s">
        <v>16243</v>
      </c>
    </row>
    <row r="16026" spans="1:4" x14ac:dyDescent="0.4">
      <c r="A16026" s="1" t="s">
        <v>16244</v>
      </c>
      <c r="B16026" t="s">
        <v>11981</v>
      </c>
      <c r="C16026" t="s">
        <v>16171</v>
      </c>
      <c r="D16026" t="s">
        <v>16245</v>
      </c>
    </row>
    <row r="16027" spans="1:4" x14ac:dyDescent="0.4">
      <c r="A16027" s="1" t="s">
        <v>16246</v>
      </c>
      <c r="B16027" t="s">
        <v>11981</v>
      </c>
      <c r="C16027" t="s">
        <v>16171</v>
      </c>
      <c r="D16027" t="s">
        <v>16247</v>
      </c>
    </row>
    <row r="16028" spans="1:4" x14ac:dyDescent="0.4">
      <c r="A16028" s="1" t="s">
        <v>16248</v>
      </c>
      <c r="B16028" t="s">
        <v>11981</v>
      </c>
      <c r="C16028" t="s">
        <v>16171</v>
      </c>
      <c r="D16028" t="s">
        <v>16249</v>
      </c>
    </row>
    <row r="16029" spans="1:4" x14ac:dyDescent="0.4">
      <c r="A16029" s="1" t="s">
        <v>16250</v>
      </c>
      <c r="B16029" t="s">
        <v>11981</v>
      </c>
      <c r="C16029" t="s">
        <v>16171</v>
      </c>
      <c r="D16029" t="s">
        <v>16251</v>
      </c>
    </row>
    <row r="16030" spans="1:4" x14ac:dyDescent="0.4">
      <c r="A16030" s="1" t="s">
        <v>16252</v>
      </c>
      <c r="B16030" t="s">
        <v>11981</v>
      </c>
      <c r="C16030" t="s">
        <v>16171</v>
      </c>
      <c r="D16030" t="s">
        <v>16253</v>
      </c>
    </row>
    <row r="16031" spans="1:4" x14ac:dyDescent="0.4">
      <c r="A16031" s="1" t="s">
        <v>16254</v>
      </c>
      <c r="B16031" t="s">
        <v>11981</v>
      </c>
      <c r="C16031" t="s">
        <v>16171</v>
      </c>
      <c r="D16031" t="s">
        <v>16255</v>
      </c>
    </row>
    <row r="16032" spans="1:4" x14ac:dyDescent="0.4">
      <c r="A16032" s="1" t="s">
        <v>16256</v>
      </c>
      <c r="B16032" t="s">
        <v>11981</v>
      </c>
      <c r="C16032" t="s">
        <v>16171</v>
      </c>
      <c r="D16032" t="s">
        <v>16257</v>
      </c>
    </row>
    <row r="16033" spans="1:4" x14ac:dyDescent="0.4">
      <c r="A16033" s="1" t="s">
        <v>16258</v>
      </c>
      <c r="B16033" t="s">
        <v>11981</v>
      </c>
      <c r="C16033" t="s">
        <v>16171</v>
      </c>
      <c r="D16033" t="s">
        <v>16259</v>
      </c>
    </row>
    <row r="16034" spans="1:4" x14ac:dyDescent="0.4">
      <c r="A16034" s="1" t="s">
        <v>16260</v>
      </c>
      <c r="B16034" t="s">
        <v>11981</v>
      </c>
      <c r="C16034" t="s">
        <v>16171</v>
      </c>
      <c r="D16034" t="s">
        <v>16261</v>
      </c>
    </row>
    <row r="16035" spans="1:4" x14ac:dyDescent="0.4">
      <c r="A16035" s="1" t="s">
        <v>16262</v>
      </c>
      <c r="B16035" t="s">
        <v>11981</v>
      </c>
      <c r="C16035" t="s">
        <v>16171</v>
      </c>
      <c r="D16035" t="s">
        <v>16263</v>
      </c>
    </row>
    <row r="16036" spans="1:4" x14ac:dyDescent="0.4">
      <c r="A16036" s="1" t="s">
        <v>16264</v>
      </c>
      <c r="B16036" t="s">
        <v>11981</v>
      </c>
      <c r="C16036" t="s">
        <v>16171</v>
      </c>
      <c r="D16036" t="s">
        <v>16265</v>
      </c>
    </row>
    <row r="16037" spans="1:4" x14ac:dyDescent="0.4">
      <c r="A16037" s="1" t="s">
        <v>16266</v>
      </c>
      <c r="B16037" t="s">
        <v>11981</v>
      </c>
      <c r="C16037" t="s">
        <v>16171</v>
      </c>
      <c r="D16037" t="s">
        <v>16267</v>
      </c>
    </row>
    <row r="16038" spans="1:4" x14ac:dyDescent="0.4">
      <c r="A16038" s="1" t="s">
        <v>16268</v>
      </c>
      <c r="B16038" t="s">
        <v>11981</v>
      </c>
      <c r="C16038" t="s">
        <v>16171</v>
      </c>
      <c r="D16038" t="s">
        <v>16269</v>
      </c>
    </row>
    <row r="16039" spans="1:4" x14ac:dyDescent="0.4">
      <c r="A16039" s="1" t="s">
        <v>16270</v>
      </c>
      <c r="B16039" t="s">
        <v>11981</v>
      </c>
      <c r="C16039" t="s">
        <v>16171</v>
      </c>
      <c r="D16039" t="s">
        <v>16271</v>
      </c>
    </row>
    <row r="16040" spans="1:4" x14ac:dyDescent="0.4">
      <c r="A16040" s="1" t="s">
        <v>16272</v>
      </c>
      <c r="B16040" t="s">
        <v>11981</v>
      </c>
      <c r="C16040" t="s">
        <v>16171</v>
      </c>
      <c r="D16040" t="s">
        <v>16273</v>
      </c>
    </row>
    <row r="16041" spans="1:4" x14ac:dyDescent="0.4">
      <c r="A16041" s="1" t="s">
        <v>16274</v>
      </c>
      <c r="B16041" t="s">
        <v>11981</v>
      </c>
      <c r="C16041" t="s">
        <v>16171</v>
      </c>
      <c r="D16041" t="s">
        <v>16275</v>
      </c>
    </row>
    <row r="16042" spans="1:4" x14ac:dyDescent="0.4">
      <c r="A16042" s="1" t="s">
        <v>16276</v>
      </c>
      <c r="B16042" t="s">
        <v>11981</v>
      </c>
      <c r="C16042" t="s">
        <v>16171</v>
      </c>
      <c r="D16042" t="s">
        <v>16277</v>
      </c>
    </row>
    <row r="16043" spans="1:4" x14ac:dyDescent="0.4">
      <c r="A16043" s="1" t="s">
        <v>16278</v>
      </c>
      <c r="B16043" t="s">
        <v>11981</v>
      </c>
      <c r="C16043" t="s">
        <v>16171</v>
      </c>
      <c r="D16043" t="s">
        <v>16279</v>
      </c>
    </row>
    <row r="16044" spans="1:4" x14ac:dyDescent="0.4">
      <c r="A16044" s="1" t="s">
        <v>16280</v>
      </c>
      <c r="B16044" t="s">
        <v>11981</v>
      </c>
      <c r="C16044" t="s">
        <v>16171</v>
      </c>
      <c r="D16044" t="s">
        <v>16281</v>
      </c>
    </row>
    <row r="16045" spans="1:4" x14ac:dyDescent="0.4">
      <c r="A16045" s="1" t="s">
        <v>16282</v>
      </c>
      <c r="B16045" t="s">
        <v>11981</v>
      </c>
      <c r="C16045" t="s">
        <v>16171</v>
      </c>
      <c r="D16045" t="s">
        <v>16283</v>
      </c>
    </row>
    <row r="16046" spans="1:4" x14ac:dyDescent="0.4">
      <c r="A16046" s="1" t="s">
        <v>16284</v>
      </c>
      <c r="B16046" t="s">
        <v>11981</v>
      </c>
      <c r="C16046" t="s">
        <v>16171</v>
      </c>
      <c r="D16046" t="s">
        <v>16285</v>
      </c>
    </row>
    <row r="16047" spans="1:4" x14ac:dyDescent="0.4">
      <c r="A16047" s="1" t="s">
        <v>16286</v>
      </c>
      <c r="B16047" t="s">
        <v>11981</v>
      </c>
      <c r="C16047" t="s">
        <v>16171</v>
      </c>
      <c r="D16047" t="s">
        <v>16287</v>
      </c>
    </row>
    <row r="16048" spans="1:4" x14ac:dyDescent="0.4">
      <c r="A16048" s="1" t="s">
        <v>16288</v>
      </c>
      <c r="B16048" t="s">
        <v>11981</v>
      </c>
      <c r="C16048" t="s">
        <v>16171</v>
      </c>
      <c r="D16048" t="s">
        <v>16289</v>
      </c>
    </row>
    <row r="16049" spans="1:4" x14ac:dyDescent="0.4">
      <c r="A16049" s="1" t="s">
        <v>16290</v>
      </c>
      <c r="B16049" t="s">
        <v>11981</v>
      </c>
      <c r="C16049" t="s">
        <v>16171</v>
      </c>
      <c r="D16049" t="s">
        <v>16291</v>
      </c>
    </row>
    <row r="16050" spans="1:4" x14ac:dyDescent="0.4">
      <c r="A16050" s="1" t="s">
        <v>16292</v>
      </c>
      <c r="B16050" t="s">
        <v>11981</v>
      </c>
      <c r="C16050" t="s">
        <v>16171</v>
      </c>
      <c r="D16050" t="s">
        <v>16293</v>
      </c>
    </row>
    <row r="16051" spans="1:4" x14ac:dyDescent="0.4">
      <c r="A16051" s="1" t="s">
        <v>16294</v>
      </c>
      <c r="B16051" t="s">
        <v>11981</v>
      </c>
      <c r="C16051" t="s">
        <v>16171</v>
      </c>
      <c r="D16051" t="s">
        <v>16295</v>
      </c>
    </row>
    <row r="16052" spans="1:4" x14ac:dyDescent="0.4">
      <c r="A16052" s="1" t="s">
        <v>16296</v>
      </c>
      <c r="B16052" t="s">
        <v>11981</v>
      </c>
      <c r="C16052" t="s">
        <v>16171</v>
      </c>
      <c r="D16052" t="s">
        <v>16297</v>
      </c>
    </row>
    <row r="16053" spans="1:4" x14ac:dyDescent="0.4">
      <c r="A16053" s="1" t="s">
        <v>16298</v>
      </c>
      <c r="B16053" t="s">
        <v>11981</v>
      </c>
      <c r="C16053" t="s">
        <v>16171</v>
      </c>
      <c r="D16053" t="s">
        <v>16299</v>
      </c>
    </row>
    <row r="16054" spans="1:4" x14ac:dyDescent="0.4">
      <c r="A16054" s="1" t="s">
        <v>16300</v>
      </c>
      <c r="B16054" t="s">
        <v>11981</v>
      </c>
      <c r="C16054" t="s">
        <v>16171</v>
      </c>
      <c r="D16054" t="s">
        <v>16301</v>
      </c>
    </row>
    <row r="16055" spans="1:4" x14ac:dyDescent="0.4">
      <c r="A16055" s="1" t="s">
        <v>16302</v>
      </c>
      <c r="B16055" t="s">
        <v>11981</v>
      </c>
      <c r="C16055" t="s">
        <v>16171</v>
      </c>
      <c r="D16055" t="s">
        <v>16303</v>
      </c>
    </row>
    <row r="16056" spans="1:4" x14ac:dyDescent="0.4">
      <c r="A16056" s="1" t="s">
        <v>16304</v>
      </c>
      <c r="B16056" t="s">
        <v>11981</v>
      </c>
      <c r="C16056" t="s">
        <v>16171</v>
      </c>
      <c r="D16056" t="s">
        <v>16305</v>
      </c>
    </row>
    <row r="16057" spans="1:4" x14ac:dyDescent="0.4">
      <c r="A16057" s="1" t="s">
        <v>16306</v>
      </c>
      <c r="B16057" t="s">
        <v>11981</v>
      </c>
      <c r="C16057" t="s">
        <v>16171</v>
      </c>
      <c r="D16057" t="s">
        <v>16307</v>
      </c>
    </row>
    <row r="16058" spans="1:4" x14ac:dyDescent="0.4">
      <c r="A16058" s="1" t="s">
        <v>16308</v>
      </c>
      <c r="B16058" t="s">
        <v>11981</v>
      </c>
      <c r="C16058" t="s">
        <v>16171</v>
      </c>
      <c r="D16058" t="s">
        <v>16309</v>
      </c>
    </row>
    <row r="16059" spans="1:4" x14ac:dyDescent="0.4">
      <c r="A16059" s="1" t="s">
        <v>16310</v>
      </c>
      <c r="B16059" t="s">
        <v>11981</v>
      </c>
      <c r="C16059" t="s">
        <v>16171</v>
      </c>
      <c r="D16059" t="s">
        <v>16311</v>
      </c>
    </row>
    <row r="16060" spans="1:4" x14ac:dyDescent="0.4">
      <c r="A16060" s="1" t="s">
        <v>16312</v>
      </c>
      <c r="B16060" t="s">
        <v>11981</v>
      </c>
      <c r="C16060" t="s">
        <v>16171</v>
      </c>
      <c r="D16060" t="s">
        <v>16313</v>
      </c>
    </row>
    <row r="16061" spans="1:4" x14ac:dyDescent="0.4">
      <c r="A16061" s="1" t="s">
        <v>16314</v>
      </c>
      <c r="B16061" t="s">
        <v>11981</v>
      </c>
      <c r="C16061" t="s">
        <v>16171</v>
      </c>
      <c r="D16061" t="s">
        <v>16315</v>
      </c>
    </row>
    <row r="16062" spans="1:4" x14ac:dyDescent="0.4">
      <c r="A16062" s="1" t="s">
        <v>16316</v>
      </c>
      <c r="B16062" t="s">
        <v>11981</v>
      </c>
      <c r="C16062" t="s">
        <v>16171</v>
      </c>
      <c r="D16062" t="s">
        <v>16317</v>
      </c>
    </row>
    <row r="16063" spans="1:4" x14ac:dyDescent="0.4">
      <c r="A16063" s="1" t="s">
        <v>16318</v>
      </c>
      <c r="B16063" t="s">
        <v>11981</v>
      </c>
      <c r="C16063" t="s">
        <v>16171</v>
      </c>
      <c r="D16063" t="s">
        <v>16319</v>
      </c>
    </row>
    <row r="16064" spans="1:4" x14ac:dyDescent="0.4">
      <c r="A16064" s="1" t="s">
        <v>16320</v>
      </c>
      <c r="B16064" t="s">
        <v>11981</v>
      </c>
      <c r="C16064" t="s">
        <v>16171</v>
      </c>
      <c r="D16064" t="s">
        <v>16321</v>
      </c>
    </row>
    <row r="16065" spans="1:4" x14ac:dyDescent="0.4">
      <c r="A16065" s="1" t="s">
        <v>16322</v>
      </c>
      <c r="B16065" t="s">
        <v>11981</v>
      </c>
      <c r="C16065" t="s">
        <v>16171</v>
      </c>
      <c r="D16065" t="s">
        <v>16323</v>
      </c>
    </row>
    <row r="16066" spans="1:4" x14ac:dyDescent="0.4">
      <c r="A16066" s="1" t="s">
        <v>16324</v>
      </c>
      <c r="B16066" t="s">
        <v>11981</v>
      </c>
      <c r="C16066" t="s">
        <v>16171</v>
      </c>
      <c r="D16066" t="s">
        <v>16325</v>
      </c>
    </row>
    <row r="16067" spans="1:4" x14ac:dyDescent="0.4">
      <c r="A16067" s="1" t="s">
        <v>16326</v>
      </c>
      <c r="B16067" t="s">
        <v>11981</v>
      </c>
      <c r="C16067" t="s">
        <v>16171</v>
      </c>
      <c r="D16067" t="s">
        <v>16327</v>
      </c>
    </row>
    <row r="16068" spans="1:4" x14ac:dyDescent="0.4">
      <c r="A16068" s="1" t="s">
        <v>16328</v>
      </c>
      <c r="B16068" t="s">
        <v>11981</v>
      </c>
      <c r="C16068" t="s">
        <v>16171</v>
      </c>
      <c r="D16068" t="s">
        <v>16329</v>
      </c>
    </row>
    <row r="16069" spans="1:4" x14ac:dyDescent="0.4">
      <c r="A16069" s="1" t="s">
        <v>16330</v>
      </c>
      <c r="B16069" t="s">
        <v>11981</v>
      </c>
      <c r="C16069" t="s">
        <v>16171</v>
      </c>
      <c r="D16069" t="s">
        <v>16331</v>
      </c>
    </row>
    <row r="16070" spans="1:4" x14ac:dyDescent="0.4">
      <c r="A16070" s="1" t="s">
        <v>16332</v>
      </c>
      <c r="B16070" t="s">
        <v>11981</v>
      </c>
      <c r="C16070" t="s">
        <v>16171</v>
      </c>
      <c r="D16070" t="s">
        <v>16333</v>
      </c>
    </row>
    <row r="16071" spans="1:4" x14ac:dyDescent="0.4">
      <c r="A16071" s="1" t="s">
        <v>16334</v>
      </c>
      <c r="B16071" t="s">
        <v>11981</v>
      </c>
      <c r="C16071" t="s">
        <v>16171</v>
      </c>
      <c r="D16071" t="s">
        <v>16335</v>
      </c>
    </row>
    <row r="16072" spans="1:4" x14ac:dyDescent="0.4">
      <c r="A16072" s="1" t="s">
        <v>16336</v>
      </c>
      <c r="B16072" t="s">
        <v>11981</v>
      </c>
      <c r="C16072" t="s">
        <v>16171</v>
      </c>
      <c r="D16072" t="s">
        <v>16337</v>
      </c>
    </row>
    <row r="16073" spans="1:4" x14ac:dyDescent="0.4">
      <c r="A16073" s="1" t="s">
        <v>16338</v>
      </c>
      <c r="B16073" t="s">
        <v>11981</v>
      </c>
      <c r="C16073" t="s">
        <v>16171</v>
      </c>
      <c r="D16073" t="s">
        <v>16339</v>
      </c>
    </row>
    <row r="16074" spans="1:4" x14ac:dyDescent="0.4">
      <c r="A16074" s="1" t="s">
        <v>16340</v>
      </c>
      <c r="B16074" t="s">
        <v>11981</v>
      </c>
      <c r="C16074" t="s">
        <v>16171</v>
      </c>
      <c r="D16074" t="s">
        <v>16341</v>
      </c>
    </row>
    <row r="16075" spans="1:4" x14ac:dyDescent="0.4">
      <c r="A16075" s="1" t="s">
        <v>16342</v>
      </c>
      <c r="B16075" t="s">
        <v>11981</v>
      </c>
      <c r="C16075" t="s">
        <v>16171</v>
      </c>
      <c r="D16075" t="s">
        <v>16343</v>
      </c>
    </row>
    <row r="16076" spans="1:4" x14ac:dyDescent="0.4">
      <c r="A16076" s="1" t="s">
        <v>16344</v>
      </c>
      <c r="B16076" t="s">
        <v>11981</v>
      </c>
      <c r="C16076" t="s">
        <v>16171</v>
      </c>
      <c r="D16076" t="s">
        <v>16345</v>
      </c>
    </row>
    <row r="16077" spans="1:4" x14ac:dyDescent="0.4">
      <c r="A16077" s="1" t="s">
        <v>16346</v>
      </c>
      <c r="B16077" t="s">
        <v>11981</v>
      </c>
      <c r="C16077" t="s">
        <v>16171</v>
      </c>
      <c r="D16077" t="s">
        <v>16347</v>
      </c>
    </row>
    <row r="16078" spans="1:4" x14ac:dyDescent="0.4">
      <c r="A16078" s="1" t="s">
        <v>16348</v>
      </c>
      <c r="B16078" t="s">
        <v>11981</v>
      </c>
      <c r="C16078" t="s">
        <v>16171</v>
      </c>
      <c r="D16078" t="s">
        <v>16349</v>
      </c>
    </row>
    <row r="16079" spans="1:4" x14ac:dyDescent="0.4">
      <c r="A16079" s="1" t="s">
        <v>16350</v>
      </c>
      <c r="B16079" t="s">
        <v>11981</v>
      </c>
      <c r="C16079" t="s">
        <v>16171</v>
      </c>
      <c r="D16079" t="s">
        <v>16351</v>
      </c>
    </row>
    <row r="16080" spans="1:4" x14ac:dyDescent="0.4">
      <c r="A16080" s="1" t="s">
        <v>16352</v>
      </c>
      <c r="B16080" t="s">
        <v>11981</v>
      </c>
      <c r="C16080" t="s">
        <v>16171</v>
      </c>
      <c r="D16080" t="s">
        <v>16353</v>
      </c>
    </row>
    <row r="16081" spans="1:4" x14ac:dyDescent="0.4">
      <c r="A16081" s="1" t="s">
        <v>16354</v>
      </c>
      <c r="B16081" t="s">
        <v>11981</v>
      </c>
      <c r="C16081" t="s">
        <v>16171</v>
      </c>
      <c r="D16081" t="s">
        <v>16355</v>
      </c>
    </row>
    <row r="16082" spans="1:4" x14ac:dyDescent="0.4">
      <c r="A16082" s="1" t="s">
        <v>16356</v>
      </c>
      <c r="B16082" t="s">
        <v>11981</v>
      </c>
      <c r="C16082" t="s">
        <v>16171</v>
      </c>
      <c r="D16082" t="s">
        <v>16357</v>
      </c>
    </row>
    <row r="16083" spans="1:4" x14ac:dyDescent="0.4">
      <c r="A16083" s="1" t="s">
        <v>16358</v>
      </c>
      <c r="B16083" t="s">
        <v>11981</v>
      </c>
      <c r="C16083" t="s">
        <v>16171</v>
      </c>
      <c r="D16083" t="s">
        <v>16359</v>
      </c>
    </row>
    <row r="16084" spans="1:4" x14ac:dyDescent="0.4">
      <c r="A16084" s="1" t="s">
        <v>16360</v>
      </c>
      <c r="B16084" t="s">
        <v>11981</v>
      </c>
      <c r="C16084" t="s">
        <v>16171</v>
      </c>
      <c r="D16084" t="s">
        <v>16361</v>
      </c>
    </row>
    <row r="16085" spans="1:4" x14ac:dyDescent="0.4">
      <c r="A16085" s="1" t="s">
        <v>16362</v>
      </c>
      <c r="B16085" t="s">
        <v>11981</v>
      </c>
      <c r="C16085" t="s">
        <v>16171</v>
      </c>
      <c r="D16085" t="s">
        <v>16363</v>
      </c>
    </row>
    <row r="16086" spans="1:4" x14ac:dyDescent="0.4">
      <c r="A16086" s="1" t="s">
        <v>16364</v>
      </c>
      <c r="B16086" t="s">
        <v>11981</v>
      </c>
      <c r="C16086" t="s">
        <v>16171</v>
      </c>
      <c r="D16086" t="s">
        <v>16365</v>
      </c>
    </row>
    <row r="16087" spans="1:4" x14ac:dyDescent="0.4">
      <c r="A16087" s="1" t="s">
        <v>16366</v>
      </c>
      <c r="B16087" t="s">
        <v>11981</v>
      </c>
      <c r="C16087" t="s">
        <v>16171</v>
      </c>
      <c r="D16087" t="s">
        <v>16367</v>
      </c>
    </row>
    <row r="16088" spans="1:4" x14ac:dyDescent="0.4">
      <c r="A16088" s="1" t="s">
        <v>16368</v>
      </c>
      <c r="B16088" t="s">
        <v>11981</v>
      </c>
      <c r="C16088" t="s">
        <v>16171</v>
      </c>
      <c r="D16088" t="s">
        <v>16369</v>
      </c>
    </row>
    <row r="16089" spans="1:4" x14ac:dyDescent="0.4">
      <c r="A16089" s="1" t="s">
        <v>16370</v>
      </c>
      <c r="B16089" t="s">
        <v>11981</v>
      </c>
      <c r="C16089" t="s">
        <v>16171</v>
      </c>
      <c r="D16089" t="s">
        <v>16371</v>
      </c>
    </row>
    <row r="16090" spans="1:4" x14ac:dyDescent="0.4">
      <c r="A16090" s="1" t="s">
        <v>16372</v>
      </c>
      <c r="B16090" t="s">
        <v>11981</v>
      </c>
      <c r="C16090" t="s">
        <v>16171</v>
      </c>
      <c r="D16090" t="s">
        <v>16373</v>
      </c>
    </row>
    <row r="16091" spans="1:4" x14ac:dyDescent="0.4">
      <c r="A16091" s="1" t="s">
        <v>16374</v>
      </c>
      <c r="B16091" t="s">
        <v>11981</v>
      </c>
      <c r="C16091" t="s">
        <v>16171</v>
      </c>
      <c r="D16091" t="s">
        <v>16375</v>
      </c>
    </row>
    <row r="16092" spans="1:4" x14ac:dyDescent="0.4">
      <c r="A16092" s="1" t="s">
        <v>16376</v>
      </c>
      <c r="B16092" t="s">
        <v>11981</v>
      </c>
      <c r="C16092" t="s">
        <v>16171</v>
      </c>
      <c r="D16092" t="s">
        <v>16377</v>
      </c>
    </row>
    <row r="16093" spans="1:4" x14ac:dyDescent="0.4">
      <c r="A16093" s="1" t="s">
        <v>16378</v>
      </c>
      <c r="B16093" t="s">
        <v>11981</v>
      </c>
      <c r="C16093" t="s">
        <v>16171</v>
      </c>
      <c r="D16093" t="s">
        <v>16379</v>
      </c>
    </row>
    <row r="16094" spans="1:4" x14ac:dyDescent="0.4">
      <c r="A16094" s="1" t="s">
        <v>16380</v>
      </c>
      <c r="B16094" t="s">
        <v>11981</v>
      </c>
      <c r="C16094" t="s">
        <v>16171</v>
      </c>
      <c r="D16094" t="s">
        <v>16381</v>
      </c>
    </row>
    <row r="16095" spans="1:4" x14ac:dyDescent="0.4">
      <c r="A16095" s="1" t="s">
        <v>16382</v>
      </c>
      <c r="B16095" t="s">
        <v>11981</v>
      </c>
      <c r="C16095" t="s">
        <v>16171</v>
      </c>
      <c r="D16095" t="s">
        <v>16383</v>
      </c>
    </row>
    <row r="16096" spans="1:4" x14ac:dyDescent="0.4">
      <c r="A16096" s="1" t="s">
        <v>16384</v>
      </c>
      <c r="B16096" t="s">
        <v>11981</v>
      </c>
      <c r="C16096" t="s">
        <v>16171</v>
      </c>
      <c r="D16096" t="s">
        <v>16385</v>
      </c>
    </row>
    <row r="16097" spans="1:4" x14ac:dyDescent="0.4">
      <c r="A16097" s="1" t="s">
        <v>16386</v>
      </c>
      <c r="B16097" t="s">
        <v>11981</v>
      </c>
      <c r="C16097" t="s">
        <v>16171</v>
      </c>
      <c r="D16097" t="s">
        <v>16387</v>
      </c>
    </row>
    <row r="16098" spans="1:4" x14ac:dyDescent="0.4">
      <c r="A16098" s="1" t="s">
        <v>16388</v>
      </c>
      <c r="B16098" t="s">
        <v>11981</v>
      </c>
      <c r="C16098" t="s">
        <v>16171</v>
      </c>
      <c r="D16098" t="s">
        <v>16389</v>
      </c>
    </row>
    <row r="16099" spans="1:4" x14ac:dyDescent="0.4">
      <c r="A16099" s="1" t="s">
        <v>16390</v>
      </c>
      <c r="B16099" t="s">
        <v>11981</v>
      </c>
      <c r="C16099" t="s">
        <v>16171</v>
      </c>
      <c r="D16099" t="s">
        <v>16391</v>
      </c>
    </row>
    <row r="16100" spans="1:4" x14ac:dyDescent="0.4">
      <c r="A16100" s="1" t="s">
        <v>16392</v>
      </c>
      <c r="B16100" t="s">
        <v>11981</v>
      </c>
      <c r="C16100" t="s">
        <v>16171</v>
      </c>
      <c r="D16100" t="s">
        <v>16393</v>
      </c>
    </row>
    <row r="16101" spans="1:4" x14ac:dyDescent="0.4">
      <c r="A16101" s="1" t="s">
        <v>16394</v>
      </c>
      <c r="B16101" t="s">
        <v>11981</v>
      </c>
      <c r="C16101" t="s">
        <v>16171</v>
      </c>
      <c r="D16101" t="s">
        <v>16395</v>
      </c>
    </row>
    <row r="16102" spans="1:4" x14ac:dyDescent="0.4">
      <c r="A16102" s="1" t="s">
        <v>16396</v>
      </c>
      <c r="B16102" t="s">
        <v>11981</v>
      </c>
      <c r="C16102" t="s">
        <v>16171</v>
      </c>
      <c r="D16102" t="s">
        <v>16397</v>
      </c>
    </row>
    <row r="16103" spans="1:4" x14ac:dyDescent="0.4">
      <c r="A16103" s="1" t="s">
        <v>16398</v>
      </c>
      <c r="B16103" t="s">
        <v>11981</v>
      </c>
      <c r="C16103" t="s">
        <v>16171</v>
      </c>
      <c r="D16103" t="s">
        <v>16399</v>
      </c>
    </row>
    <row r="16104" spans="1:4" x14ac:dyDescent="0.4">
      <c r="A16104" s="1" t="s">
        <v>16400</v>
      </c>
      <c r="B16104" t="s">
        <v>11981</v>
      </c>
      <c r="C16104" t="s">
        <v>16171</v>
      </c>
      <c r="D16104" t="s">
        <v>16401</v>
      </c>
    </row>
    <row r="16105" spans="1:4" x14ac:dyDescent="0.4">
      <c r="A16105" s="1" t="s">
        <v>16402</v>
      </c>
      <c r="B16105" t="s">
        <v>11981</v>
      </c>
      <c r="C16105" t="s">
        <v>16171</v>
      </c>
      <c r="D16105" t="s">
        <v>16403</v>
      </c>
    </row>
    <row r="16106" spans="1:4" x14ac:dyDescent="0.4">
      <c r="A16106" s="1" t="s">
        <v>16404</v>
      </c>
      <c r="B16106" t="s">
        <v>11981</v>
      </c>
      <c r="C16106" t="s">
        <v>16171</v>
      </c>
      <c r="D16106" t="s">
        <v>16405</v>
      </c>
    </row>
    <row r="16107" spans="1:4" x14ac:dyDescent="0.4">
      <c r="A16107" s="1" t="s">
        <v>16406</v>
      </c>
      <c r="B16107" t="s">
        <v>11981</v>
      </c>
      <c r="C16107" t="s">
        <v>16171</v>
      </c>
      <c r="D16107" t="s">
        <v>16407</v>
      </c>
    </row>
    <row r="16108" spans="1:4" x14ac:dyDescent="0.4">
      <c r="A16108" s="1" t="s">
        <v>16408</v>
      </c>
      <c r="B16108" t="s">
        <v>11981</v>
      </c>
      <c r="C16108" t="s">
        <v>16171</v>
      </c>
      <c r="D16108" t="s">
        <v>16409</v>
      </c>
    </row>
    <row r="16109" spans="1:4" x14ac:dyDescent="0.4">
      <c r="A16109" s="1" t="s">
        <v>16410</v>
      </c>
      <c r="B16109" t="s">
        <v>11981</v>
      </c>
      <c r="C16109" t="s">
        <v>16171</v>
      </c>
      <c r="D16109" t="s">
        <v>16411</v>
      </c>
    </row>
    <row r="16110" spans="1:4" x14ac:dyDescent="0.4">
      <c r="A16110" s="1" t="s">
        <v>16412</v>
      </c>
      <c r="B16110" t="s">
        <v>11981</v>
      </c>
      <c r="C16110" t="s">
        <v>16171</v>
      </c>
      <c r="D16110" t="s">
        <v>16413</v>
      </c>
    </row>
    <row r="16111" spans="1:4" x14ac:dyDescent="0.4">
      <c r="A16111" s="1" t="s">
        <v>16414</v>
      </c>
      <c r="B16111" t="s">
        <v>11981</v>
      </c>
      <c r="C16111" t="s">
        <v>16171</v>
      </c>
      <c r="D16111" t="s">
        <v>16415</v>
      </c>
    </row>
    <row r="16112" spans="1:4" x14ac:dyDescent="0.4">
      <c r="A16112" s="1" t="s">
        <v>16416</v>
      </c>
      <c r="B16112" t="s">
        <v>11981</v>
      </c>
      <c r="C16112" t="s">
        <v>16171</v>
      </c>
      <c r="D16112" t="s">
        <v>16417</v>
      </c>
    </row>
    <row r="16113" spans="1:4" x14ac:dyDescent="0.4">
      <c r="A16113" s="1" t="s">
        <v>16418</v>
      </c>
      <c r="B16113" t="s">
        <v>11981</v>
      </c>
      <c r="C16113" t="s">
        <v>16171</v>
      </c>
      <c r="D16113" t="s">
        <v>16419</v>
      </c>
    </row>
    <row r="16114" spans="1:4" x14ac:dyDescent="0.4">
      <c r="A16114" s="1" t="s">
        <v>16420</v>
      </c>
      <c r="B16114" t="s">
        <v>11981</v>
      </c>
      <c r="C16114" t="s">
        <v>16171</v>
      </c>
      <c r="D16114" t="s">
        <v>16421</v>
      </c>
    </row>
    <row r="16115" spans="1:4" x14ac:dyDescent="0.4">
      <c r="A16115" s="1" t="s">
        <v>16422</v>
      </c>
      <c r="B16115" t="s">
        <v>11981</v>
      </c>
      <c r="C16115" t="s">
        <v>16171</v>
      </c>
      <c r="D16115" t="s">
        <v>16423</v>
      </c>
    </row>
    <row r="16116" spans="1:4" x14ac:dyDescent="0.4">
      <c r="A16116" s="1" t="s">
        <v>16424</v>
      </c>
      <c r="B16116" t="s">
        <v>11981</v>
      </c>
      <c r="C16116" t="s">
        <v>16171</v>
      </c>
      <c r="D16116" t="s">
        <v>16425</v>
      </c>
    </row>
    <row r="16117" spans="1:4" x14ac:dyDescent="0.4">
      <c r="A16117" s="1" t="s">
        <v>16426</v>
      </c>
      <c r="B16117" t="s">
        <v>11981</v>
      </c>
      <c r="C16117" t="s">
        <v>16171</v>
      </c>
      <c r="D16117" t="s">
        <v>16427</v>
      </c>
    </row>
    <row r="16118" spans="1:4" x14ac:dyDescent="0.4">
      <c r="A16118" s="1" t="s">
        <v>16428</v>
      </c>
      <c r="B16118" t="s">
        <v>11981</v>
      </c>
      <c r="C16118" t="s">
        <v>16171</v>
      </c>
      <c r="D16118" t="s">
        <v>16429</v>
      </c>
    </row>
    <row r="16119" spans="1:4" x14ac:dyDescent="0.4">
      <c r="A16119" s="1" t="s">
        <v>16430</v>
      </c>
      <c r="B16119" t="s">
        <v>11981</v>
      </c>
      <c r="C16119" t="s">
        <v>16171</v>
      </c>
      <c r="D16119" t="s">
        <v>16431</v>
      </c>
    </row>
    <row r="16120" spans="1:4" x14ac:dyDescent="0.4">
      <c r="A16120" s="1" t="s">
        <v>16432</v>
      </c>
      <c r="B16120" t="s">
        <v>11981</v>
      </c>
      <c r="C16120" t="s">
        <v>16171</v>
      </c>
      <c r="D16120" t="s">
        <v>16433</v>
      </c>
    </row>
    <row r="16121" spans="1:4" x14ac:dyDescent="0.4">
      <c r="A16121" s="1" t="s">
        <v>16434</v>
      </c>
      <c r="B16121" t="s">
        <v>11981</v>
      </c>
      <c r="C16121" t="s">
        <v>16171</v>
      </c>
      <c r="D16121" t="s">
        <v>16435</v>
      </c>
    </row>
    <row r="16122" spans="1:4" x14ac:dyDescent="0.4">
      <c r="A16122" s="1" t="s">
        <v>16436</v>
      </c>
      <c r="B16122" t="s">
        <v>11981</v>
      </c>
      <c r="C16122" t="s">
        <v>16171</v>
      </c>
      <c r="D16122" t="s">
        <v>16437</v>
      </c>
    </row>
    <row r="16123" spans="1:4" x14ac:dyDescent="0.4">
      <c r="A16123" s="1" t="s">
        <v>16438</v>
      </c>
      <c r="B16123" t="s">
        <v>11981</v>
      </c>
      <c r="C16123" t="s">
        <v>16171</v>
      </c>
      <c r="D16123" t="s">
        <v>16439</v>
      </c>
    </row>
    <row r="16124" spans="1:4" x14ac:dyDescent="0.4">
      <c r="A16124" s="1" t="s">
        <v>16440</v>
      </c>
      <c r="B16124" t="s">
        <v>11981</v>
      </c>
      <c r="C16124" t="s">
        <v>16171</v>
      </c>
      <c r="D16124" t="s">
        <v>16441</v>
      </c>
    </row>
    <row r="16125" spans="1:4" x14ac:dyDescent="0.4">
      <c r="A16125" s="1" t="s">
        <v>16442</v>
      </c>
      <c r="B16125" t="s">
        <v>11981</v>
      </c>
      <c r="C16125" t="s">
        <v>16171</v>
      </c>
      <c r="D16125" t="s">
        <v>16443</v>
      </c>
    </row>
    <row r="16126" spans="1:4" x14ac:dyDescent="0.4">
      <c r="A16126" s="1" t="s">
        <v>16444</v>
      </c>
      <c r="B16126" t="s">
        <v>11981</v>
      </c>
      <c r="C16126" t="s">
        <v>16171</v>
      </c>
      <c r="D16126" t="s">
        <v>16445</v>
      </c>
    </row>
    <row r="16127" spans="1:4" x14ac:dyDescent="0.4">
      <c r="A16127" s="1" t="s">
        <v>16446</v>
      </c>
      <c r="B16127" t="s">
        <v>11981</v>
      </c>
      <c r="C16127" t="s">
        <v>16171</v>
      </c>
      <c r="D16127" t="s">
        <v>16447</v>
      </c>
    </row>
    <row r="16128" spans="1:4" x14ac:dyDescent="0.4">
      <c r="A16128" s="1" t="s">
        <v>16448</v>
      </c>
      <c r="B16128" t="s">
        <v>11981</v>
      </c>
      <c r="C16128" t="s">
        <v>16171</v>
      </c>
      <c r="D16128" t="s">
        <v>16449</v>
      </c>
    </row>
    <row r="16129" spans="1:4" x14ac:dyDescent="0.4">
      <c r="A16129" s="1" t="s">
        <v>16450</v>
      </c>
      <c r="B16129" t="s">
        <v>11981</v>
      </c>
      <c r="C16129" t="s">
        <v>16171</v>
      </c>
      <c r="D16129" t="s">
        <v>16451</v>
      </c>
    </row>
    <row r="16130" spans="1:4" x14ac:dyDescent="0.4">
      <c r="A16130" s="1" t="s">
        <v>16452</v>
      </c>
      <c r="B16130" t="s">
        <v>11981</v>
      </c>
      <c r="C16130" t="s">
        <v>16171</v>
      </c>
      <c r="D16130" t="s">
        <v>16453</v>
      </c>
    </row>
    <row r="16131" spans="1:4" x14ac:dyDescent="0.4">
      <c r="A16131" s="1" t="s">
        <v>16454</v>
      </c>
      <c r="B16131" t="s">
        <v>11981</v>
      </c>
      <c r="C16131" t="s">
        <v>16171</v>
      </c>
      <c r="D16131" t="s">
        <v>16455</v>
      </c>
    </row>
    <row r="16132" spans="1:4" x14ac:dyDescent="0.4">
      <c r="A16132" s="1" t="s">
        <v>16456</v>
      </c>
      <c r="B16132" t="s">
        <v>11981</v>
      </c>
      <c r="C16132" t="s">
        <v>16171</v>
      </c>
      <c r="D16132" t="s">
        <v>16457</v>
      </c>
    </row>
    <row r="16133" spans="1:4" x14ac:dyDescent="0.4">
      <c r="A16133" s="1" t="s">
        <v>16458</v>
      </c>
      <c r="B16133" t="s">
        <v>11981</v>
      </c>
      <c r="C16133" t="s">
        <v>16171</v>
      </c>
      <c r="D16133" t="s">
        <v>16459</v>
      </c>
    </row>
    <row r="16134" spans="1:4" x14ac:dyDescent="0.4">
      <c r="A16134" s="1" t="s">
        <v>16460</v>
      </c>
      <c r="B16134" t="s">
        <v>11981</v>
      </c>
      <c r="C16134" t="s">
        <v>16171</v>
      </c>
      <c r="D16134" t="s">
        <v>16461</v>
      </c>
    </row>
    <row r="16135" spans="1:4" x14ac:dyDescent="0.4">
      <c r="A16135" s="1" t="s">
        <v>16462</v>
      </c>
      <c r="B16135" t="s">
        <v>11981</v>
      </c>
      <c r="C16135" t="s">
        <v>16171</v>
      </c>
      <c r="D16135" t="s">
        <v>16463</v>
      </c>
    </row>
    <row r="16136" spans="1:4" x14ac:dyDescent="0.4">
      <c r="A16136" s="1" t="s">
        <v>16464</v>
      </c>
      <c r="B16136" t="s">
        <v>11981</v>
      </c>
      <c r="C16136" t="s">
        <v>16171</v>
      </c>
      <c r="D16136" t="s">
        <v>16465</v>
      </c>
    </row>
    <row r="16137" spans="1:4" x14ac:dyDescent="0.4">
      <c r="A16137" s="1" t="s">
        <v>16466</v>
      </c>
      <c r="B16137" t="s">
        <v>11981</v>
      </c>
      <c r="C16137" t="s">
        <v>16171</v>
      </c>
      <c r="D16137" t="s">
        <v>16467</v>
      </c>
    </row>
    <row r="16138" spans="1:4" x14ac:dyDescent="0.4">
      <c r="A16138" s="1" t="s">
        <v>16468</v>
      </c>
      <c r="B16138" t="s">
        <v>11981</v>
      </c>
      <c r="C16138" t="s">
        <v>16171</v>
      </c>
      <c r="D16138" t="s">
        <v>16469</v>
      </c>
    </row>
    <row r="16139" spans="1:4" x14ac:dyDescent="0.4">
      <c r="A16139" s="1" t="s">
        <v>16470</v>
      </c>
      <c r="B16139" t="s">
        <v>11981</v>
      </c>
      <c r="C16139" t="s">
        <v>16171</v>
      </c>
      <c r="D16139" t="s">
        <v>16471</v>
      </c>
    </row>
    <row r="16140" spans="1:4" x14ac:dyDescent="0.4">
      <c r="A16140" s="1" t="s">
        <v>16472</v>
      </c>
      <c r="B16140" t="s">
        <v>11981</v>
      </c>
      <c r="C16140" t="s">
        <v>16171</v>
      </c>
      <c r="D16140" t="s">
        <v>16473</v>
      </c>
    </row>
    <row r="16141" spans="1:4" x14ac:dyDescent="0.4">
      <c r="A16141" s="1" t="s">
        <v>16474</v>
      </c>
      <c r="B16141" t="s">
        <v>11981</v>
      </c>
      <c r="C16141" t="s">
        <v>16171</v>
      </c>
      <c r="D16141" t="s">
        <v>16475</v>
      </c>
    </row>
    <row r="16142" spans="1:4" x14ac:dyDescent="0.4">
      <c r="A16142" s="1" t="s">
        <v>16476</v>
      </c>
      <c r="B16142" t="s">
        <v>11981</v>
      </c>
      <c r="C16142" t="s">
        <v>16171</v>
      </c>
      <c r="D16142" t="s">
        <v>16477</v>
      </c>
    </row>
    <row r="16143" spans="1:4" x14ac:dyDescent="0.4">
      <c r="A16143" s="1" t="s">
        <v>16478</v>
      </c>
      <c r="B16143" t="s">
        <v>11981</v>
      </c>
      <c r="C16143" t="s">
        <v>16171</v>
      </c>
      <c r="D16143" t="s">
        <v>16479</v>
      </c>
    </row>
    <row r="16144" spans="1:4" x14ac:dyDescent="0.4">
      <c r="A16144" s="1" t="s">
        <v>16480</v>
      </c>
      <c r="B16144" t="s">
        <v>11981</v>
      </c>
      <c r="C16144" t="s">
        <v>16171</v>
      </c>
      <c r="D16144" t="s">
        <v>16481</v>
      </c>
    </row>
    <row r="16145" spans="1:4" x14ac:dyDescent="0.4">
      <c r="A16145" s="1" t="s">
        <v>16482</v>
      </c>
      <c r="B16145" t="s">
        <v>11981</v>
      </c>
      <c r="C16145" t="s">
        <v>16171</v>
      </c>
      <c r="D16145" t="s">
        <v>16483</v>
      </c>
    </row>
    <row r="16146" spans="1:4" x14ac:dyDescent="0.4">
      <c r="A16146" s="1" t="s">
        <v>16484</v>
      </c>
      <c r="B16146" t="s">
        <v>11981</v>
      </c>
      <c r="C16146" t="s">
        <v>16171</v>
      </c>
      <c r="D16146" t="s">
        <v>16485</v>
      </c>
    </row>
    <row r="16147" spans="1:4" x14ac:dyDescent="0.4">
      <c r="A16147" s="1" t="s">
        <v>16486</v>
      </c>
      <c r="B16147" t="s">
        <v>11981</v>
      </c>
      <c r="C16147" t="s">
        <v>16171</v>
      </c>
      <c r="D16147" t="s">
        <v>16487</v>
      </c>
    </row>
    <row r="16148" spans="1:4" x14ac:dyDescent="0.4">
      <c r="A16148" s="1" t="s">
        <v>16488</v>
      </c>
      <c r="B16148" t="s">
        <v>11981</v>
      </c>
      <c r="C16148" t="s">
        <v>16171</v>
      </c>
      <c r="D16148" t="s">
        <v>16489</v>
      </c>
    </row>
    <row r="16149" spans="1:4" x14ac:dyDescent="0.4">
      <c r="A16149" s="1" t="s">
        <v>16490</v>
      </c>
      <c r="B16149" t="s">
        <v>11981</v>
      </c>
      <c r="C16149" t="s">
        <v>16171</v>
      </c>
      <c r="D16149" t="s">
        <v>16491</v>
      </c>
    </row>
    <row r="16150" spans="1:4" x14ac:dyDescent="0.4">
      <c r="A16150" s="1" t="s">
        <v>16492</v>
      </c>
      <c r="B16150" t="s">
        <v>11981</v>
      </c>
      <c r="C16150" t="s">
        <v>16171</v>
      </c>
      <c r="D16150" t="s">
        <v>16493</v>
      </c>
    </row>
    <row r="16151" spans="1:4" x14ac:dyDescent="0.4">
      <c r="A16151" s="1" t="s">
        <v>16494</v>
      </c>
      <c r="B16151" t="s">
        <v>11981</v>
      </c>
      <c r="C16151" t="s">
        <v>16171</v>
      </c>
      <c r="D16151" t="s">
        <v>16495</v>
      </c>
    </row>
    <row r="16152" spans="1:4" x14ac:dyDescent="0.4">
      <c r="A16152" s="1" t="s">
        <v>16496</v>
      </c>
      <c r="B16152" t="s">
        <v>11981</v>
      </c>
      <c r="C16152" t="s">
        <v>16171</v>
      </c>
      <c r="D16152" t="s">
        <v>16497</v>
      </c>
    </row>
    <row r="16153" spans="1:4" x14ac:dyDescent="0.4">
      <c r="A16153" s="1" t="s">
        <v>16498</v>
      </c>
      <c r="B16153" t="s">
        <v>11981</v>
      </c>
      <c r="C16153" t="s">
        <v>16171</v>
      </c>
      <c r="D16153" t="s">
        <v>16499</v>
      </c>
    </row>
    <row r="16154" spans="1:4" x14ac:dyDescent="0.4">
      <c r="A16154" s="1" t="s">
        <v>16500</v>
      </c>
      <c r="B16154" t="s">
        <v>11981</v>
      </c>
      <c r="C16154" t="s">
        <v>16171</v>
      </c>
      <c r="D16154" t="s">
        <v>16501</v>
      </c>
    </row>
    <row r="16155" spans="1:4" x14ac:dyDescent="0.4">
      <c r="A16155" s="1" t="s">
        <v>16494</v>
      </c>
      <c r="B16155" t="s">
        <v>11981</v>
      </c>
      <c r="C16155" t="s">
        <v>16171</v>
      </c>
      <c r="D16155" t="s">
        <v>16502</v>
      </c>
    </row>
    <row r="16156" spans="1:4" x14ac:dyDescent="0.4">
      <c r="A16156" s="1" t="s">
        <v>16503</v>
      </c>
      <c r="B16156" t="s">
        <v>11981</v>
      </c>
      <c r="C16156" t="s">
        <v>16171</v>
      </c>
      <c r="D16156" t="s">
        <v>16504</v>
      </c>
    </row>
    <row r="16157" spans="1:4" x14ac:dyDescent="0.4">
      <c r="A16157" s="1" t="s">
        <v>16505</v>
      </c>
      <c r="B16157" t="s">
        <v>11981</v>
      </c>
      <c r="C16157" t="s">
        <v>16171</v>
      </c>
      <c r="D16157" t="s">
        <v>16506</v>
      </c>
    </row>
    <row r="16158" spans="1:4" x14ac:dyDescent="0.4">
      <c r="A16158" s="1" t="s">
        <v>16494</v>
      </c>
      <c r="B16158" t="s">
        <v>11981</v>
      </c>
      <c r="C16158" t="s">
        <v>16171</v>
      </c>
      <c r="D16158" t="s">
        <v>16507</v>
      </c>
    </row>
    <row r="16159" spans="1:4" x14ac:dyDescent="0.4">
      <c r="A16159" s="1" t="s">
        <v>16494</v>
      </c>
      <c r="B16159" t="s">
        <v>11981</v>
      </c>
      <c r="C16159" t="s">
        <v>16171</v>
      </c>
      <c r="D16159" t="s">
        <v>16508</v>
      </c>
    </row>
    <row r="16160" spans="1:4" x14ac:dyDescent="0.4">
      <c r="A16160" s="1" t="s">
        <v>16498</v>
      </c>
      <c r="B16160" t="s">
        <v>11981</v>
      </c>
      <c r="C16160" t="s">
        <v>16171</v>
      </c>
      <c r="D16160" t="s">
        <v>16509</v>
      </c>
    </row>
    <row r="16161" spans="1:4" x14ac:dyDescent="0.4">
      <c r="A16161" s="1" t="s">
        <v>16494</v>
      </c>
      <c r="B16161" t="s">
        <v>11981</v>
      </c>
      <c r="C16161" t="s">
        <v>16171</v>
      </c>
      <c r="D16161" t="s">
        <v>16510</v>
      </c>
    </row>
    <row r="16162" spans="1:4" x14ac:dyDescent="0.4">
      <c r="A16162" s="1" t="s">
        <v>16494</v>
      </c>
      <c r="B16162" t="s">
        <v>11981</v>
      </c>
      <c r="C16162" t="s">
        <v>16171</v>
      </c>
      <c r="D16162" t="s">
        <v>16511</v>
      </c>
    </row>
    <row r="16163" spans="1:4" x14ac:dyDescent="0.4">
      <c r="A16163" s="1" t="s">
        <v>16496</v>
      </c>
      <c r="B16163" t="s">
        <v>11981</v>
      </c>
      <c r="C16163" t="s">
        <v>16171</v>
      </c>
      <c r="D16163" t="s">
        <v>16512</v>
      </c>
    </row>
    <row r="16164" spans="1:4" x14ac:dyDescent="0.4">
      <c r="A16164" s="1" t="s">
        <v>16494</v>
      </c>
      <c r="B16164" t="s">
        <v>11981</v>
      </c>
      <c r="C16164" t="s">
        <v>16171</v>
      </c>
      <c r="D16164" t="s">
        <v>16513</v>
      </c>
    </row>
    <row r="16165" spans="1:4" x14ac:dyDescent="0.4">
      <c r="A16165" s="1" t="s">
        <v>16514</v>
      </c>
      <c r="B16165" t="s">
        <v>11981</v>
      </c>
      <c r="C16165" t="s">
        <v>16171</v>
      </c>
      <c r="D16165" t="s">
        <v>16515</v>
      </c>
    </row>
    <row r="16166" spans="1:4" x14ac:dyDescent="0.4">
      <c r="A16166" s="1" t="s">
        <v>16498</v>
      </c>
      <c r="B16166" t="s">
        <v>11981</v>
      </c>
      <c r="C16166" t="s">
        <v>16171</v>
      </c>
      <c r="D16166" t="s">
        <v>16516</v>
      </c>
    </row>
    <row r="16167" spans="1:4" x14ac:dyDescent="0.4">
      <c r="A16167" s="1" t="s">
        <v>16494</v>
      </c>
      <c r="B16167" t="s">
        <v>11981</v>
      </c>
      <c r="C16167" t="s">
        <v>16171</v>
      </c>
      <c r="D16167" t="s">
        <v>16517</v>
      </c>
    </row>
    <row r="16168" spans="1:4" x14ac:dyDescent="0.4">
      <c r="A16168" s="1" t="s">
        <v>16494</v>
      </c>
      <c r="B16168" t="s">
        <v>11981</v>
      </c>
      <c r="C16168" t="s">
        <v>16171</v>
      </c>
      <c r="D16168" t="s">
        <v>16518</v>
      </c>
    </row>
    <row r="16169" spans="1:4" x14ac:dyDescent="0.4">
      <c r="A16169" s="1" t="s">
        <v>16494</v>
      </c>
      <c r="B16169" t="s">
        <v>11981</v>
      </c>
      <c r="C16169" t="s">
        <v>16171</v>
      </c>
      <c r="D16169" t="s">
        <v>16519</v>
      </c>
    </row>
    <row r="16170" spans="1:4" x14ac:dyDescent="0.4">
      <c r="A16170" s="1" t="s">
        <v>16505</v>
      </c>
      <c r="B16170" t="s">
        <v>11981</v>
      </c>
      <c r="C16170" t="s">
        <v>16171</v>
      </c>
      <c r="D16170" t="s">
        <v>16520</v>
      </c>
    </row>
    <row r="16171" spans="1:4" x14ac:dyDescent="0.4">
      <c r="A16171" s="1" t="s">
        <v>16505</v>
      </c>
      <c r="B16171" t="s">
        <v>11981</v>
      </c>
      <c r="C16171" t="s">
        <v>16171</v>
      </c>
      <c r="D16171" t="s">
        <v>16521</v>
      </c>
    </row>
    <row r="16172" spans="1:4" x14ac:dyDescent="0.4">
      <c r="A16172" s="1" t="s">
        <v>16494</v>
      </c>
      <c r="B16172" t="s">
        <v>11981</v>
      </c>
      <c r="C16172" t="s">
        <v>16171</v>
      </c>
      <c r="D16172" t="s">
        <v>16522</v>
      </c>
    </row>
    <row r="16173" spans="1:4" x14ac:dyDescent="0.4">
      <c r="A16173" s="1" t="s">
        <v>16523</v>
      </c>
      <c r="B16173" t="s">
        <v>11981</v>
      </c>
      <c r="C16173" t="s">
        <v>16171</v>
      </c>
      <c r="D16173" t="s">
        <v>16524</v>
      </c>
    </row>
    <row r="16174" spans="1:4" x14ac:dyDescent="0.4">
      <c r="A16174" s="1" t="s">
        <v>16496</v>
      </c>
      <c r="B16174" t="s">
        <v>11981</v>
      </c>
      <c r="C16174" t="s">
        <v>16171</v>
      </c>
      <c r="D16174" t="s">
        <v>16525</v>
      </c>
    </row>
    <row r="16175" spans="1:4" x14ac:dyDescent="0.4">
      <c r="A16175" s="1" t="s">
        <v>16523</v>
      </c>
      <c r="B16175" t="s">
        <v>11981</v>
      </c>
      <c r="C16175" t="s">
        <v>16171</v>
      </c>
      <c r="D16175" t="s">
        <v>16526</v>
      </c>
    </row>
    <row r="16176" spans="1:4" x14ac:dyDescent="0.4">
      <c r="A16176" s="1" t="s">
        <v>16494</v>
      </c>
      <c r="B16176" t="s">
        <v>11981</v>
      </c>
      <c r="C16176" t="s">
        <v>16171</v>
      </c>
      <c r="D16176" t="s">
        <v>16527</v>
      </c>
    </row>
    <row r="16177" spans="1:4" x14ac:dyDescent="0.4">
      <c r="A16177" s="1" t="s">
        <v>16503</v>
      </c>
      <c r="B16177" t="s">
        <v>11981</v>
      </c>
      <c r="C16177" t="s">
        <v>16171</v>
      </c>
      <c r="D16177" t="s">
        <v>16528</v>
      </c>
    </row>
    <row r="16178" spans="1:4" x14ac:dyDescent="0.4">
      <c r="A16178" s="1" t="s">
        <v>16503</v>
      </c>
      <c r="B16178" t="s">
        <v>11981</v>
      </c>
      <c r="C16178" t="s">
        <v>16171</v>
      </c>
      <c r="D16178" t="s">
        <v>16529</v>
      </c>
    </row>
    <row r="16179" spans="1:4" x14ac:dyDescent="0.4">
      <c r="A16179" s="1" t="s">
        <v>16505</v>
      </c>
      <c r="B16179" t="s">
        <v>11981</v>
      </c>
      <c r="C16179" t="s">
        <v>16171</v>
      </c>
      <c r="D16179" t="s">
        <v>16530</v>
      </c>
    </row>
    <row r="16180" spans="1:4" x14ac:dyDescent="0.4">
      <c r="A16180" s="1" t="s">
        <v>16498</v>
      </c>
      <c r="B16180" t="s">
        <v>11981</v>
      </c>
      <c r="C16180" t="s">
        <v>16171</v>
      </c>
      <c r="D16180" t="s">
        <v>16531</v>
      </c>
    </row>
    <row r="16181" spans="1:4" x14ac:dyDescent="0.4">
      <c r="A16181" s="1" t="s">
        <v>16503</v>
      </c>
      <c r="B16181" t="s">
        <v>11981</v>
      </c>
      <c r="C16181" t="s">
        <v>16171</v>
      </c>
      <c r="D16181" t="s">
        <v>16532</v>
      </c>
    </row>
    <row r="16182" spans="1:4" x14ac:dyDescent="0.4">
      <c r="A16182" s="1" t="s">
        <v>16496</v>
      </c>
      <c r="B16182" t="s">
        <v>11981</v>
      </c>
      <c r="C16182" t="s">
        <v>16171</v>
      </c>
      <c r="D16182" t="s">
        <v>16533</v>
      </c>
    </row>
    <row r="16183" spans="1:4" x14ac:dyDescent="0.4">
      <c r="A16183" s="1" t="s">
        <v>16494</v>
      </c>
      <c r="B16183" t="s">
        <v>11981</v>
      </c>
      <c r="C16183" t="s">
        <v>16171</v>
      </c>
      <c r="D16183" t="s">
        <v>16534</v>
      </c>
    </row>
    <row r="16184" spans="1:4" x14ac:dyDescent="0.4">
      <c r="A16184" s="1" t="s">
        <v>16535</v>
      </c>
      <c r="B16184" t="s">
        <v>11981</v>
      </c>
      <c r="C16184" t="s">
        <v>16171</v>
      </c>
      <c r="D16184" t="s">
        <v>16536</v>
      </c>
    </row>
    <row r="16185" spans="1:4" x14ac:dyDescent="0.4">
      <c r="A16185" s="1" t="s">
        <v>16535</v>
      </c>
      <c r="B16185" t="s">
        <v>11981</v>
      </c>
      <c r="C16185" t="s">
        <v>16171</v>
      </c>
      <c r="D16185" t="s">
        <v>16537</v>
      </c>
    </row>
    <row r="16186" spans="1:4" x14ac:dyDescent="0.4">
      <c r="A16186" s="1" t="s">
        <v>16494</v>
      </c>
      <c r="B16186" t="s">
        <v>11981</v>
      </c>
      <c r="C16186" t="s">
        <v>16171</v>
      </c>
      <c r="D16186" t="s">
        <v>16538</v>
      </c>
    </row>
    <row r="16187" spans="1:4" x14ac:dyDescent="0.4">
      <c r="A16187" s="1" t="s">
        <v>16498</v>
      </c>
      <c r="B16187" t="s">
        <v>11981</v>
      </c>
      <c r="C16187" t="s">
        <v>16171</v>
      </c>
      <c r="D16187" t="s">
        <v>16539</v>
      </c>
    </row>
    <row r="16188" spans="1:4" x14ac:dyDescent="0.4">
      <c r="A16188" s="1" t="s">
        <v>16494</v>
      </c>
      <c r="B16188" t="s">
        <v>11981</v>
      </c>
      <c r="C16188" t="s">
        <v>16171</v>
      </c>
      <c r="D16188" t="s">
        <v>16540</v>
      </c>
    </row>
    <row r="16189" spans="1:4" x14ac:dyDescent="0.4">
      <c r="A16189" s="1" t="s">
        <v>16535</v>
      </c>
      <c r="B16189" t="s">
        <v>11981</v>
      </c>
      <c r="C16189" t="s">
        <v>16171</v>
      </c>
      <c r="D16189" t="s">
        <v>16541</v>
      </c>
    </row>
    <row r="16190" spans="1:4" x14ac:dyDescent="0.4">
      <c r="A16190" s="1" t="s">
        <v>16542</v>
      </c>
      <c r="B16190" t="s">
        <v>11981</v>
      </c>
      <c r="C16190" t="s">
        <v>16171</v>
      </c>
      <c r="D16190" t="s">
        <v>16543</v>
      </c>
    </row>
    <row r="16191" spans="1:4" x14ac:dyDescent="0.4">
      <c r="A16191" s="1" t="s">
        <v>16494</v>
      </c>
      <c r="B16191" t="s">
        <v>11981</v>
      </c>
      <c r="C16191" t="s">
        <v>16171</v>
      </c>
      <c r="D16191" t="s">
        <v>16544</v>
      </c>
    </row>
    <row r="16192" spans="1:4" x14ac:dyDescent="0.4">
      <c r="A16192" s="1" t="s">
        <v>16494</v>
      </c>
      <c r="B16192" t="s">
        <v>11981</v>
      </c>
      <c r="C16192" t="s">
        <v>16171</v>
      </c>
      <c r="D16192" t="s">
        <v>16545</v>
      </c>
    </row>
    <row r="16193" spans="1:4" x14ac:dyDescent="0.4">
      <c r="A16193" s="1" t="s">
        <v>16496</v>
      </c>
      <c r="B16193" t="s">
        <v>11981</v>
      </c>
      <c r="C16193" t="s">
        <v>16171</v>
      </c>
      <c r="D16193" t="s">
        <v>16546</v>
      </c>
    </row>
    <row r="16194" spans="1:4" x14ac:dyDescent="0.4">
      <c r="A16194" s="1" t="s">
        <v>16505</v>
      </c>
      <c r="B16194" t="s">
        <v>11981</v>
      </c>
      <c r="C16194" t="s">
        <v>16171</v>
      </c>
      <c r="D16194" t="s">
        <v>16547</v>
      </c>
    </row>
    <row r="16195" spans="1:4" x14ac:dyDescent="0.4">
      <c r="A16195" s="1" t="s">
        <v>16505</v>
      </c>
      <c r="B16195" t="s">
        <v>11981</v>
      </c>
      <c r="C16195" t="s">
        <v>16171</v>
      </c>
      <c r="D16195" t="s">
        <v>16548</v>
      </c>
    </row>
    <row r="16196" spans="1:4" x14ac:dyDescent="0.4">
      <c r="A16196" s="1" t="s">
        <v>16523</v>
      </c>
      <c r="B16196" t="s">
        <v>11981</v>
      </c>
      <c r="C16196" t="s">
        <v>16171</v>
      </c>
      <c r="D16196" t="s">
        <v>16549</v>
      </c>
    </row>
    <row r="16197" spans="1:4" x14ac:dyDescent="0.4">
      <c r="A16197" s="1" t="s">
        <v>16498</v>
      </c>
      <c r="B16197" t="s">
        <v>11981</v>
      </c>
      <c r="C16197" t="s">
        <v>16171</v>
      </c>
      <c r="D16197" t="s">
        <v>16550</v>
      </c>
    </row>
    <row r="16198" spans="1:4" x14ac:dyDescent="0.4">
      <c r="A16198" s="1" t="s">
        <v>16498</v>
      </c>
      <c r="B16198" t="s">
        <v>11981</v>
      </c>
      <c r="C16198" t="s">
        <v>16171</v>
      </c>
      <c r="D16198" t="s">
        <v>16551</v>
      </c>
    </row>
    <row r="16199" spans="1:4" x14ac:dyDescent="0.4">
      <c r="A16199" s="1" t="s">
        <v>16505</v>
      </c>
      <c r="B16199" t="s">
        <v>11981</v>
      </c>
      <c r="C16199" t="s">
        <v>16171</v>
      </c>
      <c r="D16199" t="s">
        <v>16552</v>
      </c>
    </row>
    <row r="16200" spans="1:4" x14ac:dyDescent="0.4">
      <c r="A16200" s="1" t="s">
        <v>16535</v>
      </c>
      <c r="B16200" t="s">
        <v>11981</v>
      </c>
      <c r="C16200" t="s">
        <v>16171</v>
      </c>
      <c r="D16200" t="s">
        <v>16553</v>
      </c>
    </row>
    <row r="16201" spans="1:4" x14ac:dyDescent="0.4">
      <c r="A16201" s="1" t="s">
        <v>16505</v>
      </c>
      <c r="B16201" t="s">
        <v>11981</v>
      </c>
      <c r="C16201" t="s">
        <v>16171</v>
      </c>
      <c r="D16201" t="s">
        <v>16554</v>
      </c>
    </row>
    <row r="16202" spans="1:4" x14ac:dyDescent="0.4">
      <c r="A16202" s="1" t="s">
        <v>16505</v>
      </c>
      <c r="B16202" t="s">
        <v>11981</v>
      </c>
      <c r="C16202" t="s">
        <v>16171</v>
      </c>
      <c r="D16202" t="s">
        <v>16555</v>
      </c>
    </row>
    <row r="16203" spans="1:4" x14ac:dyDescent="0.4">
      <c r="A16203" s="1" t="s">
        <v>16535</v>
      </c>
      <c r="B16203" t="s">
        <v>11981</v>
      </c>
      <c r="C16203" t="s">
        <v>16171</v>
      </c>
      <c r="D16203" t="s">
        <v>16556</v>
      </c>
    </row>
    <row r="16204" spans="1:4" x14ac:dyDescent="0.4">
      <c r="A16204" s="1" t="s">
        <v>16505</v>
      </c>
      <c r="B16204" t="s">
        <v>11981</v>
      </c>
      <c r="C16204" t="s">
        <v>16171</v>
      </c>
      <c r="D16204" t="s">
        <v>16557</v>
      </c>
    </row>
    <row r="16205" spans="1:4" x14ac:dyDescent="0.4">
      <c r="A16205" s="1" t="s">
        <v>16496</v>
      </c>
      <c r="B16205" t="s">
        <v>11981</v>
      </c>
      <c r="C16205" t="s">
        <v>16171</v>
      </c>
      <c r="D16205" t="s">
        <v>16558</v>
      </c>
    </row>
    <row r="16206" spans="1:4" x14ac:dyDescent="0.4">
      <c r="A16206" s="1" t="s">
        <v>16494</v>
      </c>
      <c r="B16206" t="s">
        <v>11981</v>
      </c>
      <c r="C16206" t="s">
        <v>16171</v>
      </c>
      <c r="D16206" t="s">
        <v>16559</v>
      </c>
    </row>
    <row r="16207" spans="1:4" x14ac:dyDescent="0.4">
      <c r="A16207" s="1" t="s">
        <v>16494</v>
      </c>
      <c r="B16207" t="s">
        <v>11981</v>
      </c>
      <c r="C16207" t="s">
        <v>16171</v>
      </c>
      <c r="D16207" t="s">
        <v>16560</v>
      </c>
    </row>
    <row r="16208" spans="1:4" x14ac:dyDescent="0.4">
      <c r="A16208" s="1" t="s">
        <v>16498</v>
      </c>
      <c r="B16208" t="s">
        <v>11981</v>
      </c>
      <c r="C16208" t="s">
        <v>16171</v>
      </c>
      <c r="D16208" t="s">
        <v>16561</v>
      </c>
    </row>
    <row r="16209" spans="1:4" x14ac:dyDescent="0.4">
      <c r="A16209" s="1" t="s">
        <v>16535</v>
      </c>
      <c r="B16209" t="s">
        <v>11981</v>
      </c>
      <c r="C16209" t="s">
        <v>16171</v>
      </c>
      <c r="D16209" t="s">
        <v>16562</v>
      </c>
    </row>
    <row r="16210" spans="1:4" x14ac:dyDescent="0.4">
      <c r="A16210" s="1" t="s">
        <v>16494</v>
      </c>
      <c r="B16210" t="s">
        <v>11981</v>
      </c>
      <c r="C16210" t="s">
        <v>16171</v>
      </c>
      <c r="D16210" t="s">
        <v>16563</v>
      </c>
    </row>
    <row r="16211" spans="1:4" x14ac:dyDescent="0.4">
      <c r="A16211" s="1" t="s">
        <v>16498</v>
      </c>
      <c r="B16211" t="s">
        <v>11981</v>
      </c>
      <c r="C16211" t="s">
        <v>16171</v>
      </c>
      <c r="D16211" t="s">
        <v>16564</v>
      </c>
    </row>
    <row r="16212" spans="1:4" x14ac:dyDescent="0.4">
      <c r="A16212" s="1" t="s">
        <v>16535</v>
      </c>
      <c r="B16212" t="s">
        <v>11981</v>
      </c>
      <c r="C16212" t="s">
        <v>16171</v>
      </c>
      <c r="D16212" t="s">
        <v>16565</v>
      </c>
    </row>
    <row r="16213" spans="1:4" x14ac:dyDescent="0.4">
      <c r="A16213" s="1" t="s">
        <v>16535</v>
      </c>
      <c r="B16213" t="s">
        <v>11981</v>
      </c>
      <c r="C16213" t="s">
        <v>16171</v>
      </c>
      <c r="D16213" t="s">
        <v>16566</v>
      </c>
    </row>
    <row r="16214" spans="1:4" x14ac:dyDescent="0.4">
      <c r="A16214" s="1" t="s">
        <v>16494</v>
      </c>
      <c r="B16214" t="s">
        <v>11981</v>
      </c>
      <c r="C16214" t="s">
        <v>16171</v>
      </c>
      <c r="D16214" t="s">
        <v>16567</v>
      </c>
    </row>
    <row r="16215" spans="1:4" x14ac:dyDescent="0.4">
      <c r="A16215" s="1" t="s">
        <v>16505</v>
      </c>
      <c r="B16215" t="s">
        <v>11981</v>
      </c>
      <c r="C16215" t="s">
        <v>16171</v>
      </c>
      <c r="D16215" t="s">
        <v>16568</v>
      </c>
    </row>
    <row r="16216" spans="1:4" x14ac:dyDescent="0.4">
      <c r="A16216" s="1" t="s">
        <v>16535</v>
      </c>
      <c r="B16216" t="s">
        <v>11981</v>
      </c>
      <c r="C16216" t="s">
        <v>16171</v>
      </c>
      <c r="D16216" t="s">
        <v>16569</v>
      </c>
    </row>
    <row r="16217" spans="1:4" x14ac:dyDescent="0.4">
      <c r="A16217" s="1" t="s">
        <v>16494</v>
      </c>
      <c r="B16217" t="s">
        <v>11981</v>
      </c>
      <c r="C16217" t="s">
        <v>16171</v>
      </c>
      <c r="D16217" t="s">
        <v>16570</v>
      </c>
    </row>
    <row r="16218" spans="1:4" x14ac:dyDescent="0.4">
      <c r="A16218" s="1" t="s">
        <v>16535</v>
      </c>
      <c r="B16218" t="s">
        <v>11981</v>
      </c>
      <c r="C16218" t="s">
        <v>16171</v>
      </c>
      <c r="D16218" t="s">
        <v>16571</v>
      </c>
    </row>
    <row r="16219" spans="1:4" x14ac:dyDescent="0.4">
      <c r="A16219" s="1" t="s">
        <v>16494</v>
      </c>
      <c r="B16219" t="s">
        <v>11981</v>
      </c>
      <c r="C16219" t="s">
        <v>16171</v>
      </c>
      <c r="D16219" t="s">
        <v>16572</v>
      </c>
    </row>
    <row r="16220" spans="1:4" x14ac:dyDescent="0.4">
      <c r="A16220" s="1" t="s">
        <v>16505</v>
      </c>
      <c r="B16220" t="s">
        <v>11981</v>
      </c>
      <c r="C16220" t="s">
        <v>16171</v>
      </c>
      <c r="D16220" t="s">
        <v>16573</v>
      </c>
    </row>
    <row r="16221" spans="1:4" x14ac:dyDescent="0.4">
      <c r="A16221" s="1" t="s">
        <v>16505</v>
      </c>
      <c r="B16221" t="s">
        <v>11981</v>
      </c>
      <c r="C16221" t="s">
        <v>16171</v>
      </c>
      <c r="D16221" t="s">
        <v>16574</v>
      </c>
    </row>
    <row r="16222" spans="1:4" x14ac:dyDescent="0.4">
      <c r="A16222" s="1" t="s">
        <v>16494</v>
      </c>
      <c r="B16222" t="s">
        <v>11981</v>
      </c>
      <c r="C16222" t="s">
        <v>16171</v>
      </c>
      <c r="D16222" t="s">
        <v>16575</v>
      </c>
    </row>
    <row r="16223" spans="1:4" x14ac:dyDescent="0.4">
      <c r="A16223" s="1" t="s">
        <v>16505</v>
      </c>
      <c r="B16223" t="s">
        <v>11981</v>
      </c>
      <c r="C16223" t="s">
        <v>16171</v>
      </c>
      <c r="D16223" t="s">
        <v>16576</v>
      </c>
    </row>
    <row r="16224" spans="1:4" x14ac:dyDescent="0.4">
      <c r="A16224" s="1" t="s">
        <v>16505</v>
      </c>
      <c r="B16224" t="s">
        <v>11981</v>
      </c>
      <c r="C16224" t="s">
        <v>16171</v>
      </c>
      <c r="D16224" t="s">
        <v>16577</v>
      </c>
    </row>
    <row r="16225" spans="1:4" x14ac:dyDescent="0.4">
      <c r="A16225" s="1" t="s">
        <v>16494</v>
      </c>
      <c r="B16225" t="s">
        <v>11981</v>
      </c>
      <c r="C16225" t="s">
        <v>16171</v>
      </c>
      <c r="D16225" t="s">
        <v>16578</v>
      </c>
    </row>
    <row r="16226" spans="1:4" x14ac:dyDescent="0.4">
      <c r="A16226" s="1" t="s">
        <v>16494</v>
      </c>
      <c r="B16226" t="s">
        <v>11981</v>
      </c>
      <c r="C16226" t="s">
        <v>16171</v>
      </c>
      <c r="D16226" t="s">
        <v>16579</v>
      </c>
    </row>
    <row r="16227" spans="1:4" x14ac:dyDescent="0.4">
      <c r="A16227" s="1" t="s">
        <v>16494</v>
      </c>
      <c r="B16227" t="s">
        <v>11981</v>
      </c>
      <c r="C16227" t="s">
        <v>16171</v>
      </c>
      <c r="D16227" t="s">
        <v>16580</v>
      </c>
    </row>
    <row r="16228" spans="1:4" x14ac:dyDescent="0.4">
      <c r="A16228" s="1" t="s">
        <v>16494</v>
      </c>
      <c r="B16228" t="s">
        <v>11981</v>
      </c>
      <c r="C16228" t="s">
        <v>16171</v>
      </c>
      <c r="D16228" t="s">
        <v>16581</v>
      </c>
    </row>
    <row r="16229" spans="1:4" x14ac:dyDescent="0.4">
      <c r="A16229" s="1" t="s">
        <v>16496</v>
      </c>
      <c r="B16229" t="s">
        <v>11981</v>
      </c>
      <c r="C16229" t="s">
        <v>16171</v>
      </c>
      <c r="D16229" t="s">
        <v>16582</v>
      </c>
    </row>
    <row r="16230" spans="1:4" x14ac:dyDescent="0.4">
      <c r="A16230" s="1" t="s">
        <v>16494</v>
      </c>
      <c r="B16230" t="s">
        <v>11981</v>
      </c>
      <c r="C16230" t="s">
        <v>16171</v>
      </c>
      <c r="D16230" t="s">
        <v>16583</v>
      </c>
    </row>
    <row r="16231" spans="1:4" x14ac:dyDescent="0.4">
      <c r="A16231" s="1" t="s">
        <v>16535</v>
      </c>
      <c r="B16231" t="s">
        <v>11981</v>
      </c>
      <c r="C16231" t="s">
        <v>16171</v>
      </c>
      <c r="D16231" t="s">
        <v>16584</v>
      </c>
    </row>
    <row r="16232" spans="1:4" x14ac:dyDescent="0.4">
      <c r="A16232" s="1" t="s">
        <v>16494</v>
      </c>
      <c r="B16232" t="s">
        <v>11981</v>
      </c>
      <c r="C16232" t="s">
        <v>16171</v>
      </c>
      <c r="D16232" t="s">
        <v>16585</v>
      </c>
    </row>
    <row r="16233" spans="1:4" x14ac:dyDescent="0.4">
      <c r="A16233" s="1" t="s">
        <v>16494</v>
      </c>
      <c r="B16233" t="s">
        <v>11981</v>
      </c>
      <c r="C16233" t="s">
        <v>16171</v>
      </c>
      <c r="D16233" t="s">
        <v>16586</v>
      </c>
    </row>
    <row r="16234" spans="1:4" x14ac:dyDescent="0.4">
      <c r="A16234" s="1" t="s">
        <v>16496</v>
      </c>
      <c r="B16234" t="s">
        <v>11981</v>
      </c>
      <c r="C16234" t="s">
        <v>16171</v>
      </c>
      <c r="D16234" t="s">
        <v>16587</v>
      </c>
    </row>
    <row r="16235" spans="1:4" x14ac:dyDescent="0.4">
      <c r="A16235" s="1" t="s">
        <v>16498</v>
      </c>
      <c r="B16235" t="s">
        <v>11981</v>
      </c>
      <c r="C16235" t="s">
        <v>16171</v>
      </c>
      <c r="D16235" t="s">
        <v>16588</v>
      </c>
    </row>
    <row r="16236" spans="1:4" x14ac:dyDescent="0.4">
      <c r="A16236" s="1" t="s">
        <v>16498</v>
      </c>
      <c r="B16236" t="s">
        <v>11981</v>
      </c>
      <c r="C16236" t="s">
        <v>16171</v>
      </c>
      <c r="D16236" t="s">
        <v>16589</v>
      </c>
    </row>
    <row r="16237" spans="1:4" x14ac:dyDescent="0.4">
      <c r="A16237" s="1" t="s">
        <v>16498</v>
      </c>
      <c r="B16237" t="s">
        <v>11981</v>
      </c>
      <c r="C16237" t="s">
        <v>16171</v>
      </c>
      <c r="D16237" t="s">
        <v>16590</v>
      </c>
    </row>
    <row r="16238" spans="1:4" x14ac:dyDescent="0.4">
      <c r="A16238" s="1" t="s">
        <v>16494</v>
      </c>
      <c r="B16238" t="s">
        <v>11981</v>
      </c>
      <c r="C16238" t="s">
        <v>16171</v>
      </c>
      <c r="D16238" t="s">
        <v>16591</v>
      </c>
    </row>
    <row r="16239" spans="1:4" x14ac:dyDescent="0.4">
      <c r="A16239" s="1" t="s">
        <v>16494</v>
      </c>
      <c r="B16239" t="s">
        <v>11981</v>
      </c>
      <c r="C16239" t="s">
        <v>16171</v>
      </c>
      <c r="D16239" t="s">
        <v>16592</v>
      </c>
    </row>
    <row r="16240" spans="1:4" x14ac:dyDescent="0.4">
      <c r="A16240" s="1" t="s">
        <v>16494</v>
      </c>
      <c r="B16240" t="s">
        <v>11981</v>
      </c>
      <c r="C16240" t="s">
        <v>16171</v>
      </c>
      <c r="D16240" t="s">
        <v>16593</v>
      </c>
    </row>
    <row r="16241" spans="1:4" x14ac:dyDescent="0.4">
      <c r="A16241" s="1" t="s">
        <v>16535</v>
      </c>
      <c r="B16241" t="s">
        <v>11981</v>
      </c>
      <c r="C16241" t="s">
        <v>16171</v>
      </c>
      <c r="D16241" t="s">
        <v>16594</v>
      </c>
    </row>
    <row r="16242" spans="1:4" x14ac:dyDescent="0.4">
      <c r="A16242" s="1" t="s">
        <v>16494</v>
      </c>
      <c r="B16242" t="s">
        <v>11981</v>
      </c>
      <c r="C16242" t="s">
        <v>16171</v>
      </c>
      <c r="D16242" t="s">
        <v>16595</v>
      </c>
    </row>
    <row r="16243" spans="1:4" x14ac:dyDescent="0.4">
      <c r="A16243" s="1" t="s">
        <v>16535</v>
      </c>
      <c r="B16243" t="s">
        <v>11981</v>
      </c>
      <c r="C16243" t="s">
        <v>16171</v>
      </c>
      <c r="D16243" t="s">
        <v>16596</v>
      </c>
    </row>
    <row r="16244" spans="1:4" x14ac:dyDescent="0.4">
      <c r="A16244" s="1" t="s">
        <v>16535</v>
      </c>
      <c r="B16244" t="s">
        <v>11981</v>
      </c>
      <c r="C16244" t="s">
        <v>16171</v>
      </c>
      <c r="D16244" t="s">
        <v>16597</v>
      </c>
    </row>
    <row r="16245" spans="1:4" x14ac:dyDescent="0.4">
      <c r="A16245" s="1" t="s">
        <v>16494</v>
      </c>
      <c r="B16245" t="s">
        <v>11981</v>
      </c>
      <c r="C16245" t="s">
        <v>16171</v>
      </c>
      <c r="D16245" t="s">
        <v>16598</v>
      </c>
    </row>
    <row r="16246" spans="1:4" x14ac:dyDescent="0.4">
      <c r="A16246" s="1" t="s">
        <v>16494</v>
      </c>
      <c r="B16246" t="s">
        <v>11981</v>
      </c>
      <c r="C16246" t="s">
        <v>16171</v>
      </c>
      <c r="D16246" t="s">
        <v>16599</v>
      </c>
    </row>
    <row r="16247" spans="1:4" x14ac:dyDescent="0.4">
      <c r="A16247" s="1" t="s">
        <v>16494</v>
      </c>
      <c r="B16247" t="s">
        <v>11981</v>
      </c>
      <c r="C16247" t="s">
        <v>16171</v>
      </c>
      <c r="D16247" t="s">
        <v>16600</v>
      </c>
    </row>
    <row r="16248" spans="1:4" x14ac:dyDescent="0.4">
      <c r="A16248" s="1" t="s">
        <v>16494</v>
      </c>
      <c r="B16248" t="s">
        <v>11981</v>
      </c>
      <c r="C16248" t="s">
        <v>16171</v>
      </c>
      <c r="D16248" t="s">
        <v>16601</v>
      </c>
    </row>
    <row r="16249" spans="1:4" x14ac:dyDescent="0.4">
      <c r="A16249" s="1" t="s">
        <v>16494</v>
      </c>
      <c r="B16249" t="s">
        <v>11981</v>
      </c>
      <c r="C16249" t="s">
        <v>16171</v>
      </c>
      <c r="D16249" t="s">
        <v>16602</v>
      </c>
    </row>
    <row r="16250" spans="1:4" x14ac:dyDescent="0.4">
      <c r="A16250" s="1" t="s">
        <v>16494</v>
      </c>
      <c r="B16250" t="s">
        <v>11981</v>
      </c>
      <c r="C16250" t="s">
        <v>16171</v>
      </c>
      <c r="D16250" t="s">
        <v>16603</v>
      </c>
    </row>
    <row r="16251" spans="1:4" x14ac:dyDescent="0.4">
      <c r="A16251" s="1" t="s">
        <v>16498</v>
      </c>
      <c r="B16251" t="s">
        <v>11981</v>
      </c>
      <c r="C16251" t="s">
        <v>16171</v>
      </c>
      <c r="D16251" t="s">
        <v>16604</v>
      </c>
    </row>
    <row r="16252" spans="1:4" x14ac:dyDescent="0.4">
      <c r="A16252" s="1" t="s">
        <v>16535</v>
      </c>
      <c r="B16252" t="s">
        <v>11981</v>
      </c>
      <c r="C16252" t="s">
        <v>16171</v>
      </c>
      <c r="D16252" t="s">
        <v>16605</v>
      </c>
    </row>
    <row r="16253" spans="1:4" x14ac:dyDescent="0.4">
      <c r="A16253" s="1" t="s">
        <v>16505</v>
      </c>
      <c r="B16253" t="s">
        <v>11981</v>
      </c>
      <c r="C16253" t="s">
        <v>16171</v>
      </c>
      <c r="D16253" t="s">
        <v>16606</v>
      </c>
    </row>
    <row r="16254" spans="1:4" x14ac:dyDescent="0.4">
      <c r="A16254" s="1" t="s">
        <v>16535</v>
      </c>
      <c r="B16254" t="s">
        <v>11981</v>
      </c>
      <c r="C16254" t="s">
        <v>16171</v>
      </c>
      <c r="D16254" t="s">
        <v>16607</v>
      </c>
    </row>
    <row r="16255" spans="1:4" x14ac:dyDescent="0.4">
      <c r="A16255" s="1" t="s">
        <v>16535</v>
      </c>
      <c r="B16255" t="s">
        <v>11981</v>
      </c>
      <c r="C16255" t="s">
        <v>16171</v>
      </c>
      <c r="D16255" t="s">
        <v>16608</v>
      </c>
    </row>
    <row r="16256" spans="1:4" x14ac:dyDescent="0.4">
      <c r="A16256" s="1" t="s">
        <v>16496</v>
      </c>
      <c r="B16256" t="s">
        <v>11981</v>
      </c>
      <c r="C16256" t="s">
        <v>16171</v>
      </c>
      <c r="D16256" t="s">
        <v>16609</v>
      </c>
    </row>
    <row r="16257" spans="1:4" x14ac:dyDescent="0.4">
      <c r="A16257" s="1" t="s">
        <v>16494</v>
      </c>
      <c r="B16257" t="s">
        <v>11981</v>
      </c>
      <c r="C16257" t="s">
        <v>16171</v>
      </c>
      <c r="D16257" t="s">
        <v>16610</v>
      </c>
    </row>
    <row r="16258" spans="1:4" x14ac:dyDescent="0.4">
      <c r="A16258" s="1" t="s">
        <v>16611</v>
      </c>
      <c r="B16258" t="s">
        <v>11981</v>
      </c>
      <c r="C16258" t="s">
        <v>16171</v>
      </c>
      <c r="D16258" t="s">
        <v>16612</v>
      </c>
    </row>
    <row r="16259" spans="1:4" x14ac:dyDescent="0.4">
      <c r="A16259" s="1" t="s">
        <v>16613</v>
      </c>
      <c r="B16259" t="s">
        <v>11981</v>
      </c>
      <c r="C16259" t="s">
        <v>16171</v>
      </c>
      <c r="D16259" t="s">
        <v>16614</v>
      </c>
    </row>
    <row r="16260" spans="1:4" x14ac:dyDescent="0.4">
      <c r="A16260" s="1" t="s">
        <v>16615</v>
      </c>
      <c r="B16260" t="s">
        <v>11981</v>
      </c>
      <c r="C16260" t="s">
        <v>16171</v>
      </c>
      <c r="D16260" t="s">
        <v>16616</v>
      </c>
    </row>
    <row r="16261" spans="1:4" x14ac:dyDescent="0.4">
      <c r="A16261" s="1" t="s">
        <v>16617</v>
      </c>
      <c r="B16261" t="s">
        <v>11981</v>
      </c>
      <c r="C16261" t="s">
        <v>16171</v>
      </c>
      <c r="D16261" t="s">
        <v>16618</v>
      </c>
    </row>
    <row r="16262" spans="1:4" x14ac:dyDescent="0.4">
      <c r="A16262" s="1" t="s">
        <v>16619</v>
      </c>
      <c r="B16262" t="s">
        <v>11981</v>
      </c>
      <c r="C16262" t="s">
        <v>16171</v>
      </c>
      <c r="D16262" t="s">
        <v>16620</v>
      </c>
    </row>
    <row r="16263" spans="1:4" x14ac:dyDescent="0.4">
      <c r="A16263" s="1" t="s">
        <v>16621</v>
      </c>
      <c r="B16263" t="s">
        <v>11981</v>
      </c>
      <c r="C16263" t="s">
        <v>16171</v>
      </c>
      <c r="D16263" t="s">
        <v>16622</v>
      </c>
    </row>
    <row r="16264" spans="1:4" x14ac:dyDescent="0.4">
      <c r="A16264" s="1" t="s">
        <v>16623</v>
      </c>
      <c r="B16264" t="s">
        <v>11981</v>
      </c>
      <c r="C16264" t="s">
        <v>16171</v>
      </c>
      <c r="D16264" t="s">
        <v>16624</v>
      </c>
    </row>
    <row r="16265" spans="1:4" x14ac:dyDescent="0.4">
      <c r="A16265" s="1" t="s">
        <v>16625</v>
      </c>
      <c r="B16265" t="s">
        <v>11981</v>
      </c>
      <c r="C16265" t="s">
        <v>16171</v>
      </c>
      <c r="D16265" t="s">
        <v>16626</v>
      </c>
    </row>
    <row r="16266" spans="1:4" x14ac:dyDescent="0.4">
      <c r="A16266" s="1" t="s">
        <v>16627</v>
      </c>
      <c r="B16266" t="s">
        <v>11981</v>
      </c>
      <c r="C16266" t="s">
        <v>16171</v>
      </c>
      <c r="D16266" t="s">
        <v>16628</v>
      </c>
    </row>
    <row r="16267" spans="1:4" x14ac:dyDescent="0.4">
      <c r="A16267" s="1" t="s">
        <v>16629</v>
      </c>
      <c r="B16267" t="s">
        <v>11981</v>
      </c>
      <c r="C16267" t="s">
        <v>16171</v>
      </c>
      <c r="D16267" t="s">
        <v>16630</v>
      </c>
    </row>
    <row r="16268" spans="1:4" x14ac:dyDescent="0.4">
      <c r="A16268" s="1" t="s">
        <v>16631</v>
      </c>
      <c r="B16268" t="s">
        <v>11981</v>
      </c>
      <c r="C16268" t="s">
        <v>16171</v>
      </c>
      <c r="D16268" t="s">
        <v>16632</v>
      </c>
    </row>
    <row r="16269" spans="1:4" x14ac:dyDescent="0.4">
      <c r="A16269" s="1" t="s">
        <v>16633</v>
      </c>
      <c r="B16269" t="s">
        <v>11981</v>
      </c>
      <c r="C16269" t="s">
        <v>16171</v>
      </c>
      <c r="D16269" t="s">
        <v>16634</v>
      </c>
    </row>
    <row r="16270" spans="1:4" x14ac:dyDescent="0.4">
      <c r="A16270" s="1" t="s">
        <v>16635</v>
      </c>
      <c r="B16270" t="s">
        <v>11981</v>
      </c>
      <c r="C16270" t="s">
        <v>16171</v>
      </c>
      <c r="D16270" t="s">
        <v>16636</v>
      </c>
    </row>
    <row r="16271" spans="1:4" x14ac:dyDescent="0.4">
      <c r="A16271" s="1" t="s">
        <v>16637</v>
      </c>
      <c r="B16271" t="s">
        <v>11981</v>
      </c>
      <c r="C16271" t="s">
        <v>16171</v>
      </c>
      <c r="D16271" t="s">
        <v>16638</v>
      </c>
    </row>
    <row r="16272" spans="1:4" x14ac:dyDescent="0.4">
      <c r="A16272" s="1" t="s">
        <v>16639</v>
      </c>
      <c r="B16272" t="s">
        <v>11981</v>
      </c>
      <c r="C16272" t="s">
        <v>16171</v>
      </c>
      <c r="D16272" t="s">
        <v>16640</v>
      </c>
    </row>
    <row r="16273" spans="1:4" x14ac:dyDescent="0.4">
      <c r="A16273" s="1" t="s">
        <v>16641</v>
      </c>
      <c r="B16273" t="s">
        <v>11981</v>
      </c>
      <c r="C16273" t="s">
        <v>16171</v>
      </c>
      <c r="D16273" t="s">
        <v>16642</v>
      </c>
    </row>
    <row r="16274" spans="1:4" x14ac:dyDescent="0.4">
      <c r="A16274" s="1" t="s">
        <v>16643</v>
      </c>
      <c r="B16274" t="s">
        <v>11981</v>
      </c>
      <c r="C16274" t="s">
        <v>16171</v>
      </c>
      <c r="D16274" t="s">
        <v>16644</v>
      </c>
    </row>
    <row r="16275" spans="1:4" x14ac:dyDescent="0.4">
      <c r="A16275" s="1" t="s">
        <v>16645</v>
      </c>
      <c r="B16275" t="s">
        <v>11981</v>
      </c>
      <c r="C16275" t="s">
        <v>16171</v>
      </c>
      <c r="D16275" t="s">
        <v>16646</v>
      </c>
    </row>
    <row r="16276" spans="1:4" x14ac:dyDescent="0.4">
      <c r="A16276" s="1" t="s">
        <v>16647</v>
      </c>
      <c r="B16276" t="s">
        <v>11981</v>
      </c>
      <c r="C16276" t="s">
        <v>16171</v>
      </c>
      <c r="D16276" t="s">
        <v>16648</v>
      </c>
    </row>
    <row r="16277" spans="1:4" x14ac:dyDescent="0.4">
      <c r="A16277" s="1" t="s">
        <v>16649</v>
      </c>
      <c r="B16277" t="s">
        <v>11981</v>
      </c>
      <c r="C16277" t="s">
        <v>16171</v>
      </c>
      <c r="D16277" t="s">
        <v>16650</v>
      </c>
    </row>
    <row r="16278" spans="1:4" x14ac:dyDescent="0.4">
      <c r="A16278" s="1" t="s">
        <v>16651</v>
      </c>
      <c r="B16278" t="s">
        <v>11981</v>
      </c>
      <c r="C16278" t="s">
        <v>16171</v>
      </c>
      <c r="D16278" t="s">
        <v>16652</v>
      </c>
    </row>
    <row r="16279" spans="1:4" x14ac:dyDescent="0.4">
      <c r="A16279" s="1" t="s">
        <v>16653</v>
      </c>
      <c r="B16279" t="s">
        <v>11981</v>
      </c>
      <c r="C16279" t="s">
        <v>16171</v>
      </c>
      <c r="D16279" t="s">
        <v>16654</v>
      </c>
    </row>
    <row r="16280" spans="1:4" x14ac:dyDescent="0.4">
      <c r="A16280" s="1" t="s">
        <v>16655</v>
      </c>
      <c r="B16280" t="s">
        <v>11981</v>
      </c>
      <c r="C16280" t="s">
        <v>16171</v>
      </c>
      <c r="D16280" t="s">
        <v>16656</v>
      </c>
    </row>
    <row r="16281" spans="1:4" x14ac:dyDescent="0.4">
      <c r="A16281" s="1" t="s">
        <v>16657</v>
      </c>
      <c r="B16281" t="s">
        <v>11981</v>
      </c>
      <c r="C16281" t="s">
        <v>16171</v>
      </c>
      <c r="D16281" t="s">
        <v>16658</v>
      </c>
    </row>
    <row r="16282" spans="1:4" x14ac:dyDescent="0.4">
      <c r="A16282" s="1" t="s">
        <v>16659</v>
      </c>
      <c r="B16282" t="s">
        <v>11981</v>
      </c>
      <c r="C16282" t="s">
        <v>16171</v>
      </c>
      <c r="D16282" t="s">
        <v>16660</v>
      </c>
    </row>
    <row r="16283" spans="1:4" x14ac:dyDescent="0.4">
      <c r="A16283" s="1" t="s">
        <v>16661</v>
      </c>
      <c r="B16283" t="s">
        <v>11981</v>
      </c>
      <c r="C16283" t="s">
        <v>16171</v>
      </c>
      <c r="D16283" t="s">
        <v>16662</v>
      </c>
    </row>
    <row r="16284" spans="1:4" x14ac:dyDescent="0.4">
      <c r="A16284" s="1" t="s">
        <v>16663</v>
      </c>
      <c r="B16284" t="s">
        <v>11981</v>
      </c>
      <c r="C16284" t="s">
        <v>16171</v>
      </c>
      <c r="D16284" t="s">
        <v>16664</v>
      </c>
    </row>
    <row r="16285" spans="1:4" x14ac:dyDescent="0.4">
      <c r="A16285" s="1" t="s">
        <v>16665</v>
      </c>
      <c r="B16285" t="s">
        <v>11981</v>
      </c>
      <c r="C16285" t="s">
        <v>16171</v>
      </c>
      <c r="D16285" t="s">
        <v>16666</v>
      </c>
    </row>
    <row r="16286" spans="1:4" x14ac:dyDescent="0.4">
      <c r="A16286" s="1" t="s">
        <v>16667</v>
      </c>
      <c r="B16286" t="s">
        <v>11981</v>
      </c>
      <c r="C16286" t="s">
        <v>16171</v>
      </c>
      <c r="D16286" t="s">
        <v>16668</v>
      </c>
    </row>
    <row r="16287" spans="1:4" x14ac:dyDescent="0.4">
      <c r="A16287" s="1" t="s">
        <v>16669</v>
      </c>
      <c r="B16287" t="s">
        <v>11981</v>
      </c>
      <c r="C16287" t="s">
        <v>16171</v>
      </c>
      <c r="D16287" t="s">
        <v>16670</v>
      </c>
    </row>
    <row r="16288" spans="1:4" x14ac:dyDescent="0.4">
      <c r="A16288" s="1" t="s">
        <v>16671</v>
      </c>
      <c r="B16288" t="s">
        <v>11981</v>
      </c>
      <c r="C16288" t="s">
        <v>16171</v>
      </c>
      <c r="D16288" t="s">
        <v>16672</v>
      </c>
    </row>
    <row r="16289" spans="1:4" x14ac:dyDescent="0.4">
      <c r="A16289" s="1" t="s">
        <v>16673</v>
      </c>
      <c r="B16289" t="s">
        <v>11981</v>
      </c>
      <c r="C16289" t="s">
        <v>16171</v>
      </c>
      <c r="D16289" t="s">
        <v>16674</v>
      </c>
    </row>
    <row r="16290" spans="1:4" x14ac:dyDescent="0.4">
      <c r="A16290" s="1" t="s">
        <v>16675</v>
      </c>
      <c r="B16290" t="s">
        <v>11981</v>
      </c>
      <c r="C16290" t="s">
        <v>16171</v>
      </c>
      <c r="D16290" t="s">
        <v>16676</v>
      </c>
    </row>
    <row r="16291" spans="1:4" x14ac:dyDescent="0.4">
      <c r="A16291" s="1" t="s">
        <v>16677</v>
      </c>
      <c r="B16291" t="s">
        <v>11981</v>
      </c>
      <c r="C16291" t="s">
        <v>16171</v>
      </c>
      <c r="D16291" t="s">
        <v>16678</v>
      </c>
    </row>
    <row r="16292" spans="1:4" x14ac:dyDescent="0.4">
      <c r="A16292" s="1" t="s">
        <v>16679</v>
      </c>
      <c r="B16292" t="s">
        <v>11981</v>
      </c>
      <c r="C16292" t="s">
        <v>16171</v>
      </c>
      <c r="D16292" t="s">
        <v>16680</v>
      </c>
    </row>
    <row r="16293" spans="1:4" x14ac:dyDescent="0.4">
      <c r="A16293" s="1" t="s">
        <v>16681</v>
      </c>
      <c r="B16293" t="s">
        <v>11981</v>
      </c>
      <c r="C16293" t="s">
        <v>16171</v>
      </c>
      <c r="D16293" t="s">
        <v>16682</v>
      </c>
    </row>
    <row r="16294" spans="1:4" x14ac:dyDescent="0.4">
      <c r="A16294" s="1" t="s">
        <v>16683</v>
      </c>
      <c r="B16294" t="s">
        <v>11981</v>
      </c>
      <c r="C16294" t="s">
        <v>16171</v>
      </c>
      <c r="D16294" t="s">
        <v>16684</v>
      </c>
    </row>
    <row r="16295" spans="1:4" x14ac:dyDescent="0.4">
      <c r="A16295" s="1" t="s">
        <v>16685</v>
      </c>
      <c r="B16295" t="s">
        <v>11981</v>
      </c>
      <c r="C16295" t="s">
        <v>16171</v>
      </c>
      <c r="D16295" t="s">
        <v>16686</v>
      </c>
    </row>
    <row r="16296" spans="1:4" x14ac:dyDescent="0.4">
      <c r="A16296" s="1" t="s">
        <v>16687</v>
      </c>
      <c r="B16296" t="s">
        <v>11981</v>
      </c>
      <c r="C16296" t="s">
        <v>16171</v>
      </c>
      <c r="D16296" t="s">
        <v>16688</v>
      </c>
    </row>
    <row r="16297" spans="1:4" x14ac:dyDescent="0.4">
      <c r="A16297" s="1" t="s">
        <v>16689</v>
      </c>
      <c r="B16297" t="s">
        <v>11981</v>
      </c>
      <c r="C16297" t="s">
        <v>16171</v>
      </c>
      <c r="D16297" t="s">
        <v>16690</v>
      </c>
    </row>
    <row r="16298" spans="1:4" x14ac:dyDescent="0.4">
      <c r="A16298" s="1" t="s">
        <v>16691</v>
      </c>
      <c r="B16298" t="s">
        <v>11981</v>
      </c>
      <c r="C16298" t="s">
        <v>16171</v>
      </c>
      <c r="D16298" t="s">
        <v>16692</v>
      </c>
    </row>
    <row r="16299" spans="1:4" x14ac:dyDescent="0.4">
      <c r="A16299" s="1" t="s">
        <v>16693</v>
      </c>
      <c r="B16299" t="s">
        <v>11981</v>
      </c>
      <c r="C16299" t="s">
        <v>16171</v>
      </c>
      <c r="D16299" t="s">
        <v>16694</v>
      </c>
    </row>
    <row r="16300" spans="1:4" x14ac:dyDescent="0.4">
      <c r="A16300" s="1" t="s">
        <v>16695</v>
      </c>
      <c r="B16300" t="s">
        <v>11981</v>
      </c>
      <c r="C16300" t="s">
        <v>16171</v>
      </c>
      <c r="D16300" t="s">
        <v>16696</v>
      </c>
    </row>
    <row r="16301" spans="1:4" x14ac:dyDescent="0.4">
      <c r="A16301" s="1" t="s">
        <v>16697</v>
      </c>
      <c r="B16301" t="s">
        <v>11981</v>
      </c>
      <c r="C16301" t="s">
        <v>16171</v>
      </c>
      <c r="D16301" t="s">
        <v>16698</v>
      </c>
    </row>
    <row r="16302" spans="1:4" x14ac:dyDescent="0.4">
      <c r="A16302" s="1" t="s">
        <v>16699</v>
      </c>
      <c r="B16302" t="s">
        <v>11981</v>
      </c>
      <c r="C16302" t="s">
        <v>16171</v>
      </c>
      <c r="D16302" t="s">
        <v>16700</v>
      </c>
    </row>
    <row r="16303" spans="1:4" x14ac:dyDescent="0.4">
      <c r="A16303" s="1" t="s">
        <v>16701</v>
      </c>
      <c r="B16303" t="s">
        <v>11981</v>
      </c>
      <c r="C16303" t="s">
        <v>16171</v>
      </c>
      <c r="D16303" t="s">
        <v>16702</v>
      </c>
    </row>
    <row r="16304" spans="1:4" x14ac:dyDescent="0.4">
      <c r="A16304" s="1" t="s">
        <v>16703</v>
      </c>
      <c r="B16304" t="s">
        <v>11981</v>
      </c>
      <c r="C16304" t="s">
        <v>16171</v>
      </c>
      <c r="D16304" t="s">
        <v>16704</v>
      </c>
    </row>
    <row r="16305" spans="1:4" x14ac:dyDescent="0.4">
      <c r="A16305" s="1" t="s">
        <v>16705</v>
      </c>
      <c r="B16305" t="s">
        <v>11981</v>
      </c>
      <c r="C16305" t="s">
        <v>16171</v>
      </c>
      <c r="D16305" t="s">
        <v>16706</v>
      </c>
    </row>
    <row r="16306" spans="1:4" x14ac:dyDescent="0.4">
      <c r="A16306" s="1" t="s">
        <v>16707</v>
      </c>
      <c r="B16306" t="s">
        <v>11981</v>
      </c>
      <c r="C16306" t="s">
        <v>16171</v>
      </c>
      <c r="D16306" t="s">
        <v>16708</v>
      </c>
    </row>
    <row r="16307" spans="1:4" x14ac:dyDescent="0.4">
      <c r="A16307" s="1" t="s">
        <v>16709</v>
      </c>
      <c r="B16307" t="s">
        <v>11981</v>
      </c>
      <c r="C16307" t="s">
        <v>16171</v>
      </c>
      <c r="D16307" t="s">
        <v>16710</v>
      </c>
    </row>
    <row r="16308" spans="1:4" x14ac:dyDescent="0.4">
      <c r="A16308" s="1" t="s">
        <v>16711</v>
      </c>
      <c r="B16308" t="s">
        <v>11981</v>
      </c>
      <c r="C16308" t="s">
        <v>16171</v>
      </c>
      <c r="D16308" t="s">
        <v>16712</v>
      </c>
    </row>
    <row r="16309" spans="1:4" x14ac:dyDescent="0.4">
      <c r="A16309" s="1" t="s">
        <v>16713</v>
      </c>
      <c r="B16309" t="s">
        <v>11981</v>
      </c>
      <c r="C16309" t="s">
        <v>16171</v>
      </c>
      <c r="D16309" t="s">
        <v>16714</v>
      </c>
    </row>
    <row r="16310" spans="1:4" x14ac:dyDescent="0.4">
      <c r="A16310" s="1" t="s">
        <v>16715</v>
      </c>
      <c r="B16310" t="s">
        <v>11981</v>
      </c>
      <c r="C16310" t="s">
        <v>16171</v>
      </c>
      <c r="D16310" t="s">
        <v>16716</v>
      </c>
    </row>
    <row r="16311" spans="1:4" x14ac:dyDescent="0.4">
      <c r="A16311" s="1" t="s">
        <v>16717</v>
      </c>
      <c r="B16311" t="s">
        <v>11981</v>
      </c>
      <c r="C16311" t="s">
        <v>16171</v>
      </c>
      <c r="D16311" t="s">
        <v>16718</v>
      </c>
    </row>
    <row r="16312" spans="1:4" x14ac:dyDescent="0.4">
      <c r="A16312" s="1" t="s">
        <v>16719</v>
      </c>
      <c r="B16312" t="s">
        <v>11981</v>
      </c>
      <c r="C16312" t="s">
        <v>16171</v>
      </c>
      <c r="D16312" t="s">
        <v>16720</v>
      </c>
    </row>
    <row r="16313" spans="1:4" x14ac:dyDescent="0.4">
      <c r="A16313" s="1" t="s">
        <v>16721</v>
      </c>
      <c r="B16313" t="s">
        <v>11981</v>
      </c>
      <c r="C16313" t="s">
        <v>16171</v>
      </c>
      <c r="D16313" t="s">
        <v>16722</v>
      </c>
    </row>
    <row r="16314" spans="1:4" x14ac:dyDescent="0.4">
      <c r="A16314" s="1" t="s">
        <v>16723</v>
      </c>
      <c r="B16314" t="s">
        <v>11981</v>
      </c>
      <c r="C16314" t="s">
        <v>16171</v>
      </c>
      <c r="D16314" t="s">
        <v>16724</v>
      </c>
    </row>
    <row r="16315" spans="1:4" x14ac:dyDescent="0.4">
      <c r="A16315" s="1" t="s">
        <v>16725</v>
      </c>
      <c r="B16315" t="s">
        <v>11981</v>
      </c>
      <c r="C16315" t="s">
        <v>16171</v>
      </c>
      <c r="D16315" t="s">
        <v>16726</v>
      </c>
    </row>
    <row r="16316" spans="1:4" x14ac:dyDescent="0.4">
      <c r="A16316" s="1" t="s">
        <v>16727</v>
      </c>
      <c r="B16316" t="s">
        <v>11981</v>
      </c>
      <c r="C16316" t="s">
        <v>16171</v>
      </c>
      <c r="D16316" t="s">
        <v>16728</v>
      </c>
    </row>
    <row r="16317" spans="1:4" x14ac:dyDescent="0.4">
      <c r="A16317" s="1" t="s">
        <v>16729</v>
      </c>
      <c r="B16317" t="s">
        <v>11981</v>
      </c>
      <c r="C16317" t="s">
        <v>16171</v>
      </c>
      <c r="D16317" t="s">
        <v>16730</v>
      </c>
    </row>
    <row r="16318" spans="1:4" x14ac:dyDescent="0.4">
      <c r="A16318" s="1" t="s">
        <v>16731</v>
      </c>
      <c r="B16318" t="s">
        <v>11981</v>
      </c>
      <c r="C16318" t="s">
        <v>16171</v>
      </c>
      <c r="D16318" t="s">
        <v>16732</v>
      </c>
    </row>
    <row r="16319" spans="1:4" x14ac:dyDescent="0.4">
      <c r="A16319" s="1" t="s">
        <v>16733</v>
      </c>
      <c r="B16319" t="s">
        <v>11981</v>
      </c>
      <c r="C16319" t="s">
        <v>16171</v>
      </c>
      <c r="D16319" t="s">
        <v>16734</v>
      </c>
    </row>
    <row r="16320" spans="1:4" x14ac:dyDescent="0.4">
      <c r="A16320" s="1" t="s">
        <v>16735</v>
      </c>
      <c r="B16320" t="s">
        <v>11981</v>
      </c>
      <c r="C16320" t="s">
        <v>16171</v>
      </c>
      <c r="D16320" t="s">
        <v>16736</v>
      </c>
    </row>
    <row r="16321" spans="1:4" x14ac:dyDescent="0.4">
      <c r="A16321" s="1" t="s">
        <v>16737</v>
      </c>
      <c r="B16321" t="s">
        <v>11981</v>
      </c>
      <c r="C16321" t="s">
        <v>16171</v>
      </c>
      <c r="D16321" t="s">
        <v>16738</v>
      </c>
    </row>
    <row r="16322" spans="1:4" x14ac:dyDescent="0.4">
      <c r="A16322" s="1" t="s">
        <v>16739</v>
      </c>
      <c r="B16322" t="s">
        <v>11981</v>
      </c>
      <c r="C16322" t="s">
        <v>16171</v>
      </c>
      <c r="D16322" t="s">
        <v>16740</v>
      </c>
    </row>
    <row r="16323" spans="1:4" x14ac:dyDescent="0.4">
      <c r="A16323" s="1" t="s">
        <v>16741</v>
      </c>
      <c r="B16323" t="s">
        <v>11981</v>
      </c>
      <c r="C16323" t="s">
        <v>16171</v>
      </c>
      <c r="D16323" t="s">
        <v>16742</v>
      </c>
    </row>
    <row r="16324" spans="1:4" x14ac:dyDescent="0.4">
      <c r="A16324" s="1" t="s">
        <v>16743</v>
      </c>
      <c r="B16324" t="s">
        <v>11981</v>
      </c>
      <c r="C16324" t="s">
        <v>16171</v>
      </c>
      <c r="D16324" t="s">
        <v>16744</v>
      </c>
    </row>
    <row r="16325" spans="1:4" x14ac:dyDescent="0.4">
      <c r="A16325" s="1" t="s">
        <v>16745</v>
      </c>
      <c r="B16325" t="s">
        <v>11981</v>
      </c>
      <c r="C16325" t="s">
        <v>16171</v>
      </c>
      <c r="D16325" t="s">
        <v>16746</v>
      </c>
    </row>
    <row r="16326" spans="1:4" x14ac:dyDescent="0.4">
      <c r="A16326" s="1" t="s">
        <v>16747</v>
      </c>
      <c r="B16326" t="s">
        <v>11981</v>
      </c>
      <c r="C16326" t="s">
        <v>16171</v>
      </c>
      <c r="D16326" t="s">
        <v>16748</v>
      </c>
    </row>
    <row r="16327" spans="1:4" x14ac:dyDescent="0.4">
      <c r="A16327" s="1" t="s">
        <v>16749</v>
      </c>
      <c r="B16327" t="s">
        <v>11981</v>
      </c>
      <c r="C16327" t="s">
        <v>16171</v>
      </c>
      <c r="D16327" t="s">
        <v>16750</v>
      </c>
    </row>
    <row r="16328" spans="1:4" x14ac:dyDescent="0.4">
      <c r="A16328" s="1" t="s">
        <v>16751</v>
      </c>
      <c r="B16328" t="s">
        <v>11981</v>
      </c>
      <c r="C16328" t="s">
        <v>16171</v>
      </c>
      <c r="D16328" t="s">
        <v>16752</v>
      </c>
    </row>
    <row r="16329" spans="1:4" x14ac:dyDescent="0.4">
      <c r="A16329" s="1" t="s">
        <v>16753</v>
      </c>
      <c r="B16329" t="s">
        <v>11981</v>
      </c>
      <c r="C16329" t="s">
        <v>16171</v>
      </c>
      <c r="D16329" t="s">
        <v>16754</v>
      </c>
    </row>
    <row r="16330" spans="1:4" x14ac:dyDescent="0.4">
      <c r="A16330" s="1" t="s">
        <v>16755</v>
      </c>
      <c r="B16330" t="s">
        <v>11981</v>
      </c>
      <c r="C16330" t="s">
        <v>16171</v>
      </c>
      <c r="D16330" t="s">
        <v>16756</v>
      </c>
    </row>
    <row r="16331" spans="1:4" x14ac:dyDescent="0.4">
      <c r="A16331" s="1" t="s">
        <v>16757</v>
      </c>
      <c r="B16331" t="s">
        <v>11981</v>
      </c>
      <c r="C16331" t="s">
        <v>16171</v>
      </c>
      <c r="D16331" t="s">
        <v>16758</v>
      </c>
    </row>
    <row r="16332" spans="1:4" x14ac:dyDescent="0.4">
      <c r="A16332" s="1" t="s">
        <v>16759</v>
      </c>
      <c r="B16332" t="s">
        <v>11981</v>
      </c>
      <c r="C16332" t="s">
        <v>16171</v>
      </c>
      <c r="D16332" t="s">
        <v>16760</v>
      </c>
    </row>
    <row r="16333" spans="1:4" x14ac:dyDescent="0.4">
      <c r="A16333" s="1" t="s">
        <v>16761</v>
      </c>
      <c r="B16333" t="s">
        <v>11981</v>
      </c>
      <c r="C16333" t="s">
        <v>16171</v>
      </c>
      <c r="D16333" t="s">
        <v>16762</v>
      </c>
    </row>
    <row r="16334" spans="1:4" x14ac:dyDescent="0.4">
      <c r="A16334" s="1" t="s">
        <v>16763</v>
      </c>
      <c r="B16334" t="s">
        <v>11981</v>
      </c>
      <c r="C16334" t="s">
        <v>16171</v>
      </c>
      <c r="D16334" t="s">
        <v>16764</v>
      </c>
    </row>
    <row r="16335" spans="1:4" x14ac:dyDescent="0.4">
      <c r="A16335" s="1" t="s">
        <v>16765</v>
      </c>
      <c r="B16335" t="s">
        <v>11981</v>
      </c>
      <c r="C16335" t="s">
        <v>16171</v>
      </c>
      <c r="D16335" t="s">
        <v>16766</v>
      </c>
    </row>
    <row r="16336" spans="1:4" x14ac:dyDescent="0.4">
      <c r="A16336" s="1" t="s">
        <v>16767</v>
      </c>
      <c r="B16336" t="s">
        <v>11981</v>
      </c>
      <c r="C16336" t="s">
        <v>16171</v>
      </c>
      <c r="D16336" t="s">
        <v>16768</v>
      </c>
    </row>
    <row r="16337" spans="1:4" x14ac:dyDescent="0.4">
      <c r="A16337" s="1" t="s">
        <v>16769</v>
      </c>
      <c r="B16337" t="s">
        <v>11981</v>
      </c>
      <c r="C16337" t="s">
        <v>16171</v>
      </c>
      <c r="D16337" t="s">
        <v>16770</v>
      </c>
    </row>
    <row r="16338" spans="1:4" x14ac:dyDescent="0.4">
      <c r="A16338" s="1" t="s">
        <v>16771</v>
      </c>
      <c r="B16338" t="s">
        <v>11981</v>
      </c>
      <c r="C16338" t="s">
        <v>16171</v>
      </c>
      <c r="D16338" t="s">
        <v>16772</v>
      </c>
    </row>
    <row r="16339" spans="1:4" x14ac:dyDescent="0.4">
      <c r="A16339" s="1" t="s">
        <v>16773</v>
      </c>
      <c r="B16339" t="s">
        <v>11981</v>
      </c>
      <c r="C16339" t="s">
        <v>16171</v>
      </c>
      <c r="D16339" t="s">
        <v>16774</v>
      </c>
    </row>
    <row r="16340" spans="1:4" x14ac:dyDescent="0.4">
      <c r="A16340" s="1" t="s">
        <v>16775</v>
      </c>
      <c r="B16340" t="s">
        <v>11981</v>
      </c>
      <c r="C16340" t="s">
        <v>16171</v>
      </c>
      <c r="D16340" t="s">
        <v>16776</v>
      </c>
    </row>
    <row r="16341" spans="1:4" x14ac:dyDescent="0.4">
      <c r="A16341" s="1" t="s">
        <v>16777</v>
      </c>
      <c r="B16341" t="s">
        <v>11981</v>
      </c>
      <c r="C16341" t="s">
        <v>16171</v>
      </c>
      <c r="D16341" t="s">
        <v>16778</v>
      </c>
    </row>
    <row r="16342" spans="1:4" x14ac:dyDescent="0.4">
      <c r="A16342" s="1" t="s">
        <v>16779</v>
      </c>
      <c r="B16342" t="s">
        <v>11981</v>
      </c>
      <c r="C16342" t="s">
        <v>16171</v>
      </c>
      <c r="D16342" t="s">
        <v>16780</v>
      </c>
    </row>
    <row r="16343" spans="1:4" x14ac:dyDescent="0.4">
      <c r="A16343" s="1" t="s">
        <v>16781</v>
      </c>
      <c r="B16343" t="s">
        <v>11981</v>
      </c>
      <c r="C16343" t="s">
        <v>16171</v>
      </c>
      <c r="D16343" t="s">
        <v>16782</v>
      </c>
    </row>
    <row r="16344" spans="1:4" x14ac:dyDescent="0.4">
      <c r="A16344" s="1" t="s">
        <v>16783</v>
      </c>
      <c r="B16344" t="s">
        <v>11981</v>
      </c>
      <c r="C16344" t="s">
        <v>16171</v>
      </c>
      <c r="D16344" t="s">
        <v>16784</v>
      </c>
    </row>
    <row r="16345" spans="1:4" x14ac:dyDescent="0.4">
      <c r="A16345" s="1" t="s">
        <v>16785</v>
      </c>
      <c r="B16345" t="s">
        <v>11981</v>
      </c>
      <c r="C16345" t="s">
        <v>16171</v>
      </c>
      <c r="D16345" t="s">
        <v>16786</v>
      </c>
    </row>
    <row r="16346" spans="1:4" x14ac:dyDescent="0.4">
      <c r="A16346" s="1" t="s">
        <v>16787</v>
      </c>
      <c r="B16346" t="s">
        <v>11981</v>
      </c>
      <c r="C16346" t="s">
        <v>16171</v>
      </c>
      <c r="D16346" t="s">
        <v>16788</v>
      </c>
    </row>
    <row r="16347" spans="1:4" x14ac:dyDescent="0.4">
      <c r="A16347" s="1" t="s">
        <v>16789</v>
      </c>
      <c r="B16347" t="s">
        <v>11981</v>
      </c>
      <c r="C16347" t="s">
        <v>16171</v>
      </c>
      <c r="D16347" t="s">
        <v>16790</v>
      </c>
    </row>
    <row r="16348" spans="1:4" x14ac:dyDescent="0.4">
      <c r="A16348" s="1" t="s">
        <v>16791</v>
      </c>
      <c r="B16348" t="s">
        <v>11981</v>
      </c>
      <c r="C16348" t="s">
        <v>16171</v>
      </c>
      <c r="D16348" t="s">
        <v>16792</v>
      </c>
    </row>
    <row r="16349" spans="1:4" x14ac:dyDescent="0.4">
      <c r="A16349" s="1" t="s">
        <v>16793</v>
      </c>
      <c r="B16349" t="s">
        <v>11981</v>
      </c>
      <c r="C16349" t="s">
        <v>16171</v>
      </c>
      <c r="D16349" t="s">
        <v>16794</v>
      </c>
    </row>
    <row r="16350" spans="1:4" x14ac:dyDescent="0.4">
      <c r="A16350" s="1" t="s">
        <v>16795</v>
      </c>
      <c r="B16350" t="s">
        <v>11981</v>
      </c>
      <c r="C16350" t="s">
        <v>16171</v>
      </c>
      <c r="D16350" t="s">
        <v>16796</v>
      </c>
    </row>
    <row r="16351" spans="1:4" x14ac:dyDescent="0.4">
      <c r="A16351" s="1" t="s">
        <v>16797</v>
      </c>
      <c r="B16351" t="s">
        <v>11981</v>
      </c>
      <c r="C16351" t="s">
        <v>16171</v>
      </c>
      <c r="D16351" t="s">
        <v>16798</v>
      </c>
    </row>
    <row r="16352" spans="1:4" x14ac:dyDescent="0.4">
      <c r="A16352" s="1" t="s">
        <v>16799</v>
      </c>
      <c r="B16352" t="s">
        <v>11981</v>
      </c>
      <c r="C16352" t="s">
        <v>16171</v>
      </c>
      <c r="D16352" t="s">
        <v>16800</v>
      </c>
    </row>
    <row r="16353" spans="1:4" x14ac:dyDescent="0.4">
      <c r="A16353" s="1" t="s">
        <v>16801</v>
      </c>
      <c r="B16353" t="s">
        <v>11981</v>
      </c>
      <c r="C16353" t="s">
        <v>16171</v>
      </c>
      <c r="D16353" t="s">
        <v>16802</v>
      </c>
    </row>
    <row r="16354" spans="1:4" x14ac:dyDescent="0.4">
      <c r="A16354" s="1" t="s">
        <v>16803</v>
      </c>
      <c r="B16354" t="s">
        <v>11981</v>
      </c>
      <c r="C16354" t="s">
        <v>16171</v>
      </c>
      <c r="D16354" t="s">
        <v>16804</v>
      </c>
    </row>
    <row r="16355" spans="1:4" x14ac:dyDescent="0.4">
      <c r="A16355" s="1" t="s">
        <v>16805</v>
      </c>
      <c r="B16355" t="s">
        <v>11981</v>
      </c>
      <c r="C16355" t="s">
        <v>16171</v>
      </c>
      <c r="D16355" t="s">
        <v>16806</v>
      </c>
    </row>
    <row r="16356" spans="1:4" x14ac:dyDescent="0.4">
      <c r="A16356" s="1" t="s">
        <v>16807</v>
      </c>
      <c r="B16356" t="s">
        <v>11981</v>
      </c>
      <c r="C16356" t="s">
        <v>16171</v>
      </c>
      <c r="D16356" t="s">
        <v>16808</v>
      </c>
    </row>
    <row r="16357" spans="1:4" x14ac:dyDescent="0.4">
      <c r="A16357" s="1" t="s">
        <v>16809</v>
      </c>
      <c r="B16357" t="s">
        <v>11981</v>
      </c>
      <c r="C16357" t="s">
        <v>16171</v>
      </c>
      <c r="D16357" t="s">
        <v>16810</v>
      </c>
    </row>
    <row r="16358" spans="1:4" x14ac:dyDescent="0.4">
      <c r="A16358" s="1" t="s">
        <v>16811</v>
      </c>
      <c r="B16358" t="s">
        <v>11981</v>
      </c>
      <c r="C16358" t="s">
        <v>16171</v>
      </c>
      <c r="D16358" t="s">
        <v>16812</v>
      </c>
    </row>
    <row r="16359" spans="1:4" x14ac:dyDescent="0.4">
      <c r="A16359" s="1" t="s">
        <v>16813</v>
      </c>
      <c r="B16359" t="s">
        <v>11981</v>
      </c>
      <c r="C16359" t="s">
        <v>16171</v>
      </c>
      <c r="D16359" t="s">
        <v>16814</v>
      </c>
    </row>
    <row r="16360" spans="1:4" x14ac:dyDescent="0.4">
      <c r="A16360" s="1" t="s">
        <v>16815</v>
      </c>
      <c r="B16360" t="s">
        <v>11981</v>
      </c>
      <c r="C16360" t="s">
        <v>16171</v>
      </c>
      <c r="D16360" t="s">
        <v>16816</v>
      </c>
    </row>
    <row r="16361" spans="1:4" x14ac:dyDescent="0.4">
      <c r="A16361" s="1" t="s">
        <v>16817</v>
      </c>
      <c r="B16361" t="s">
        <v>11981</v>
      </c>
      <c r="C16361" t="s">
        <v>16171</v>
      </c>
      <c r="D16361" t="s">
        <v>16818</v>
      </c>
    </row>
    <row r="16362" spans="1:4" x14ac:dyDescent="0.4">
      <c r="A16362" s="1" t="s">
        <v>16819</v>
      </c>
      <c r="B16362" t="s">
        <v>11981</v>
      </c>
      <c r="C16362" t="s">
        <v>16171</v>
      </c>
      <c r="D16362" t="s">
        <v>16820</v>
      </c>
    </row>
    <row r="16363" spans="1:4" x14ac:dyDescent="0.4">
      <c r="A16363" s="1" t="s">
        <v>16821</v>
      </c>
      <c r="B16363" t="s">
        <v>11981</v>
      </c>
      <c r="C16363" t="s">
        <v>16171</v>
      </c>
      <c r="D16363" t="s">
        <v>16822</v>
      </c>
    </row>
    <row r="16364" spans="1:4" x14ac:dyDescent="0.4">
      <c r="A16364" s="1" t="s">
        <v>16823</v>
      </c>
      <c r="B16364" t="s">
        <v>11981</v>
      </c>
      <c r="C16364" t="s">
        <v>16171</v>
      </c>
      <c r="D16364" t="s">
        <v>16824</v>
      </c>
    </row>
    <row r="16365" spans="1:4" x14ac:dyDescent="0.4">
      <c r="A16365" s="1" t="s">
        <v>16825</v>
      </c>
      <c r="B16365" t="s">
        <v>11981</v>
      </c>
      <c r="C16365" t="s">
        <v>16171</v>
      </c>
      <c r="D16365" t="s">
        <v>16826</v>
      </c>
    </row>
    <row r="16366" spans="1:4" x14ac:dyDescent="0.4">
      <c r="A16366" s="1" t="s">
        <v>16827</v>
      </c>
      <c r="B16366" t="s">
        <v>11981</v>
      </c>
      <c r="C16366" t="s">
        <v>16171</v>
      </c>
      <c r="D16366" t="s">
        <v>16828</v>
      </c>
    </row>
    <row r="16367" spans="1:4" x14ac:dyDescent="0.4">
      <c r="A16367" s="1" t="s">
        <v>16829</v>
      </c>
      <c r="B16367" t="s">
        <v>11981</v>
      </c>
      <c r="C16367" t="s">
        <v>16171</v>
      </c>
      <c r="D16367" t="s">
        <v>16830</v>
      </c>
    </row>
    <row r="16368" spans="1:4" x14ac:dyDescent="0.4">
      <c r="A16368" s="1" t="s">
        <v>16831</v>
      </c>
      <c r="B16368" t="s">
        <v>11981</v>
      </c>
      <c r="C16368" t="s">
        <v>16171</v>
      </c>
      <c r="D16368" t="s">
        <v>16832</v>
      </c>
    </row>
    <row r="16369" spans="1:4" x14ac:dyDescent="0.4">
      <c r="A16369" s="1" t="s">
        <v>16833</v>
      </c>
      <c r="B16369" t="s">
        <v>11981</v>
      </c>
      <c r="C16369" t="s">
        <v>16171</v>
      </c>
      <c r="D16369" t="s">
        <v>16834</v>
      </c>
    </row>
    <row r="16370" spans="1:4" x14ac:dyDescent="0.4">
      <c r="A16370" s="1" t="s">
        <v>16835</v>
      </c>
      <c r="B16370" t="s">
        <v>11981</v>
      </c>
      <c r="C16370" t="s">
        <v>16171</v>
      </c>
      <c r="D16370" t="s">
        <v>16836</v>
      </c>
    </row>
    <row r="16371" spans="1:4" x14ac:dyDescent="0.4">
      <c r="A16371" s="1" t="s">
        <v>16837</v>
      </c>
      <c r="B16371" t="s">
        <v>11981</v>
      </c>
      <c r="C16371" t="s">
        <v>16171</v>
      </c>
      <c r="D16371" t="s">
        <v>16838</v>
      </c>
    </row>
    <row r="16372" spans="1:4" x14ac:dyDescent="0.4">
      <c r="A16372" s="1" t="s">
        <v>16839</v>
      </c>
      <c r="B16372" t="s">
        <v>11981</v>
      </c>
      <c r="C16372" t="s">
        <v>16171</v>
      </c>
      <c r="D16372" t="s">
        <v>16840</v>
      </c>
    </row>
    <row r="16373" spans="1:4" x14ac:dyDescent="0.4">
      <c r="A16373" s="1" t="s">
        <v>16841</v>
      </c>
      <c r="B16373" t="s">
        <v>11981</v>
      </c>
      <c r="C16373" t="s">
        <v>16171</v>
      </c>
      <c r="D16373" t="s">
        <v>16842</v>
      </c>
    </row>
    <row r="16374" spans="1:4" x14ac:dyDescent="0.4">
      <c r="A16374" s="1" t="s">
        <v>16843</v>
      </c>
      <c r="B16374" t="s">
        <v>11981</v>
      </c>
      <c r="C16374" t="s">
        <v>16171</v>
      </c>
      <c r="D16374" t="s">
        <v>16844</v>
      </c>
    </row>
    <row r="16375" spans="1:4" x14ac:dyDescent="0.4">
      <c r="A16375" s="1" t="s">
        <v>16845</v>
      </c>
      <c r="B16375" t="s">
        <v>11981</v>
      </c>
      <c r="C16375" t="s">
        <v>16171</v>
      </c>
      <c r="D16375" t="s">
        <v>16846</v>
      </c>
    </row>
    <row r="16376" spans="1:4" x14ac:dyDescent="0.4">
      <c r="A16376" s="1" t="s">
        <v>16847</v>
      </c>
      <c r="B16376" t="s">
        <v>11981</v>
      </c>
      <c r="C16376" t="s">
        <v>16171</v>
      </c>
      <c r="D16376" t="s">
        <v>16848</v>
      </c>
    </row>
    <row r="16377" spans="1:4" x14ac:dyDescent="0.4">
      <c r="A16377" s="1" t="s">
        <v>16849</v>
      </c>
      <c r="B16377" t="s">
        <v>11981</v>
      </c>
      <c r="C16377" t="s">
        <v>16171</v>
      </c>
      <c r="D16377" t="s">
        <v>16850</v>
      </c>
    </row>
    <row r="16378" spans="1:4" x14ac:dyDescent="0.4">
      <c r="A16378" s="1" t="s">
        <v>16851</v>
      </c>
      <c r="B16378" t="s">
        <v>11981</v>
      </c>
      <c r="C16378" t="s">
        <v>16171</v>
      </c>
      <c r="D16378" t="s">
        <v>16852</v>
      </c>
    </row>
    <row r="16379" spans="1:4" x14ac:dyDescent="0.4">
      <c r="A16379" s="1" t="s">
        <v>16853</v>
      </c>
      <c r="B16379" t="s">
        <v>11981</v>
      </c>
      <c r="C16379" t="s">
        <v>16171</v>
      </c>
      <c r="D16379" t="s">
        <v>16854</v>
      </c>
    </row>
    <row r="16380" spans="1:4" x14ac:dyDescent="0.4">
      <c r="A16380" s="1" t="s">
        <v>16855</v>
      </c>
      <c r="B16380" t="s">
        <v>11981</v>
      </c>
      <c r="C16380" t="s">
        <v>16171</v>
      </c>
      <c r="D16380" t="s">
        <v>16856</v>
      </c>
    </row>
    <row r="16381" spans="1:4" x14ac:dyDescent="0.4">
      <c r="A16381" s="1" t="s">
        <v>16857</v>
      </c>
      <c r="B16381" t="s">
        <v>11981</v>
      </c>
      <c r="C16381" t="s">
        <v>16171</v>
      </c>
      <c r="D16381" t="s">
        <v>16858</v>
      </c>
    </row>
    <row r="16382" spans="1:4" x14ac:dyDescent="0.4">
      <c r="A16382" s="1" t="s">
        <v>16859</v>
      </c>
      <c r="B16382" t="s">
        <v>11981</v>
      </c>
      <c r="C16382" t="s">
        <v>16171</v>
      </c>
      <c r="D16382" t="s">
        <v>16860</v>
      </c>
    </row>
    <row r="16383" spans="1:4" x14ac:dyDescent="0.4">
      <c r="A16383" s="1" t="s">
        <v>16861</v>
      </c>
      <c r="B16383" t="s">
        <v>11981</v>
      </c>
      <c r="C16383" t="s">
        <v>16171</v>
      </c>
      <c r="D16383" t="s">
        <v>16862</v>
      </c>
    </row>
    <row r="16384" spans="1:4" x14ac:dyDescent="0.4">
      <c r="A16384" s="1" t="s">
        <v>16863</v>
      </c>
      <c r="B16384" t="s">
        <v>11981</v>
      </c>
      <c r="C16384" t="s">
        <v>16171</v>
      </c>
      <c r="D16384" t="s">
        <v>16864</v>
      </c>
    </row>
    <row r="16385" spans="1:4" x14ac:dyDescent="0.4">
      <c r="A16385" s="1" t="s">
        <v>16865</v>
      </c>
      <c r="B16385" t="s">
        <v>11981</v>
      </c>
      <c r="C16385" t="s">
        <v>16171</v>
      </c>
      <c r="D16385" t="s">
        <v>16866</v>
      </c>
    </row>
    <row r="16386" spans="1:4" x14ac:dyDescent="0.4">
      <c r="A16386" s="1" t="s">
        <v>16867</v>
      </c>
      <c r="B16386" t="s">
        <v>11981</v>
      </c>
      <c r="C16386" t="s">
        <v>16171</v>
      </c>
      <c r="D16386" t="s">
        <v>16868</v>
      </c>
    </row>
    <row r="16387" spans="1:4" x14ac:dyDescent="0.4">
      <c r="A16387" s="1" t="s">
        <v>16869</v>
      </c>
      <c r="B16387" t="s">
        <v>11981</v>
      </c>
      <c r="C16387" t="s">
        <v>16171</v>
      </c>
      <c r="D16387" t="s">
        <v>16870</v>
      </c>
    </row>
    <row r="16388" spans="1:4" x14ac:dyDescent="0.4">
      <c r="A16388" s="1" t="s">
        <v>16871</v>
      </c>
      <c r="B16388" t="s">
        <v>11981</v>
      </c>
      <c r="C16388" t="s">
        <v>16171</v>
      </c>
      <c r="D16388" t="s">
        <v>16872</v>
      </c>
    </row>
    <row r="16389" spans="1:4" x14ac:dyDescent="0.4">
      <c r="A16389" s="1" t="s">
        <v>16873</v>
      </c>
      <c r="B16389" t="s">
        <v>11981</v>
      </c>
      <c r="C16389" t="s">
        <v>16171</v>
      </c>
      <c r="D16389" t="s">
        <v>16874</v>
      </c>
    </row>
    <row r="16390" spans="1:4" x14ac:dyDescent="0.4">
      <c r="A16390" s="1" t="s">
        <v>16875</v>
      </c>
      <c r="B16390" t="s">
        <v>11981</v>
      </c>
      <c r="C16390" t="s">
        <v>16171</v>
      </c>
      <c r="D16390" t="s">
        <v>16876</v>
      </c>
    </row>
    <row r="16391" spans="1:4" x14ac:dyDescent="0.4">
      <c r="A16391" s="1" t="s">
        <v>16877</v>
      </c>
      <c r="B16391" t="s">
        <v>11981</v>
      </c>
      <c r="C16391" t="s">
        <v>16171</v>
      </c>
      <c r="D16391" t="s">
        <v>16878</v>
      </c>
    </row>
    <row r="16392" spans="1:4" x14ac:dyDescent="0.4">
      <c r="A16392" s="1" t="s">
        <v>16879</v>
      </c>
      <c r="B16392" t="s">
        <v>11981</v>
      </c>
      <c r="C16392" t="s">
        <v>16171</v>
      </c>
      <c r="D16392" t="s">
        <v>16880</v>
      </c>
    </row>
    <row r="16393" spans="1:4" x14ac:dyDescent="0.4">
      <c r="A16393" s="1" t="s">
        <v>16881</v>
      </c>
      <c r="B16393" t="s">
        <v>11981</v>
      </c>
      <c r="C16393" t="s">
        <v>16171</v>
      </c>
      <c r="D16393" t="s">
        <v>16882</v>
      </c>
    </row>
    <row r="16394" spans="1:4" x14ac:dyDescent="0.4">
      <c r="A16394" s="1" t="s">
        <v>16883</v>
      </c>
      <c r="B16394" t="s">
        <v>11981</v>
      </c>
      <c r="C16394" t="s">
        <v>16171</v>
      </c>
      <c r="D16394" t="s">
        <v>16884</v>
      </c>
    </row>
    <row r="16395" spans="1:4" x14ac:dyDescent="0.4">
      <c r="A16395" s="1" t="s">
        <v>16885</v>
      </c>
      <c r="B16395" t="s">
        <v>11981</v>
      </c>
      <c r="C16395" t="s">
        <v>16171</v>
      </c>
      <c r="D16395" t="s">
        <v>16886</v>
      </c>
    </row>
    <row r="16396" spans="1:4" x14ac:dyDescent="0.4">
      <c r="A16396" s="1" t="s">
        <v>16887</v>
      </c>
      <c r="B16396" t="s">
        <v>11981</v>
      </c>
      <c r="C16396" t="s">
        <v>16171</v>
      </c>
      <c r="D16396" t="s">
        <v>16888</v>
      </c>
    </row>
    <row r="16397" spans="1:4" x14ac:dyDescent="0.4">
      <c r="A16397" s="1" t="s">
        <v>16889</v>
      </c>
      <c r="B16397" t="s">
        <v>11981</v>
      </c>
      <c r="C16397" t="s">
        <v>16171</v>
      </c>
      <c r="D16397" t="s">
        <v>16890</v>
      </c>
    </row>
    <row r="16398" spans="1:4" x14ac:dyDescent="0.4">
      <c r="A16398" s="1" t="s">
        <v>16891</v>
      </c>
      <c r="B16398" t="s">
        <v>11981</v>
      </c>
      <c r="C16398" t="s">
        <v>16171</v>
      </c>
      <c r="D16398" t="s">
        <v>16892</v>
      </c>
    </row>
    <row r="16399" spans="1:4" x14ac:dyDescent="0.4">
      <c r="A16399" s="1" t="s">
        <v>16893</v>
      </c>
      <c r="B16399" t="s">
        <v>11981</v>
      </c>
      <c r="C16399" t="s">
        <v>16171</v>
      </c>
      <c r="D16399" t="s">
        <v>16894</v>
      </c>
    </row>
    <row r="16400" spans="1:4" x14ac:dyDescent="0.4">
      <c r="A16400" s="1" t="s">
        <v>16895</v>
      </c>
      <c r="B16400" t="s">
        <v>11981</v>
      </c>
      <c r="C16400" t="s">
        <v>16171</v>
      </c>
      <c r="D16400" t="s">
        <v>16896</v>
      </c>
    </row>
    <row r="16401" spans="1:4" x14ac:dyDescent="0.4">
      <c r="A16401" s="1" t="s">
        <v>16897</v>
      </c>
      <c r="B16401" t="s">
        <v>11981</v>
      </c>
      <c r="C16401" t="s">
        <v>16171</v>
      </c>
      <c r="D16401" t="s">
        <v>16898</v>
      </c>
    </row>
    <row r="16402" spans="1:4" x14ac:dyDescent="0.4">
      <c r="A16402" s="1" t="s">
        <v>16899</v>
      </c>
      <c r="B16402" t="s">
        <v>11981</v>
      </c>
      <c r="C16402" t="s">
        <v>16171</v>
      </c>
      <c r="D16402" t="s">
        <v>16900</v>
      </c>
    </row>
    <row r="16403" spans="1:4" x14ac:dyDescent="0.4">
      <c r="A16403" s="1" t="s">
        <v>16901</v>
      </c>
      <c r="B16403" t="s">
        <v>11981</v>
      </c>
      <c r="C16403" t="s">
        <v>16902</v>
      </c>
    </row>
    <row r="16404" spans="1:4" x14ac:dyDescent="0.4">
      <c r="A16404" s="1" t="s">
        <v>16903</v>
      </c>
      <c r="B16404" t="s">
        <v>11981</v>
      </c>
      <c r="C16404" t="s">
        <v>16902</v>
      </c>
      <c r="D16404" t="s">
        <v>8169</v>
      </c>
    </row>
    <row r="16405" spans="1:4" x14ac:dyDescent="0.4">
      <c r="A16405" s="1" t="s">
        <v>16904</v>
      </c>
      <c r="B16405" t="s">
        <v>11981</v>
      </c>
      <c r="C16405" t="s">
        <v>16902</v>
      </c>
      <c r="D16405" t="s">
        <v>16905</v>
      </c>
    </row>
    <row r="16406" spans="1:4" x14ac:dyDescent="0.4">
      <c r="A16406" s="1" t="s">
        <v>16906</v>
      </c>
      <c r="B16406" t="s">
        <v>11981</v>
      </c>
      <c r="C16406" t="s">
        <v>16902</v>
      </c>
      <c r="D16406" t="s">
        <v>533</v>
      </c>
    </row>
    <row r="16407" spans="1:4" x14ac:dyDescent="0.4">
      <c r="A16407" s="1" t="s">
        <v>16907</v>
      </c>
      <c r="B16407" t="s">
        <v>11981</v>
      </c>
      <c r="C16407" t="s">
        <v>16902</v>
      </c>
      <c r="D16407" t="s">
        <v>16908</v>
      </c>
    </row>
    <row r="16408" spans="1:4" x14ac:dyDescent="0.4">
      <c r="A16408" s="1" t="s">
        <v>16909</v>
      </c>
      <c r="B16408" t="s">
        <v>11981</v>
      </c>
      <c r="C16408" t="s">
        <v>16902</v>
      </c>
      <c r="D16408" t="s">
        <v>16910</v>
      </c>
    </row>
    <row r="16409" spans="1:4" x14ac:dyDescent="0.4">
      <c r="A16409" s="1" t="s">
        <v>16911</v>
      </c>
      <c r="B16409" t="s">
        <v>11981</v>
      </c>
      <c r="C16409" t="s">
        <v>16902</v>
      </c>
      <c r="D16409" t="s">
        <v>16912</v>
      </c>
    </row>
    <row r="16410" spans="1:4" x14ac:dyDescent="0.4">
      <c r="A16410" s="1" t="s">
        <v>16913</v>
      </c>
      <c r="B16410" t="s">
        <v>11981</v>
      </c>
      <c r="C16410" t="s">
        <v>16902</v>
      </c>
      <c r="D16410" t="s">
        <v>16914</v>
      </c>
    </row>
    <row r="16411" spans="1:4" x14ac:dyDescent="0.4">
      <c r="A16411" s="1" t="s">
        <v>16915</v>
      </c>
      <c r="B16411" t="s">
        <v>11981</v>
      </c>
      <c r="C16411" t="s">
        <v>16902</v>
      </c>
      <c r="D16411" t="s">
        <v>16916</v>
      </c>
    </row>
    <row r="16412" spans="1:4" x14ac:dyDescent="0.4">
      <c r="A16412" s="1" t="s">
        <v>16917</v>
      </c>
      <c r="B16412" t="s">
        <v>11981</v>
      </c>
      <c r="C16412" t="s">
        <v>16902</v>
      </c>
      <c r="D16412" t="s">
        <v>13464</v>
      </c>
    </row>
    <row r="16413" spans="1:4" x14ac:dyDescent="0.4">
      <c r="A16413" s="1" t="s">
        <v>16918</v>
      </c>
      <c r="B16413" t="s">
        <v>11981</v>
      </c>
      <c r="C16413" t="s">
        <v>16902</v>
      </c>
      <c r="D16413" t="s">
        <v>16919</v>
      </c>
    </row>
    <row r="16414" spans="1:4" x14ac:dyDescent="0.4">
      <c r="A16414" s="1" t="s">
        <v>16920</v>
      </c>
      <c r="B16414" t="s">
        <v>11981</v>
      </c>
      <c r="C16414" t="s">
        <v>16902</v>
      </c>
      <c r="D16414" t="s">
        <v>16921</v>
      </c>
    </row>
    <row r="16415" spans="1:4" x14ac:dyDescent="0.4">
      <c r="A16415" s="1" t="s">
        <v>16922</v>
      </c>
      <c r="B16415" t="s">
        <v>11981</v>
      </c>
      <c r="C16415" t="s">
        <v>16902</v>
      </c>
      <c r="D16415" t="s">
        <v>16923</v>
      </c>
    </row>
    <row r="16416" spans="1:4" x14ac:dyDescent="0.4">
      <c r="A16416" s="1" t="s">
        <v>16924</v>
      </c>
      <c r="B16416" t="s">
        <v>11981</v>
      </c>
      <c r="C16416" t="s">
        <v>16902</v>
      </c>
      <c r="D16416" t="s">
        <v>16925</v>
      </c>
    </row>
    <row r="16417" spans="1:4" x14ac:dyDescent="0.4">
      <c r="A16417" s="1" t="s">
        <v>16926</v>
      </c>
      <c r="B16417" t="s">
        <v>11981</v>
      </c>
      <c r="C16417" t="s">
        <v>16902</v>
      </c>
      <c r="D16417" t="s">
        <v>16034</v>
      </c>
    </row>
    <row r="16418" spans="1:4" x14ac:dyDescent="0.4">
      <c r="A16418" s="1" t="s">
        <v>16927</v>
      </c>
      <c r="B16418" t="s">
        <v>11981</v>
      </c>
      <c r="C16418" t="s">
        <v>16902</v>
      </c>
      <c r="D16418" t="s">
        <v>16928</v>
      </c>
    </row>
    <row r="16419" spans="1:4" x14ac:dyDescent="0.4">
      <c r="A16419" s="1" t="s">
        <v>16929</v>
      </c>
      <c r="B16419" t="s">
        <v>11981</v>
      </c>
      <c r="C16419" t="s">
        <v>16902</v>
      </c>
      <c r="D16419" t="s">
        <v>16930</v>
      </c>
    </row>
    <row r="16420" spans="1:4" x14ac:dyDescent="0.4">
      <c r="A16420" s="1" t="s">
        <v>16931</v>
      </c>
      <c r="B16420" t="s">
        <v>11981</v>
      </c>
      <c r="C16420" t="s">
        <v>16902</v>
      </c>
      <c r="D16420" t="s">
        <v>16932</v>
      </c>
    </row>
    <row r="16421" spans="1:4" x14ac:dyDescent="0.4">
      <c r="A16421" s="1" t="s">
        <v>16933</v>
      </c>
      <c r="B16421" t="s">
        <v>11981</v>
      </c>
      <c r="C16421" t="s">
        <v>16902</v>
      </c>
      <c r="D16421" t="s">
        <v>16934</v>
      </c>
    </row>
    <row r="16422" spans="1:4" x14ac:dyDescent="0.4">
      <c r="A16422" s="1" t="s">
        <v>16935</v>
      </c>
      <c r="B16422" t="s">
        <v>11981</v>
      </c>
      <c r="C16422" t="s">
        <v>16902</v>
      </c>
      <c r="D16422" t="s">
        <v>16936</v>
      </c>
    </row>
    <row r="16423" spans="1:4" x14ac:dyDescent="0.4">
      <c r="A16423" s="1" t="s">
        <v>16937</v>
      </c>
      <c r="B16423" t="s">
        <v>11981</v>
      </c>
      <c r="C16423" t="s">
        <v>16902</v>
      </c>
      <c r="D16423" t="s">
        <v>16938</v>
      </c>
    </row>
    <row r="16424" spans="1:4" x14ac:dyDescent="0.4">
      <c r="A16424" s="1" t="s">
        <v>16939</v>
      </c>
      <c r="B16424" t="s">
        <v>11981</v>
      </c>
      <c r="C16424" t="s">
        <v>16902</v>
      </c>
      <c r="D16424" t="s">
        <v>11162</v>
      </c>
    </row>
    <row r="16425" spans="1:4" x14ac:dyDescent="0.4">
      <c r="A16425" s="1" t="s">
        <v>16940</v>
      </c>
      <c r="B16425" t="s">
        <v>11981</v>
      </c>
      <c r="C16425" t="s">
        <v>16902</v>
      </c>
      <c r="D16425" t="s">
        <v>16941</v>
      </c>
    </row>
    <row r="16426" spans="1:4" x14ac:dyDescent="0.4">
      <c r="A16426" s="1" t="s">
        <v>16942</v>
      </c>
      <c r="B16426" t="s">
        <v>11981</v>
      </c>
      <c r="C16426" t="s">
        <v>16902</v>
      </c>
      <c r="D16426" t="s">
        <v>16943</v>
      </c>
    </row>
    <row r="16427" spans="1:4" x14ac:dyDescent="0.4">
      <c r="A16427" s="1" t="s">
        <v>16944</v>
      </c>
      <c r="B16427" t="s">
        <v>11981</v>
      </c>
      <c r="C16427" t="s">
        <v>16902</v>
      </c>
      <c r="D16427" t="s">
        <v>16945</v>
      </c>
    </row>
    <row r="16428" spans="1:4" x14ac:dyDescent="0.4">
      <c r="A16428" s="1" t="s">
        <v>16946</v>
      </c>
      <c r="B16428" t="s">
        <v>11981</v>
      </c>
      <c r="C16428" t="s">
        <v>16902</v>
      </c>
      <c r="D16428" t="s">
        <v>16947</v>
      </c>
    </row>
    <row r="16429" spans="1:4" x14ac:dyDescent="0.4">
      <c r="A16429" s="1" t="s">
        <v>16948</v>
      </c>
      <c r="B16429" t="s">
        <v>11981</v>
      </c>
      <c r="C16429" t="s">
        <v>16902</v>
      </c>
      <c r="D16429" t="s">
        <v>2468</v>
      </c>
    </row>
    <row r="16430" spans="1:4" x14ac:dyDescent="0.4">
      <c r="A16430" s="1" t="s">
        <v>16949</v>
      </c>
      <c r="B16430" t="s">
        <v>11981</v>
      </c>
      <c r="C16430" t="s">
        <v>16902</v>
      </c>
      <c r="D16430" t="s">
        <v>16950</v>
      </c>
    </row>
    <row r="16431" spans="1:4" x14ac:dyDescent="0.4">
      <c r="A16431" s="1" t="s">
        <v>16951</v>
      </c>
      <c r="B16431" t="s">
        <v>11981</v>
      </c>
      <c r="C16431" t="s">
        <v>16902</v>
      </c>
      <c r="D16431" t="s">
        <v>16952</v>
      </c>
    </row>
    <row r="16432" spans="1:4" x14ac:dyDescent="0.4">
      <c r="A16432" s="1" t="s">
        <v>16953</v>
      </c>
      <c r="B16432" t="s">
        <v>11981</v>
      </c>
      <c r="C16432" t="s">
        <v>16902</v>
      </c>
      <c r="D16432" t="s">
        <v>14065</v>
      </c>
    </row>
    <row r="16433" spans="1:4" x14ac:dyDescent="0.4">
      <c r="A16433" s="1" t="s">
        <v>16954</v>
      </c>
      <c r="B16433" t="s">
        <v>11981</v>
      </c>
      <c r="C16433" t="s">
        <v>16902</v>
      </c>
      <c r="D16433" t="s">
        <v>16955</v>
      </c>
    </row>
    <row r="16434" spans="1:4" x14ac:dyDescent="0.4">
      <c r="A16434" s="1" t="s">
        <v>16956</v>
      </c>
      <c r="B16434" t="s">
        <v>11981</v>
      </c>
      <c r="C16434" t="s">
        <v>16902</v>
      </c>
      <c r="D16434" t="s">
        <v>16957</v>
      </c>
    </row>
    <row r="16435" spans="1:4" x14ac:dyDescent="0.4">
      <c r="A16435" s="1" t="s">
        <v>16958</v>
      </c>
      <c r="B16435" t="s">
        <v>11981</v>
      </c>
      <c r="C16435" t="s">
        <v>16902</v>
      </c>
      <c r="D16435" t="s">
        <v>12161</v>
      </c>
    </row>
    <row r="16436" spans="1:4" x14ac:dyDescent="0.4">
      <c r="A16436" s="1" t="s">
        <v>16959</v>
      </c>
      <c r="B16436" t="s">
        <v>11981</v>
      </c>
      <c r="C16436" t="s">
        <v>16902</v>
      </c>
      <c r="D16436" t="s">
        <v>16960</v>
      </c>
    </row>
    <row r="16437" spans="1:4" x14ac:dyDescent="0.4">
      <c r="A16437" s="1" t="s">
        <v>16961</v>
      </c>
      <c r="B16437" t="s">
        <v>11981</v>
      </c>
      <c r="C16437" t="s">
        <v>16902</v>
      </c>
      <c r="D16437" t="s">
        <v>16962</v>
      </c>
    </row>
    <row r="16438" spans="1:4" x14ac:dyDescent="0.4">
      <c r="A16438" s="1" t="s">
        <v>16963</v>
      </c>
      <c r="B16438" t="s">
        <v>11981</v>
      </c>
      <c r="C16438" t="s">
        <v>16902</v>
      </c>
      <c r="D16438" t="s">
        <v>8554</v>
      </c>
    </row>
    <row r="16439" spans="1:4" x14ac:dyDescent="0.4">
      <c r="A16439" s="1" t="s">
        <v>16964</v>
      </c>
      <c r="B16439" t="s">
        <v>11981</v>
      </c>
      <c r="C16439" t="s">
        <v>16902</v>
      </c>
      <c r="D16439" t="s">
        <v>1585</v>
      </c>
    </row>
    <row r="16440" spans="1:4" x14ac:dyDescent="0.4">
      <c r="A16440" s="1" t="s">
        <v>16965</v>
      </c>
      <c r="B16440" t="s">
        <v>11981</v>
      </c>
      <c r="C16440" t="s">
        <v>16902</v>
      </c>
      <c r="D16440" t="s">
        <v>16966</v>
      </c>
    </row>
    <row r="16441" spans="1:4" x14ac:dyDescent="0.4">
      <c r="A16441" s="1" t="s">
        <v>16967</v>
      </c>
      <c r="B16441" t="s">
        <v>11981</v>
      </c>
      <c r="C16441" t="s">
        <v>16902</v>
      </c>
      <c r="D16441" t="s">
        <v>6750</v>
      </c>
    </row>
    <row r="16442" spans="1:4" x14ac:dyDescent="0.4">
      <c r="A16442" s="1" t="s">
        <v>16968</v>
      </c>
      <c r="B16442" t="s">
        <v>11981</v>
      </c>
      <c r="C16442" t="s">
        <v>16902</v>
      </c>
      <c r="D16442" t="s">
        <v>16969</v>
      </c>
    </row>
    <row r="16443" spans="1:4" x14ac:dyDescent="0.4">
      <c r="A16443" s="1" t="s">
        <v>16970</v>
      </c>
      <c r="B16443" t="s">
        <v>11981</v>
      </c>
      <c r="C16443" t="s">
        <v>16902</v>
      </c>
      <c r="D16443" t="s">
        <v>16971</v>
      </c>
    </row>
    <row r="16444" spans="1:4" x14ac:dyDescent="0.4">
      <c r="A16444" s="1" t="s">
        <v>16972</v>
      </c>
      <c r="B16444" t="s">
        <v>11981</v>
      </c>
      <c r="C16444" t="s">
        <v>16902</v>
      </c>
      <c r="D16444" t="s">
        <v>16973</v>
      </c>
    </row>
    <row r="16445" spans="1:4" x14ac:dyDescent="0.4">
      <c r="A16445" s="1" t="s">
        <v>16974</v>
      </c>
      <c r="B16445" t="s">
        <v>11981</v>
      </c>
      <c r="C16445" t="s">
        <v>16902</v>
      </c>
      <c r="D16445" t="s">
        <v>16975</v>
      </c>
    </row>
    <row r="16446" spans="1:4" x14ac:dyDescent="0.4">
      <c r="A16446" s="1" t="s">
        <v>16976</v>
      </c>
      <c r="B16446" t="s">
        <v>11981</v>
      </c>
      <c r="C16446" t="s">
        <v>16902</v>
      </c>
      <c r="D16446" t="s">
        <v>16977</v>
      </c>
    </row>
    <row r="16447" spans="1:4" x14ac:dyDescent="0.4">
      <c r="A16447" s="1" t="s">
        <v>16978</v>
      </c>
      <c r="B16447" t="s">
        <v>11981</v>
      </c>
      <c r="C16447" t="s">
        <v>16902</v>
      </c>
      <c r="D16447" t="s">
        <v>16979</v>
      </c>
    </row>
    <row r="16448" spans="1:4" x14ac:dyDescent="0.4">
      <c r="A16448" s="1" t="s">
        <v>16980</v>
      </c>
      <c r="B16448" t="s">
        <v>11981</v>
      </c>
      <c r="C16448" t="s">
        <v>16902</v>
      </c>
      <c r="D16448" t="s">
        <v>16981</v>
      </c>
    </row>
    <row r="16449" spans="1:4" x14ac:dyDescent="0.4">
      <c r="A16449" s="1" t="s">
        <v>16982</v>
      </c>
      <c r="B16449" t="s">
        <v>11981</v>
      </c>
      <c r="C16449" t="s">
        <v>16902</v>
      </c>
      <c r="D16449" t="s">
        <v>3773</v>
      </c>
    </row>
    <row r="16450" spans="1:4" x14ac:dyDescent="0.4">
      <c r="A16450" s="1" t="s">
        <v>16983</v>
      </c>
      <c r="B16450" t="s">
        <v>11981</v>
      </c>
      <c r="C16450" t="s">
        <v>16902</v>
      </c>
      <c r="D16450" t="s">
        <v>845</v>
      </c>
    </row>
    <row r="16451" spans="1:4" x14ac:dyDescent="0.4">
      <c r="A16451" s="1" t="s">
        <v>16984</v>
      </c>
      <c r="B16451" t="s">
        <v>11981</v>
      </c>
      <c r="C16451" t="s">
        <v>16902</v>
      </c>
      <c r="D16451" t="s">
        <v>16985</v>
      </c>
    </row>
    <row r="16452" spans="1:4" x14ac:dyDescent="0.4">
      <c r="A16452" s="1" t="s">
        <v>16986</v>
      </c>
      <c r="B16452" t="s">
        <v>11981</v>
      </c>
      <c r="C16452" t="s">
        <v>16902</v>
      </c>
      <c r="D16452" t="s">
        <v>1929</v>
      </c>
    </row>
    <row r="16453" spans="1:4" x14ac:dyDescent="0.4">
      <c r="A16453" s="1" t="s">
        <v>16987</v>
      </c>
      <c r="B16453" t="s">
        <v>11981</v>
      </c>
      <c r="C16453" t="s">
        <v>16902</v>
      </c>
      <c r="D16453" t="s">
        <v>16988</v>
      </c>
    </row>
    <row r="16454" spans="1:4" x14ac:dyDescent="0.4">
      <c r="A16454" s="1" t="s">
        <v>16989</v>
      </c>
      <c r="B16454" t="s">
        <v>11981</v>
      </c>
      <c r="C16454" t="s">
        <v>16902</v>
      </c>
      <c r="D16454" t="s">
        <v>16990</v>
      </c>
    </row>
    <row r="16455" spans="1:4" x14ac:dyDescent="0.4">
      <c r="A16455" s="1" t="s">
        <v>16991</v>
      </c>
      <c r="B16455" t="s">
        <v>11981</v>
      </c>
      <c r="C16455" t="s">
        <v>16902</v>
      </c>
      <c r="D16455" t="s">
        <v>16992</v>
      </c>
    </row>
    <row r="16456" spans="1:4" x14ac:dyDescent="0.4">
      <c r="A16456" s="1" t="s">
        <v>16993</v>
      </c>
      <c r="B16456" t="s">
        <v>11981</v>
      </c>
      <c r="C16456" t="s">
        <v>16902</v>
      </c>
      <c r="D16456" t="s">
        <v>16994</v>
      </c>
    </row>
    <row r="16457" spans="1:4" x14ac:dyDescent="0.4">
      <c r="A16457" s="1" t="s">
        <v>16995</v>
      </c>
      <c r="B16457" t="s">
        <v>11981</v>
      </c>
      <c r="C16457" t="s">
        <v>16902</v>
      </c>
      <c r="D16457" t="s">
        <v>16996</v>
      </c>
    </row>
    <row r="16458" spans="1:4" x14ac:dyDescent="0.4">
      <c r="A16458" s="1" t="s">
        <v>16997</v>
      </c>
      <c r="B16458" t="s">
        <v>11981</v>
      </c>
      <c r="C16458" t="s">
        <v>16902</v>
      </c>
      <c r="D16458" t="s">
        <v>16998</v>
      </c>
    </row>
    <row r="16459" spans="1:4" x14ac:dyDescent="0.4">
      <c r="A16459" s="1" t="s">
        <v>16999</v>
      </c>
      <c r="B16459" t="s">
        <v>11981</v>
      </c>
      <c r="C16459" t="s">
        <v>16902</v>
      </c>
      <c r="D16459" t="s">
        <v>17000</v>
      </c>
    </row>
    <row r="16460" spans="1:4" x14ac:dyDescent="0.4">
      <c r="A16460" s="1" t="s">
        <v>17001</v>
      </c>
      <c r="B16460" t="s">
        <v>11981</v>
      </c>
      <c r="C16460" t="s">
        <v>16902</v>
      </c>
      <c r="D16460" t="s">
        <v>17002</v>
      </c>
    </row>
    <row r="16461" spans="1:4" x14ac:dyDescent="0.4">
      <c r="A16461" s="1" t="s">
        <v>17003</v>
      </c>
      <c r="B16461" t="s">
        <v>11981</v>
      </c>
      <c r="C16461" t="s">
        <v>17004</v>
      </c>
    </row>
    <row r="16462" spans="1:4" x14ac:dyDescent="0.4">
      <c r="A16462" s="1" t="s">
        <v>17005</v>
      </c>
      <c r="B16462" t="s">
        <v>11981</v>
      </c>
      <c r="C16462" t="s">
        <v>17004</v>
      </c>
      <c r="D16462" t="s">
        <v>17006</v>
      </c>
    </row>
    <row r="16463" spans="1:4" x14ac:dyDescent="0.4">
      <c r="A16463" s="1" t="s">
        <v>17007</v>
      </c>
      <c r="B16463" t="s">
        <v>11981</v>
      </c>
      <c r="C16463" t="s">
        <v>17004</v>
      </c>
      <c r="D16463" t="s">
        <v>17008</v>
      </c>
    </row>
    <row r="16464" spans="1:4" x14ac:dyDescent="0.4">
      <c r="A16464" s="1" t="s">
        <v>17007</v>
      </c>
      <c r="B16464" t="s">
        <v>11981</v>
      </c>
      <c r="C16464" t="s">
        <v>17004</v>
      </c>
      <c r="D16464" t="s">
        <v>17009</v>
      </c>
    </row>
    <row r="16465" spans="1:4" x14ac:dyDescent="0.4">
      <c r="A16465" s="1" t="s">
        <v>17010</v>
      </c>
      <c r="B16465" t="s">
        <v>11981</v>
      </c>
      <c r="C16465" t="s">
        <v>17004</v>
      </c>
      <c r="D16465" t="s">
        <v>17011</v>
      </c>
    </row>
    <row r="16466" spans="1:4" x14ac:dyDescent="0.4">
      <c r="A16466" s="1" t="s">
        <v>17012</v>
      </c>
      <c r="B16466" t="s">
        <v>11981</v>
      </c>
      <c r="C16466" t="s">
        <v>17004</v>
      </c>
      <c r="D16466" t="s">
        <v>6742</v>
      </c>
    </row>
    <row r="16467" spans="1:4" x14ac:dyDescent="0.4">
      <c r="A16467" s="1" t="s">
        <v>17013</v>
      </c>
      <c r="B16467" t="s">
        <v>11981</v>
      </c>
      <c r="C16467" t="s">
        <v>17014</v>
      </c>
    </row>
    <row r="16468" spans="1:4" x14ac:dyDescent="0.4">
      <c r="A16468" s="1" t="s">
        <v>17015</v>
      </c>
      <c r="B16468" t="s">
        <v>11981</v>
      </c>
      <c r="C16468" t="s">
        <v>17014</v>
      </c>
      <c r="D16468" t="s">
        <v>9219</v>
      </c>
    </row>
    <row r="16469" spans="1:4" x14ac:dyDescent="0.4">
      <c r="A16469" s="1" t="s">
        <v>17016</v>
      </c>
      <c r="B16469" t="s">
        <v>11981</v>
      </c>
      <c r="C16469" t="s">
        <v>17014</v>
      </c>
      <c r="D16469" t="s">
        <v>17017</v>
      </c>
    </row>
    <row r="16470" spans="1:4" x14ac:dyDescent="0.4">
      <c r="A16470" s="1" t="s">
        <v>17018</v>
      </c>
      <c r="B16470" t="s">
        <v>11981</v>
      </c>
      <c r="C16470" t="s">
        <v>17014</v>
      </c>
      <c r="D16470" t="s">
        <v>17019</v>
      </c>
    </row>
    <row r="16471" spans="1:4" x14ac:dyDescent="0.4">
      <c r="A16471" s="1" t="s">
        <v>17020</v>
      </c>
      <c r="B16471" t="s">
        <v>11981</v>
      </c>
      <c r="C16471" t="s">
        <v>17014</v>
      </c>
      <c r="D16471" t="s">
        <v>3749</v>
      </c>
    </row>
    <row r="16472" spans="1:4" x14ac:dyDescent="0.4">
      <c r="A16472" s="1" t="s">
        <v>17021</v>
      </c>
      <c r="B16472" t="s">
        <v>11981</v>
      </c>
      <c r="C16472" t="s">
        <v>17014</v>
      </c>
      <c r="D16472" t="s">
        <v>648</v>
      </c>
    </row>
    <row r="16473" spans="1:4" x14ac:dyDescent="0.4">
      <c r="A16473" s="1" t="s">
        <v>17022</v>
      </c>
      <c r="B16473" t="s">
        <v>11981</v>
      </c>
      <c r="C16473" t="s">
        <v>17014</v>
      </c>
      <c r="D16473" t="s">
        <v>5521</v>
      </c>
    </row>
    <row r="16474" spans="1:4" x14ac:dyDescent="0.4">
      <c r="A16474" s="1" t="s">
        <v>17023</v>
      </c>
      <c r="B16474" t="s">
        <v>11981</v>
      </c>
      <c r="C16474" t="s">
        <v>17014</v>
      </c>
      <c r="D16474" t="s">
        <v>17024</v>
      </c>
    </row>
    <row r="16475" spans="1:4" x14ac:dyDescent="0.4">
      <c r="A16475" s="1" t="s">
        <v>17025</v>
      </c>
      <c r="B16475" t="s">
        <v>11981</v>
      </c>
      <c r="C16475" t="s">
        <v>17014</v>
      </c>
      <c r="D16475" t="s">
        <v>17026</v>
      </c>
    </row>
    <row r="16476" spans="1:4" x14ac:dyDescent="0.4">
      <c r="A16476" s="1" t="s">
        <v>17027</v>
      </c>
      <c r="B16476" t="s">
        <v>11981</v>
      </c>
      <c r="C16476" t="s">
        <v>17014</v>
      </c>
      <c r="D16476" t="s">
        <v>17028</v>
      </c>
    </row>
    <row r="16477" spans="1:4" x14ac:dyDescent="0.4">
      <c r="A16477" s="1" t="s">
        <v>17029</v>
      </c>
      <c r="B16477" t="s">
        <v>11981</v>
      </c>
      <c r="C16477" t="s">
        <v>17014</v>
      </c>
      <c r="D16477" t="s">
        <v>17030</v>
      </c>
    </row>
    <row r="16478" spans="1:4" x14ac:dyDescent="0.4">
      <c r="A16478" s="1" t="s">
        <v>17031</v>
      </c>
      <c r="B16478" t="s">
        <v>11981</v>
      </c>
      <c r="C16478" t="s">
        <v>17014</v>
      </c>
      <c r="D16478" t="s">
        <v>17032</v>
      </c>
    </row>
    <row r="16479" spans="1:4" x14ac:dyDescent="0.4">
      <c r="A16479" s="1" t="s">
        <v>17033</v>
      </c>
      <c r="B16479" t="s">
        <v>11981</v>
      </c>
      <c r="C16479" t="s">
        <v>17014</v>
      </c>
      <c r="D16479" t="s">
        <v>17034</v>
      </c>
    </row>
    <row r="16480" spans="1:4" x14ac:dyDescent="0.4">
      <c r="A16480" s="1" t="s">
        <v>17035</v>
      </c>
      <c r="B16480" t="s">
        <v>11981</v>
      </c>
      <c r="C16480" t="s">
        <v>17014</v>
      </c>
      <c r="D16480" t="s">
        <v>17036</v>
      </c>
    </row>
    <row r="16481" spans="1:4" x14ac:dyDescent="0.4">
      <c r="A16481" s="1" t="s">
        <v>17037</v>
      </c>
      <c r="B16481" t="s">
        <v>11981</v>
      </c>
      <c r="C16481" t="s">
        <v>17014</v>
      </c>
      <c r="D16481" t="s">
        <v>4426</v>
      </c>
    </row>
    <row r="16482" spans="1:4" x14ac:dyDescent="0.4">
      <c r="A16482" s="1" t="s">
        <v>17038</v>
      </c>
      <c r="B16482" t="s">
        <v>11981</v>
      </c>
      <c r="C16482" t="s">
        <v>17039</v>
      </c>
    </row>
    <row r="16483" spans="1:4" x14ac:dyDescent="0.4">
      <c r="A16483" s="1" t="s">
        <v>17040</v>
      </c>
      <c r="B16483" t="s">
        <v>11981</v>
      </c>
      <c r="C16483" t="s">
        <v>17039</v>
      </c>
      <c r="D16483" t="s">
        <v>17041</v>
      </c>
    </row>
    <row r="16484" spans="1:4" x14ac:dyDescent="0.4">
      <c r="A16484" s="1" t="s">
        <v>17042</v>
      </c>
      <c r="B16484" t="s">
        <v>11981</v>
      </c>
      <c r="C16484" t="s">
        <v>17039</v>
      </c>
      <c r="D16484" t="s">
        <v>17043</v>
      </c>
    </row>
    <row r="16485" spans="1:4" x14ac:dyDescent="0.4">
      <c r="A16485" s="1" t="s">
        <v>17044</v>
      </c>
      <c r="B16485" t="s">
        <v>11981</v>
      </c>
      <c r="C16485" t="s">
        <v>17039</v>
      </c>
      <c r="D16485" t="s">
        <v>537</v>
      </c>
    </row>
    <row r="16486" spans="1:4" x14ac:dyDescent="0.4">
      <c r="A16486" s="1" t="s">
        <v>17045</v>
      </c>
      <c r="B16486" t="s">
        <v>11981</v>
      </c>
      <c r="C16486" t="s">
        <v>17039</v>
      </c>
      <c r="D16486" t="s">
        <v>17046</v>
      </c>
    </row>
    <row r="16487" spans="1:4" x14ac:dyDescent="0.4">
      <c r="A16487" s="1" t="s">
        <v>17047</v>
      </c>
      <c r="B16487" t="s">
        <v>11981</v>
      </c>
      <c r="C16487" t="s">
        <v>17039</v>
      </c>
      <c r="D16487" t="s">
        <v>442</v>
      </c>
    </row>
    <row r="16488" spans="1:4" x14ac:dyDescent="0.4">
      <c r="A16488" s="1" t="s">
        <v>17048</v>
      </c>
      <c r="B16488" t="s">
        <v>11981</v>
      </c>
      <c r="C16488" t="s">
        <v>17049</v>
      </c>
    </row>
    <row r="16489" spans="1:4" x14ac:dyDescent="0.4">
      <c r="A16489" s="1" t="s">
        <v>17050</v>
      </c>
      <c r="B16489" t="s">
        <v>11981</v>
      </c>
      <c r="C16489" t="s">
        <v>17049</v>
      </c>
      <c r="D16489" t="s">
        <v>5848</v>
      </c>
    </row>
    <row r="16490" spans="1:4" x14ac:dyDescent="0.4">
      <c r="A16490" s="1" t="s">
        <v>17051</v>
      </c>
      <c r="B16490" t="s">
        <v>11981</v>
      </c>
      <c r="C16490" t="s">
        <v>17049</v>
      </c>
      <c r="D16490" t="s">
        <v>17052</v>
      </c>
    </row>
    <row r="16491" spans="1:4" x14ac:dyDescent="0.4">
      <c r="A16491" s="1" t="s">
        <v>17053</v>
      </c>
      <c r="B16491" t="s">
        <v>11981</v>
      </c>
      <c r="C16491" t="s">
        <v>17049</v>
      </c>
      <c r="D16491" t="s">
        <v>17054</v>
      </c>
    </row>
    <row r="16492" spans="1:4" x14ac:dyDescent="0.4">
      <c r="A16492" s="1" t="s">
        <v>17055</v>
      </c>
      <c r="B16492" t="s">
        <v>11981</v>
      </c>
      <c r="C16492" t="s">
        <v>17049</v>
      </c>
      <c r="D16492" t="s">
        <v>17056</v>
      </c>
    </row>
    <row r="16493" spans="1:4" x14ac:dyDescent="0.4">
      <c r="A16493" s="1" t="s">
        <v>17057</v>
      </c>
      <c r="B16493" t="s">
        <v>11981</v>
      </c>
      <c r="C16493" t="s">
        <v>17049</v>
      </c>
      <c r="D16493" t="s">
        <v>17058</v>
      </c>
    </row>
    <row r="16494" spans="1:4" x14ac:dyDescent="0.4">
      <c r="A16494" s="1" t="s">
        <v>17059</v>
      </c>
      <c r="B16494" t="s">
        <v>11981</v>
      </c>
      <c r="C16494" t="s">
        <v>17049</v>
      </c>
      <c r="D16494" t="s">
        <v>13161</v>
      </c>
    </row>
    <row r="16495" spans="1:4" x14ac:dyDescent="0.4">
      <c r="A16495" s="1" t="s">
        <v>17060</v>
      </c>
      <c r="B16495" t="s">
        <v>11981</v>
      </c>
      <c r="C16495" t="s">
        <v>17049</v>
      </c>
      <c r="D16495" t="s">
        <v>17061</v>
      </c>
    </row>
    <row r="16496" spans="1:4" x14ac:dyDescent="0.4">
      <c r="A16496" s="1" t="s">
        <v>17062</v>
      </c>
      <c r="B16496" t="s">
        <v>11981</v>
      </c>
      <c r="C16496" t="s">
        <v>17049</v>
      </c>
      <c r="D16496" t="s">
        <v>17063</v>
      </c>
    </row>
    <row r="16497" spans="1:4" x14ac:dyDescent="0.4">
      <c r="A16497" s="1" t="s">
        <v>17064</v>
      </c>
      <c r="B16497" t="s">
        <v>11981</v>
      </c>
      <c r="C16497" t="s">
        <v>17049</v>
      </c>
      <c r="D16497" t="s">
        <v>17065</v>
      </c>
    </row>
    <row r="16498" spans="1:4" x14ac:dyDescent="0.4">
      <c r="A16498" s="1" t="s">
        <v>17066</v>
      </c>
      <c r="B16498" t="s">
        <v>11981</v>
      </c>
      <c r="C16498" t="s">
        <v>17049</v>
      </c>
      <c r="D16498" t="s">
        <v>8828</v>
      </c>
    </row>
    <row r="16499" spans="1:4" x14ac:dyDescent="0.4">
      <c r="A16499" s="1" t="s">
        <v>17067</v>
      </c>
      <c r="B16499" t="s">
        <v>11981</v>
      </c>
      <c r="C16499" t="s">
        <v>17049</v>
      </c>
      <c r="D16499" t="s">
        <v>8617</v>
      </c>
    </row>
    <row r="16500" spans="1:4" x14ac:dyDescent="0.4">
      <c r="A16500" s="1" t="s">
        <v>17068</v>
      </c>
      <c r="B16500" t="s">
        <v>11981</v>
      </c>
      <c r="C16500" t="s">
        <v>17049</v>
      </c>
      <c r="D16500" t="s">
        <v>17069</v>
      </c>
    </row>
    <row r="16501" spans="1:4" x14ac:dyDescent="0.4">
      <c r="A16501" s="1" t="s">
        <v>17070</v>
      </c>
      <c r="B16501" t="s">
        <v>11981</v>
      </c>
      <c r="C16501" t="s">
        <v>17049</v>
      </c>
      <c r="D16501" t="s">
        <v>17071</v>
      </c>
    </row>
    <row r="16502" spans="1:4" x14ac:dyDescent="0.4">
      <c r="A16502" s="1" t="s">
        <v>17072</v>
      </c>
      <c r="B16502" t="s">
        <v>11981</v>
      </c>
      <c r="C16502" t="s">
        <v>17049</v>
      </c>
      <c r="D16502" t="s">
        <v>17073</v>
      </c>
    </row>
    <row r="16503" spans="1:4" x14ac:dyDescent="0.4">
      <c r="A16503" s="1" t="s">
        <v>17074</v>
      </c>
      <c r="B16503" t="s">
        <v>11981</v>
      </c>
      <c r="C16503" t="s">
        <v>17049</v>
      </c>
      <c r="D16503" t="s">
        <v>5530</v>
      </c>
    </row>
    <row r="16504" spans="1:4" x14ac:dyDescent="0.4">
      <c r="A16504" s="1" t="s">
        <v>17075</v>
      </c>
      <c r="B16504" t="s">
        <v>11981</v>
      </c>
      <c r="C16504" t="s">
        <v>17049</v>
      </c>
      <c r="D16504" t="s">
        <v>165</v>
      </c>
    </row>
    <row r="16505" spans="1:4" x14ac:dyDescent="0.4">
      <c r="A16505" s="1" t="s">
        <v>17076</v>
      </c>
      <c r="B16505" t="s">
        <v>11981</v>
      </c>
      <c r="C16505" t="s">
        <v>17049</v>
      </c>
      <c r="D16505" t="s">
        <v>16057</v>
      </c>
    </row>
    <row r="16506" spans="1:4" x14ac:dyDescent="0.4">
      <c r="A16506" s="1" t="s">
        <v>17077</v>
      </c>
      <c r="B16506" t="s">
        <v>11981</v>
      </c>
      <c r="C16506" t="s">
        <v>17049</v>
      </c>
      <c r="D16506" t="s">
        <v>17078</v>
      </c>
    </row>
    <row r="16507" spans="1:4" x14ac:dyDescent="0.4">
      <c r="A16507" s="1" t="s">
        <v>17079</v>
      </c>
      <c r="B16507" t="s">
        <v>11981</v>
      </c>
      <c r="C16507" t="s">
        <v>17049</v>
      </c>
      <c r="D16507" t="s">
        <v>17080</v>
      </c>
    </row>
    <row r="16508" spans="1:4" x14ac:dyDescent="0.4">
      <c r="A16508" s="1" t="s">
        <v>17081</v>
      </c>
      <c r="B16508" t="s">
        <v>11981</v>
      </c>
      <c r="C16508" t="s">
        <v>17049</v>
      </c>
      <c r="D16508" t="s">
        <v>17082</v>
      </c>
    </row>
    <row r="16509" spans="1:4" x14ac:dyDescent="0.4">
      <c r="A16509" s="1" t="s">
        <v>17083</v>
      </c>
      <c r="B16509" t="s">
        <v>11981</v>
      </c>
      <c r="C16509" t="s">
        <v>17049</v>
      </c>
      <c r="D16509" t="s">
        <v>17084</v>
      </c>
    </row>
    <row r="16510" spans="1:4" x14ac:dyDescent="0.4">
      <c r="A16510" s="1" t="s">
        <v>17085</v>
      </c>
      <c r="B16510" t="s">
        <v>11981</v>
      </c>
      <c r="C16510" t="s">
        <v>17049</v>
      </c>
      <c r="D16510" t="s">
        <v>6482</v>
      </c>
    </row>
    <row r="16511" spans="1:4" x14ac:dyDescent="0.4">
      <c r="A16511" s="1" t="s">
        <v>17086</v>
      </c>
      <c r="B16511" t="s">
        <v>11981</v>
      </c>
      <c r="C16511" t="s">
        <v>17049</v>
      </c>
      <c r="D16511" t="s">
        <v>14992</v>
      </c>
    </row>
    <row r="16512" spans="1:4" x14ac:dyDescent="0.4">
      <c r="A16512" s="1" t="s">
        <v>17087</v>
      </c>
      <c r="B16512" t="s">
        <v>11981</v>
      </c>
      <c r="C16512" t="s">
        <v>17049</v>
      </c>
      <c r="D16512" t="s">
        <v>192</v>
      </c>
    </row>
    <row r="16513" spans="1:4" x14ac:dyDescent="0.4">
      <c r="A16513" s="1" t="s">
        <v>17088</v>
      </c>
      <c r="B16513" t="s">
        <v>11981</v>
      </c>
      <c r="C16513" t="s">
        <v>17049</v>
      </c>
      <c r="D16513" t="s">
        <v>17089</v>
      </c>
    </row>
    <row r="16514" spans="1:4" x14ac:dyDescent="0.4">
      <c r="A16514" s="1" t="s">
        <v>17090</v>
      </c>
      <c r="B16514" t="s">
        <v>11981</v>
      </c>
      <c r="C16514" t="s">
        <v>17049</v>
      </c>
      <c r="D16514" t="s">
        <v>17091</v>
      </c>
    </row>
    <row r="16515" spans="1:4" x14ac:dyDescent="0.4">
      <c r="A16515" s="1" t="s">
        <v>17092</v>
      </c>
      <c r="B16515" t="s">
        <v>11981</v>
      </c>
      <c r="C16515" t="s">
        <v>17049</v>
      </c>
      <c r="D16515" t="s">
        <v>17093</v>
      </c>
    </row>
    <row r="16516" spans="1:4" x14ac:dyDescent="0.4">
      <c r="A16516" s="1" t="s">
        <v>17094</v>
      </c>
      <c r="B16516" t="s">
        <v>11981</v>
      </c>
      <c r="C16516" t="s">
        <v>17049</v>
      </c>
      <c r="D16516" t="s">
        <v>17095</v>
      </c>
    </row>
    <row r="16517" spans="1:4" x14ac:dyDescent="0.4">
      <c r="A16517" s="1" t="s">
        <v>17096</v>
      </c>
      <c r="B16517" t="s">
        <v>11981</v>
      </c>
      <c r="C16517" t="s">
        <v>17049</v>
      </c>
      <c r="D16517" t="s">
        <v>17097</v>
      </c>
    </row>
    <row r="16518" spans="1:4" x14ac:dyDescent="0.4">
      <c r="A16518" s="1" t="s">
        <v>17098</v>
      </c>
      <c r="B16518" t="s">
        <v>11981</v>
      </c>
      <c r="C16518" t="s">
        <v>17049</v>
      </c>
      <c r="D16518" t="s">
        <v>6483</v>
      </c>
    </row>
    <row r="16519" spans="1:4" x14ac:dyDescent="0.4">
      <c r="A16519" s="1" t="s">
        <v>17099</v>
      </c>
      <c r="B16519" t="s">
        <v>11981</v>
      </c>
      <c r="C16519" t="s">
        <v>17049</v>
      </c>
      <c r="D16519" t="s">
        <v>14222</v>
      </c>
    </row>
    <row r="16520" spans="1:4" x14ac:dyDescent="0.4">
      <c r="A16520" s="1" t="s">
        <v>17100</v>
      </c>
      <c r="B16520" t="s">
        <v>11981</v>
      </c>
      <c r="C16520" t="s">
        <v>17049</v>
      </c>
      <c r="D16520" t="s">
        <v>17101</v>
      </c>
    </row>
    <row r="16521" spans="1:4" x14ac:dyDescent="0.4">
      <c r="A16521" s="1" t="s">
        <v>17102</v>
      </c>
      <c r="B16521" t="s">
        <v>11981</v>
      </c>
      <c r="C16521" t="s">
        <v>17049</v>
      </c>
      <c r="D16521" t="s">
        <v>17103</v>
      </c>
    </row>
    <row r="16522" spans="1:4" x14ac:dyDescent="0.4">
      <c r="A16522" s="1" t="s">
        <v>17104</v>
      </c>
      <c r="B16522" t="s">
        <v>11981</v>
      </c>
      <c r="C16522" t="s">
        <v>17049</v>
      </c>
      <c r="D16522" t="s">
        <v>17105</v>
      </c>
    </row>
    <row r="16523" spans="1:4" x14ac:dyDescent="0.4">
      <c r="A16523" s="1" t="s">
        <v>17106</v>
      </c>
      <c r="B16523" t="s">
        <v>11981</v>
      </c>
      <c r="C16523" t="s">
        <v>17049</v>
      </c>
      <c r="D16523" t="s">
        <v>17107</v>
      </c>
    </row>
    <row r="16524" spans="1:4" x14ac:dyDescent="0.4">
      <c r="A16524" s="1" t="s">
        <v>17108</v>
      </c>
      <c r="B16524" t="s">
        <v>11981</v>
      </c>
      <c r="C16524" t="s">
        <v>17049</v>
      </c>
      <c r="D16524" t="s">
        <v>17109</v>
      </c>
    </row>
    <row r="16525" spans="1:4" x14ac:dyDescent="0.4">
      <c r="A16525" s="1" t="s">
        <v>17110</v>
      </c>
      <c r="B16525" t="s">
        <v>11981</v>
      </c>
      <c r="C16525" t="s">
        <v>17049</v>
      </c>
      <c r="D16525" t="s">
        <v>17111</v>
      </c>
    </row>
    <row r="16526" spans="1:4" x14ac:dyDescent="0.4">
      <c r="A16526" s="1" t="s">
        <v>17112</v>
      </c>
      <c r="B16526" t="s">
        <v>11981</v>
      </c>
      <c r="C16526" t="s">
        <v>17049</v>
      </c>
      <c r="D16526" t="s">
        <v>17113</v>
      </c>
    </row>
    <row r="16527" spans="1:4" x14ac:dyDescent="0.4">
      <c r="A16527" s="1" t="s">
        <v>17114</v>
      </c>
      <c r="B16527" t="s">
        <v>11981</v>
      </c>
      <c r="C16527" t="s">
        <v>17049</v>
      </c>
      <c r="D16527" t="s">
        <v>13726</v>
      </c>
    </row>
    <row r="16528" spans="1:4" x14ac:dyDescent="0.4">
      <c r="A16528" s="1" t="s">
        <v>17115</v>
      </c>
      <c r="B16528" t="s">
        <v>11981</v>
      </c>
      <c r="C16528" t="s">
        <v>17049</v>
      </c>
      <c r="D16528" t="s">
        <v>17116</v>
      </c>
    </row>
    <row r="16529" spans="1:4" x14ac:dyDescent="0.4">
      <c r="A16529" s="1" t="s">
        <v>17117</v>
      </c>
      <c r="B16529" t="s">
        <v>11981</v>
      </c>
      <c r="C16529" t="s">
        <v>17118</v>
      </c>
    </row>
    <row r="16530" spans="1:4" x14ac:dyDescent="0.4">
      <c r="A16530" s="1" t="s">
        <v>17119</v>
      </c>
      <c r="B16530" t="s">
        <v>11981</v>
      </c>
      <c r="C16530" t="s">
        <v>17118</v>
      </c>
      <c r="D16530" t="s">
        <v>17120</v>
      </c>
    </row>
    <row r="16531" spans="1:4" x14ac:dyDescent="0.4">
      <c r="A16531" s="1" t="s">
        <v>17121</v>
      </c>
      <c r="B16531" t="s">
        <v>11981</v>
      </c>
      <c r="C16531" t="s">
        <v>17118</v>
      </c>
      <c r="D16531" t="s">
        <v>17122</v>
      </c>
    </row>
    <row r="16532" spans="1:4" x14ac:dyDescent="0.4">
      <c r="A16532" s="1" t="s">
        <v>17123</v>
      </c>
      <c r="B16532" t="s">
        <v>11981</v>
      </c>
      <c r="C16532" t="s">
        <v>17118</v>
      </c>
      <c r="D16532" t="s">
        <v>11999</v>
      </c>
    </row>
    <row r="16533" spans="1:4" x14ac:dyDescent="0.4">
      <c r="A16533" s="1" t="s">
        <v>17124</v>
      </c>
      <c r="B16533" t="s">
        <v>11981</v>
      </c>
      <c r="C16533" t="s">
        <v>17118</v>
      </c>
      <c r="D16533" t="s">
        <v>140</v>
      </c>
    </row>
    <row r="16534" spans="1:4" x14ac:dyDescent="0.4">
      <c r="A16534" s="1" t="s">
        <v>17125</v>
      </c>
      <c r="B16534" t="s">
        <v>11981</v>
      </c>
      <c r="C16534" t="s">
        <v>17118</v>
      </c>
      <c r="D16534" t="s">
        <v>17126</v>
      </c>
    </row>
    <row r="16535" spans="1:4" x14ac:dyDescent="0.4">
      <c r="A16535" s="1" t="s">
        <v>17127</v>
      </c>
      <c r="B16535" t="s">
        <v>11981</v>
      </c>
      <c r="C16535" t="s">
        <v>17118</v>
      </c>
      <c r="D16535" t="s">
        <v>17128</v>
      </c>
    </row>
    <row r="16536" spans="1:4" x14ac:dyDescent="0.4">
      <c r="A16536" s="1" t="s">
        <v>17129</v>
      </c>
      <c r="B16536" t="s">
        <v>11981</v>
      </c>
      <c r="C16536" t="s">
        <v>17118</v>
      </c>
      <c r="D16536" t="s">
        <v>17130</v>
      </c>
    </row>
    <row r="16537" spans="1:4" x14ac:dyDescent="0.4">
      <c r="A16537" s="1" t="s">
        <v>17131</v>
      </c>
      <c r="B16537" t="s">
        <v>11981</v>
      </c>
      <c r="C16537" t="s">
        <v>17118</v>
      </c>
      <c r="D16537" t="s">
        <v>17132</v>
      </c>
    </row>
    <row r="16538" spans="1:4" x14ac:dyDescent="0.4">
      <c r="A16538" s="1" t="s">
        <v>17133</v>
      </c>
      <c r="B16538" t="s">
        <v>11981</v>
      </c>
      <c r="C16538" t="s">
        <v>17118</v>
      </c>
      <c r="D16538" t="s">
        <v>17134</v>
      </c>
    </row>
    <row r="16539" spans="1:4" x14ac:dyDescent="0.4">
      <c r="A16539" s="1" t="s">
        <v>17135</v>
      </c>
      <c r="B16539" t="s">
        <v>11981</v>
      </c>
      <c r="C16539" t="s">
        <v>17118</v>
      </c>
      <c r="D16539" t="s">
        <v>17073</v>
      </c>
    </row>
    <row r="16540" spans="1:4" x14ac:dyDescent="0.4">
      <c r="A16540" s="1" t="s">
        <v>17136</v>
      </c>
      <c r="B16540" t="s">
        <v>11981</v>
      </c>
      <c r="C16540" t="s">
        <v>17118</v>
      </c>
      <c r="D16540" t="s">
        <v>17137</v>
      </c>
    </row>
    <row r="16541" spans="1:4" x14ac:dyDescent="0.4">
      <c r="A16541" s="1" t="s">
        <v>17138</v>
      </c>
      <c r="B16541" t="s">
        <v>11981</v>
      </c>
      <c r="C16541" t="s">
        <v>17118</v>
      </c>
      <c r="D16541" t="s">
        <v>12980</v>
      </c>
    </row>
    <row r="16542" spans="1:4" x14ac:dyDescent="0.4">
      <c r="A16542" s="1" t="s">
        <v>17139</v>
      </c>
      <c r="B16542" t="s">
        <v>11981</v>
      </c>
      <c r="C16542" t="s">
        <v>17118</v>
      </c>
      <c r="D16542" t="s">
        <v>3693</v>
      </c>
    </row>
    <row r="16543" spans="1:4" x14ac:dyDescent="0.4">
      <c r="A16543" s="1" t="s">
        <v>17140</v>
      </c>
      <c r="B16543" t="s">
        <v>11981</v>
      </c>
      <c r="C16543" t="s">
        <v>17118</v>
      </c>
      <c r="D16543" t="s">
        <v>2234</v>
      </c>
    </row>
    <row r="16544" spans="1:4" x14ac:dyDescent="0.4">
      <c r="A16544" s="1" t="s">
        <v>17141</v>
      </c>
      <c r="B16544" t="s">
        <v>11981</v>
      </c>
      <c r="C16544" t="s">
        <v>17118</v>
      </c>
      <c r="D16544" t="s">
        <v>17142</v>
      </c>
    </row>
    <row r="16545" spans="1:4" x14ac:dyDescent="0.4">
      <c r="A16545" s="1" t="s">
        <v>17143</v>
      </c>
      <c r="B16545" t="s">
        <v>11981</v>
      </c>
      <c r="C16545" t="s">
        <v>17118</v>
      </c>
      <c r="D16545" t="s">
        <v>17144</v>
      </c>
    </row>
    <row r="16546" spans="1:4" x14ac:dyDescent="0.4">
      <c r="A16546" s="1" t="s">
        <v>17145</v>
      </c>
      <c r="B16546" t="s">
        <v>11981</v>
      </c>
      <c r="C16546" t="s">
        <v>17118</v>
      </c>
      <c r="D16546" t="s">
        <v>17146</v>
      </c>
    </row>
    <row r="16547" spans="1:4" x14ac:dyDescent="0.4">
      <c r="A16547" s="1" t="s">
        <v>17147</v>
      </c>
      <c r="B16547" t="s">
        <v>11981</v>
      </c>
      <c r="C16547" t="s">
        <v>17118</v>
      </c>
      <c r="D16547" t="s">
        <v>5137</v>
      </c>
    </row>
    <row r="16548" spans="1:4" x14ac:dyDescent="0.4">
      <c r="A16548" s="1" t="s">
        <v>17148</v>
      </c>
      <c r="B16548" t="s">
        <v>11981</v>
      </c>
      <c r="C16548" t="s">
        <v>17118</v>
      </c>
      <c r="D16548" t="s">
        <v>17149</v>
      </c>
    </row>
    <row r="16549" spans="1:4" x14ac:dyDescent="0.4">
      <c r="A16549" s="1" t="s">
        <v>17150</v>
      </c>
      <c r="B16549" t="s">
        <v>11981</v>
      </c>
      <c r="C16549" t="s">
        <v>17118</v>
      </c>
      <c r="D16549" t="s">
        <v>17151</v>
      </c>
    </row>
    <row r="16550" spans="1:4" x14ac:dyDescent="0.4">
      <c r="A16550" s="1" t="s">
        <v>17152</v>
      </c>
      <c r="B16550" t="s">
        <v>11981</v>
      </c>
      <c r="C16550" t="s">
        <v>17118</v>
      </c>
      <c r="D16550" t="s">
        <v>17153</v>
      </c>
    </row>
    <row r="16551" spans="1:4" x14ac:dyDescent="0.4">
      <c r="A16551" s="1" t="s">
        <v>17154</v>
      </c>
      <c r="B16551" t="s">
        <v>11981</v>
      </c>
      <c r="C16551" t="s">
        <v>17118</v>
      </c>
      <c r="D16551" t="s">
        <v>17155</v>
      </c>
    </row>
    <row r="16552" spans="1:4" x14ac:dyDescent="0.4">
      <c r="A16552" s="1" t="s">
        <v>17156</v>
      </c>
      <c r="B16552" t="s">
        <v>11981</v>
      </c>
      <c r="C16552" t="s">
        <v>17118</v>
      </c>
      <c r="D16552" t="s">
        <v>17157</v>
      </c>
    </row>
    <row r="16553" spans="1:4" x14ac:dyDescent="0.4">
      <c r="A16553" s="1" t="s">
        <v>17158</v>
      </c>
      <c r="B16553" t="s">
        <v>11981</v>
      </c>
      <c r="C16553" t="s">
        <v>17159</v>
      </c>
    </row>
    <row r="16554" spans="1:4" x14ac:dyDescent="0.4">
      <c r="A16554" s="1" t="s">
        <v>17160</v>
      </c>
      <c r="B16554" t="s">
        <v>11981</v>
      </c>
      <c r="C16554" t="s">
        <v>17159</v>
      </c>
      <c r="D16554" t="s">
        <v>17161</v>
      </c>
    </row>
    <row r="16555" spans="1:4" x14ac:dyDescent="0.4">
      <c r="A16555" s="1" t="s">
        <v>17162</v>
      </c>
      <c r="B16555" t="s">
        <v>11981</v>
      </c>
      <c r="C16555" t="s">
        <v>17159</v>
      </c>
      <c r="D16555" t="s">
        <v>17163</v>
      </c>
    </row>
    <row r="16556" spans="1:4" x14ac:dyDescent="0.4">
      <c r="A16556" s="1" t="s">
        <v>17164</v>
      </c>
      <c r="B16556" t="s">
        <v>11981</v>
      </c>
      <c r="C16556" t="s">
        <v>17159</v>
      </c>
      <c r="D16556" t="s">
        <v>17165</v>
      </c>
    </row>
    <row r="16557" spans="1:4" x14ac:dyDescent="0.4">
      <c r="A16557" s="1" t="s">
        <v>17166</v>
      </c>
      <c r="B16557" t="s">
        <v>11981</v>
      </c>
      <c r="C16557" t="s">
        <v>17159</v>
      </c>
      <c r="D16557" t="s">
        <v>17167</v>
      </c>
    </row>
    <row r="16558" spans="1:4" x14ac:dyDescent="0.4">
      <c r="A16558" s="1" t="s">
        <v>17168</v>
      </c>
      <c r="B16558" t="s">
        <v>11981</v>
      </c>
      <c r="C16558" t="s">
        <v>17159</v>
      </c>
      <c r="D16558" t="s">
        <v>17169</v>
      </c>
    </row>
    <row r="16559" spans="1:4" x14ac:dyDescent="0.4">
      <c r="A16559" s="1" t="s">
        <v>17170</v>
      </c>
      <c r="B16559" t="s">
        <v>11981</v>
      </c>
      <c r="C16559" t="s">
        <v>17159</v>
      </c>
      <c r="D16559" t="s">
        <v>17171</v>
      </c>
    </row>
    <row r="16560" spans="1:4" x14ac:dyDescent="0.4">
      <c r="A16560" s="1" t="s">
        <v>17164</v>
      </c>
      <c r="B16560" t="s">
        <v>11981</v>
      </c>
      <c r="C16560" t="s">
        <v>17159</v>
      </c>
      <c r="D16560" t="s">
        <v>17172</v>
      </c>
    </row>
    <row r="16561" spans="1:4" x14ac:dyDescent="0.4">
      <c r="A16561" s="1" t="s">
        <v>17173</v>
      </c>
      <c r="B16561" t="s">
        <v>11981</v>
      </c>
      <c r="C16561" t="s">
        <v>17159</v>
      </c>
      <c r="D16561" t="s">
        <v>17174</v>
      </c>
    </row>
    <row r="16562" spans="1:4" x14ac:dyDescent="0.4">
      <c r="A16562" s="1" t="s">
        <v>17175</v>
      </c>
      <c r="B16562" t="s">
        <v>11981</v>
      </c>
      <c r="C16562" t="s">
        <v>17159</v>
      </c>
      <c r="D16562" t="s">
        <v>17176</v>
      </c>
    </row>
    <row r="16563" spans="1:4" x14ac:dyDescent="0.4">
      <c r="A16563" s="1" t="s">
        <v>17170</v>
      </c>
      <c r="B16563" t="s">
        <v>11981</v>
      </c>
      <c r="C16563" t="s">
        <v>17159</v>
      </c>
      <c r="D16563" t="s">
        <v>17177</v>
      </c>
    </row>
    <row r="16564" spans="1:4" x14ac:dyDescent="0.4">
      <c r="A16564" s="1" t="s">
        <v>17168</v>
      </c>
      <c r="B16564" t="s">
        <v>11981</v>
      </c>
      <c r="C16564" t="s">
        <v>17159</v>
      </c>
      <c r="D16564" t="s">
        <v>17178</v>
      </c>
    </row>
    <row r="16565" spans="1:4" x14ac:dyDescent="0.4">
      <c r="A16565" s="1" t="s">
        <v>17179</v>
      </c>
      <c r="B16565" t="s">
        <v>11981</v>
      </c>
      <c r="C16565" t="s">
        <v>17159</v>
      </c>
      <c r="D16565" t="s">
        <v>17180</v>
      </c>
    </row>
    <row r="16566" spans="1:4" x14ac:dyDescent="0.4">
      <c r="A16566" s="1" t="s">
        <v>17181</v>
      </c>
      <c r="B16566" t="s">
        <v>11981</v>
      </c>
      <c r="C16566" t="s">
        <v>17159</v>
      </c>
      <c r="D16566" t="s">
        <v>17182</v>
      </c>
    </row>
    <row r="16567" spans="1:4" x14ac:dyDescent="0.4">
      <c r="A16567" s="1" t="s">
        <v>17183</v>
      </c>
      <c r="B16567" t="s">
        <v>11981</v>
      </c>
      <c r="C16567" t="s">
        <v>17159</v>
      </c>
      <c r="D16567" t="s">
        <v>17184</v>
      </c>
    </row>
    <row r="16568" spans="1:4" x14ac:dyDescent="0.4">
      <c r="A16568" s="1" t="s">
        <v>17185</v>
      </c>
      <c r="B16568" t="s">
        <v>11981</v>
      </c>
      <c r="C16568" t="s">
        <v>17159</v>
      </c>
      <c r="D16568" t="s">
        <v>17186</v>
      </c>
    </row>
    <row r="16569" spans="1:4" x14ac:dyDescent="0.4">
      <c r="A16569" s="1" t="s">
        <v>17187</v>
      </c>
      <c r="B16569" t="s">
        <v>11981</v>
      </c>
      <c r="C16569" t="s">
        <v>17159</v>
      </c>
      <c r="D16569" t="s">
        <v>17188</v>
      </c>
    </row>
    <row r="16570" spans="1:4" x14ac:dyDescent="0.4">
      <c r="A16570" s="1" t="s">
        <v>17189</v>
      </c>
      <c r="B16570" t="s">
        <v>11981</v>
      </c>
      <c r="C16570" t="s">
        <v>17159</v>
      </c>
      <c r="D16570" t="s">
        <v>17190</v>
      </c>
    </row>
    <row r="16571" spans="1:4" x14ac:dyDescent="0.4">
      <c r="A16571" s="1" t="s">
        <v>17191</v>
      </c>
      <c r="B16571" t="s">
        <v>11981</v>
      </c>
      <c r="C16571" t="s">
        <v>17159</v>
      </c>
      <c r="D16571" t="s">
        <v>17192</v>
      </c>
    </row>
    <row r="16572" spans="1:4" x14ac:dyDescent="0.4">
      <c r="A16572" s="1" t="s">
        <v>17193</v>
      </c>
      <c r="B16572" t="s">
        <v>11981</v>
      </c>
      <c r="C16572" t="s">
        <v>17159</v>
      </c>
      <c r="D16572" t="s">
        <v>17194</v>
      </c>
    </row>
    <row r="16573" spans="1:4" x14ac:dyDescent="0.4">
      <c r="A16573" s="1" t="s">
        <v>17195</v>
      </c>
      <c r="B16573" t="s">
        <v>11981</v>
      </c>
      <c r="C16573" t="s">
        <v>17159</v>
      </c>
      <c r="D16573" t="s">
        <v>17196</v>
      </c>
    </row>
    <row r="16574" spans="1:4" x14ac:dyDescent="0.4">
      <c r="A16574" s="1" t="s">
        <v>17197</v>
      </c>
      <c r="B16574" t="s">
        <v>11981</v>
      </c>
      <c r="C16574" t="s">
        <v>17159</v>
      </c>
      <c r="D16574" t="s">
        <v>17198</v>
      </c>
    </row>
    <row r="16575" spans="1:4" x14ac:dyDescent="0.4">
      <c r="A16575" s="1" t="s">
        <v>17199</v>
      </c>
      <c r="B16575" t="s">
        <v>11981</v>
      </c>
      <c r="C16575" t="s">
        <v>17159</v>
      </c>
      <c r="D16575" t="s">
        <v>17200</v>
      </c>
    </row>
    <row r="16576" spans="1:4" x14ac:dyDescent="0.4">
      <c r="A16576" s="1" t="s">
        <v>17201</v>
      </c>
      <c r="B16576" t="s">
        <v>11981</v>
      </c>
      <c r="C16576" t="s">
        <v>17159</v>
      </c>
      <c r="D16576" t="s">
        <v>17202</v>
      </c>
    </row>
    <row r="16577" spans="1:4" x14ac:dyDescent="0.4">
      <c r="A16577" s="1" t="s">
        <v>17203</v>
      </c>
      <c r="B16577" t="s">
        <v>11981</v>
      </c>
      <c r="C16577" t="s">
        <v>17159</v>
      </c>
      <c r="D16577" t="s">
        <v>17204</v>
      </c>
    </row>
    <row r="16578" spans="1:4" x14ac:dyDescent="0.4">
      <c r="A16578" s="1" t="s">
        <v>17205</v>
      </c>
      <c r="B16578" t="s">
        <v>11981</v>
      </c>
      <c r="C16578" t="s">
        <v>17159</v>
      </c>
      <c r="D16578" t="s">
        <v>17206</v>
      </c>
    </row>
    <row r="16579" spans="1:4" x14ac:dyDescent="0.4">
      <c r="A16579" s="1" t="s">
        <v>17164</v>
      </c>
      <c r="B16579" t="s">
        <v>11981</v>
      </c>
      <c r="C16579" t="s">
        <v>17159</v>
      </c>
      <c r="D16579" t="s">
        <v>17207</v>
      </c>
    </row>
    <row r="16580" spans="1:4" x14ac:dyDescent="0.4">
      <c r="A16580" s="1" t="s">
        <v>17173</v>
      </c>
      <c r="B16580" t="s">
        <v>11981</v>
      </c>
      <c r="C16580" t="s">
        <v>17159</v>
      </c>
      <c r="D16580" t="s">
        <v>17208</v>
      </c>
    </row>
    <row r="16581" spans="1:4" x14ac:dyDescent="0.4">
      <c r="A16581" s="1" t="s">
        <v>17160</v>
      </c>
      <c r="B16581" t="s">
        <v>11981</v>
      </c>
      <c r="C16581" t="s">
        <v>17159</v>
      </c>
      <c r="D16581" t="s">
        <v>17209</v>
      </c>
    </row>
    <row r="16582" spans="1:4" x14ac:dyDescent="0.4">
      <c r="A16582" s="1" t="s">
        <v>17179</v>
      </c>
      <c r="B16582" t="s">
        <v>11981</v>
      </c>
      <c r="C16582" t="s">
        <v>17159</v>
      </c>
      <c r="D16582" t="s">
        <v>17210</v>
      </c>
    </row>
    <row r="16583" spans="1:4" x14ac:dyDescent="0.4">
      <c r="A16583" s="1" t="s">
        <v>17164</v>
      </c>
      <c r="B16583" t="s">
        <v>11981</v>
      </c>
      <c r="C16583" t="s">
        <v>17159</v>
      </c>
      <c r="D16583" t="s">
        <v>17211</v>
      </c>
    </row>
    <row r="16584" spans="1:4" x14ac:dyDescent="0.4">
      <c r="A16584" s="1" t="s">
        <v>17212</v>
      </c>
      <c r="B16584" t="s">
        <v>11981</v>
      </c>
      <c r="C16584" t="s">
        <v>17159</v>
      </c>
      <c r="D16584" t="s">
        <v>17213</v>
      </c>
    </row>
    <row r="16585" spans="1:4" x14ac:dyDescent="0.4">
      <c r="A16585" s="1" t="s">
        <v>17170</v>
      </c>
      <c r="B16585" t="s">
        <v>11981</v>
      </c>
      <c r="C16585" t="s">
        <v>17159</v>
      </c>
      <c r="D16585" t="s">
        <v>17214</v>
      </c>
    </row>
    <row r="16586" spans="1:4" x14ac:dyDescent="0.4">
      <c r="A16586" s="1" t="s">
        <v>17215</v>
      </c>
      <c r="B16586" t="s">
        <v>11981</v>
      </c>
      <c r="C16586" t="s">
        <v>17159</v>
      </c>
      <c r="D16586" t="s">
        <v>17216</v>
      </c>
    </row>
    <row r="16587" spans="1:4" x14ac:dyDescent="0.4">
      <c r="A16587" s="1" t="s">
        <v>17217</v>
      </c>
      <c r="B16587" t="s">
        <v>11981</v>
      </c>
      <c r="C16587" t="s">
        <v>17159</v>
      </c>
      <c r="D16587" t="s">
        <v>17218</v>
      </c>
    </row>
    <row r="16588" spans="1:4" x14ac:dyDescent="0.4">
      <c r="A16588" s="1" t="s">
        <v>17173</v>
      </c>
      <c r="B16588" t="s">
        <v>11981</v>
      </c>
      <c r="C16588" t="s">
        <v>17159</v>
      </c>
      <c r="D16588" t="s">
        <v>17219</v>
      </c>
    </row>
    <row r="16589" spans="1:4" x14ac:dyDescent="0.4">
      <c r="A16589" s="1" t="s">
        <v>17215</v>
      </c>
      <c r="B16589" t="s">
        <v>11981</v>
      </c>
      <c r="C16589" t="s">
        <v>17159</v>
      </c>
      <c r="D16589" t="s">
        <v>17220</v>
      </c>
    </row>
    <row r="16590" spans="1:4" x14ac:dyDescent="0.4">
      <c r="A16590" s="1" t="s">
        <v>17215</v>
      </c>
      <c r="B16590" t="s">
        <v>11981</v>
      </c>
      <c r="C16590" t="s">
        <v>17159</v>
      </c>
      <c r="D16590" t="s">
        <v>17221</v>
      </c>
    </row>
    <row r="16591" spans="1:4" x14ac:dyDescent="0.4">
      <c r="A16591" s="1" t="s">
        <v>17164</v>
      </c>
      <c r="B16591" t="s">
        <v>11981</v>
      </c>
      <c r="C16591" t="s">
        <v>17159</v>
      </c>
      <c r="D16591" t="s">
        <v>17222</v>
      </c>
    </row>
    <row r="16592" spans="1:4" x14ac:dyDescent="0.4">
      <c r="A16592" s="1" t="s">
        <v>17170</v>
      </c>
      <c r="B16592" t="s">
        <v>11981</v>
      </c>
      <c r="C16592" t="s">
        <v>17159</v>
      </c>
      <c r="D16592" t="s">
        <v>17223</v>
      </c>
    </row>
    <row r="16593" spans="1:4" x14ac:dyDescent="0.4">
      <c r="A16593" s="1" t="s">
        <v>17160</v>
      </c>
      <c r="B16593" t="s">
        <v>11981</v>
      </c>
      <c r="C16593" t="s">
        <v>17159</v>
      </c>
      <c r="D16593" t="s">
        <v>17224</v>
      </c>
    </row>
    <row r="16594" spans="1:4" x14ac:dyDescent="0.4">
      <c r="A16594" s="1" t="s">
        <v>17170</v>
      </c>
      <c r="B16594" t="s">
        <v>11981</v>
      </c>
      <c r="C16594" t="s">
        <v>17159</v>
      </c>
      <c r="D16594" t="s">
        <v>17225</v>
      </c>
    </row>
    <row r="16595" spans="1:4" x14ac:dyDescent="0.4">
      <c r="A16595" s="1" t="s">
        <v>17170</v>
      </c>
      <c r="B16595" t="s">
        <v>11981</v>
      </c>
      <c r="C16595" t="s">
        <v>17159</v>
      </c>
      <c r="D16595" t="s">
        <v>17226</v>
      </c>
    </row>
    <row r="16596" spans="1:4" x14ac:dyDescent="0.4">
      <c r="A16596" s="1" t="s">
        <v>17164</v>
      </c>
      <c r="B16596" t="s">
        <v>11981</v>
      </c>
      <c r="C16596" t="s">
        <v>17159</v>
      </c>
      <c r="D16596" t="s">
        <v>17227</v>
      </c>
    </row>
    <row r="16597" spans="1:4" x14ac:dyDescent="0.4">
      <c r="A16597" s="1" t="s">
        <v>17228</v>
      </c>
      <c r="B16597" t="s">
        <v>11981</v>
      </c>
      <c r="C16597" t="s">
        <v>17159</v>
      </c>
      <c r="D16597" t="s">
        <v>17229</v>
      </c>
    </row>
    <row r="16598" spans="1:4" x14ac:dyDescent="0.4">
      <c r="A16598" s="1" t="s">
        <v>17160</v>
      </c>
      <c r="B16598" t="s">
        <v>11981</v>
      </c>
      <c r="C16598" t="s">
        <v>17159</v>
      </c>
      <c r="D16598" t="s">
        <v>17230</v>
      </c>
    </row>
    <row r="16599" spans="1:4" x14ac:dyDescent="0.4">
      <c r="A16599" s="1" t="s">
        <v>17231</v>
      </c>
      <c r="B16599" t="s">
        <v>11981</v>
      </c>
      <c r="C16599" t="s">
        <v>17159</v>
      </c>
      <c r="D16599" t="s">
        <v>17232</v>
      </c>
    </row>
    <row r="16600" spans="1:4" x14ac:dyDescent="0.4">
      <c r="A16600" s="1" t="s">
        <v>17233</v>
      </c>
      <c r="B16600" t="s">
        <v>11981</v>
      </c>
      <c r="C16600" t="s">
        <v>17159</v>
      </c>
      <c r="D16600" t="s">
        <v>17234</v>
      </c>
    </row>
    <row r="16601" spans="1:4" x14ac:dyDescent="0.4">
      <c r="A16601" s="1" t="s">
        <v>17164</v>
      </c>
      <c r="B16601" t="s">
        <v>11981</v>
      </c>
      <c r="C16601" t="s">
        <v>17159</v>
      </c>
      <c r="D16601" t="s">
        <v>17235</v>
      </c>
    </row>
    <row r="16602" spans="1:4" x14ac:dyDescent="0.4">
      <c r="A16602" s="1" t="s">
        <v>17170</v>
      </c>
      <c r="B16602" t="s">
        <v>11981</v>
      </c>
      <c r="C16602" t="s">
        <v>17159</v>
      </c>
      <c r="D16602" t="s">
        <v>17236</v>
      </c>
    </row>
    <row r="16603" spans="1:4" x14ac:dyDescent="0.4">
      <c r="A16603" s="1" t="s">
        <v>17237</v>
      </c>
      <c r="B16603" t="s">
        <v>11981</v>
      </c>
      <c r="C16603" t="s">
        <v>17238</v>
      </c>
    </row>
    <row r="16604" spans="1:4" x14ac:dyDescent="0.4">
      <c r="A16604" s="1" t="s">
        <v>17239</v>
      </c>
      <c r="B16604" t="s">
        <v>11981</v>
      </c>
      <c r="C16604" t="s">
        <v>17238</v>
      </c>
      <c r="D16604" t="s">
        <v>17240</v>
      </c>
    </row>
    <row r="16605" spans="1:4" x14ac:dyDescent="0.4">
      <c r="A16605" s="1" t="s">
        <v>17241</v>
      </c>
      <c r="B16605" t="s">
        <v>11981</v>
      </c>
      <c r="C16605" t="s">
        <v>17238</v>
      </c>
      <c r="D16605" t="s">
        <v>17242</v>
      </c>
    </row>
    <row r="16606" spans="1:4" x14ac:dyDescent="0.4">
      <c r="A16606" s="1" t="s">
        <v>17243</v>
      </c>
      <c r="B16606" t="s">
        <v>11981</v>
      </c>
      <c r="C16606" t="s">
        <v>17238</v>
      </c>
      <c r="D16606" t="s">
        <v>16977</v>
      </c>
    </row>
    <row r="16607" spans="1:4" x14ac:dyDescent="0.4">
      <c r="A16607" s="1" t="s">
        <v>17244</v>
      </c>
      <c r="B16607" t="s">
        <v>11981</v>
      </c>
      <c r="C16607" t="s">
        <v>17238</v>
      </c>
      <c r="D16607" t="s">
        <v>472</v>
      </c>
    </row>
    <row r="16608" spans="1:4" x14ac:dyDescent="0.4">
      <c r="A16608" s="1" t="s">
        <v>17245</v>
      </c>
      <c r="B16608" t="s">
        <v>11981</v>
      </c>
      <c r="C16608" t="s">
        <v>17238</v>
      </c>
      <c r="D16608" t="s">
        <v>17246</v>
      </c>
    </row>
    <row r="16609" spans="1:4" x14ac:dyDescent="0.4">
      <c r="A16609" s="1" t="s">
        <v>17247</v>
      </c>
      <c r="B16609" t="s">
        <v>11981</v>
      </c>
      <c r="C16609" t="s">
        <v>17248</v>
      </c>
    </row>
    <row r="16610" spans="1:4" x14ac:dyDescent="0.4">
      <c r="A16610" s="1" t="s">
        <v>17249</v>
      </c>
      <c r="B16610" t="s">
        <v>11981</v>
      </c>
      <c r="C16610" t="s">
        <v>17248</v>
      </c>
      <c r="D16610" t="s">
        <v>4604</v>
      </c>
    </row>
    <row r="16611" spans="1:4" x14ac:dyDescent="0.4">
      <c r="A16611" s="1" t="s">
        <v>17250</v>
      </c>
      <c r="B16611" t="s">
        <v>11981</v>
      </c>
      <c r="C16611" t="s">
        <v>17248</v>
      </c>
      <c r="D16611" t="s">
        <v>17251</v>
      </c>
    </row>
    <row r="16612" spans="1:4" x14ac:dyDescent="0.4">
      <c r="A16612" s="1" t="s">
        <v>17252</v>
      </c>
      <c r="B16612" t="s">
        <v>11981</v>
      </c>
      <c r="C16612" t="s">
        <v>17253</v>
      </c>
    </row>
    <row r="16613" spans="1:4" x14ac:dyDescent="0.4">
      <c r="A16613" s="1" t="s">
        <v>17254</v>
      </c>
      <c r="B16613" t="s">
        <v>11981</v>
      </c>
      <c r="C16613" t="s">
        <v>17253</v>
      </c>
      <c r="D16613" t="s">
        <v>17255</v>
      </c>
    </row>
    <row r="16614" spans="1:4" x14ac:dyDescent="0.4">
      <c r="A16614" s="1" t="s">
        <v>17256</v>
      </c>
      <c r="B16614" t="s">
        <v>11981</v>
      </c>
      <c r="C16614" t="s">
        <v>17253</v>
      </c>
      <c r="D16614" t="s">
        <v>17257</v>
      </c>
    </row>
    <row r="16615" spans="1:4" x14ac:dyDescent="0.4">
      <c r="A16615" s="1" t="s">
        <v>17258</v>
      </c>
      <c r="B16615" t="s">
        <v>11981</v>
      </c>
      <c r="C16615" t="s">
        <v>17253</v>
      </c>
      <c r="D16615" t="s">
        <v>17259</v>
      </c>
    </row>
    <row r="16616" spans="1:4" x14ac:dyDescent="0.4">
      <c r="A16616" s="1" t="s">
        <v>17260</v>
      </c>
      <c r="B16616" t="s">
        <v>11981</v>
      </c>
      <c r="C16616" t="s">
        <v>17253</v>
      </c>
      <c r="D16616" t="s">
        <v>17261</v>
      </c>
    </row>
    <row r="16617" spans="1:4" x14ac:dyDescent="0.4">
      <c r="A16617" s="1" t="s">
        <v>17262</v>
      </c>
      <c r="B16617" t="s">
        <v>11981</v>
      </c>
      <c r="C16617" t="s">
        <v>17253</v>
      </c>
      <c r="D16617" t="s">
        <v>17263</v>
      </c>
    </row>
    <row r="16618" spans="1:4" x14ac:dyDescent="0.4">
      <c r="A16618" s="1" t="s">
        <v>17264</v>
      </c>
      <c r="B16618" t="s">
        <v>11981</v>
      </c>
      <c r="C16618" t="s">
        <v>17253</v>
      </c>
      <c r="D16618" t="s">
        <v>17265</v>
      </c>
    </row>
    <row r="16619" spans="1:4" x14ac:dyDescent="0.4">
      <c r="A16619" s="1" t="s">
        <v>17266</v>
      </c>
      <c r="B16619" t="s">
        <v>11981</v>
      </c>
      <c r="C16619" t="s">
        <v>17253</v>
      </c>
      <c r="D16619" t="s">
        <v>5137</v>
      </c>
    </row>
    <row r="16620" spans="1:4" x14ac:dyDescent="0.4">
      <c r="A16620" s="1" t="s">
        <v>17267</v>
      </c>
      <c r="B16620" t="s">
        <v>11981</v>
      </c>
      <c r="C16620" t="s">
        <v>17253</v>
      </c>
      <c r="D16620" t="s">
        <v>17268</v>
      </c>
    </row>
    <row r="16621" spans="1:4" x14ac:dyDescent="0.4">
      <c r="A16621" s="1" t="s">
        <v>17269</v>
      </c>
      <c r="B16621" t="s">
        <v>11981</v>
      </c>
      <c r="C16621" t="s">
        <v>17253</v>
      </c>
      <c r="D16621" t="s">
        <v>17270</v>
      </c>
    </row>
    <row r="16622" spans="1:4" x14ac:dyDescent="0.4">
      <c r="A16622" s="1" t="s">
        <v>17271</v>
      </c>
      <c r="B16622" t="s">
        <v>11981</v>
      </c>
      <c r="C16622" t="s">
        <v>17272</v>
      </c>
    </row>
    <row r="16623" spans="1:4" x14ac:dyDescent="0.4">
      <c r="A16623" s="1" t="s">
        <v>17273</v>
      </c>
      <c r="B16623" t="s">
        <v>11981</v>
      </c>
      <c r="C16623" t="s">
        <v>17272</v>
      </c>
      <c r="D16623" t="s">
        <v>17274</v>
      </c>
    </row>
    <row r="16624" spans="1:4" x14ac:dyDescent="0.4">
      <c r="A16624" s="1" t="s">
        <v>17275</v>
      </c>
      <c r="B16624" t="s">
        <v>11981</v>
      </c>
      <c r="C16624" t="s">
        <v>17272</v>
      </c>
      <c r="D16624" t="s">
        <v>17276</v>
      </c>
    </row>
    <row r="16625" spans="1:4" x14ac:dyDescent="0.4">
      <c r="A16625" s="1" t="s">
        <v>17277</v>
      </c>
      <c r="B16625" t="s">
        <v>11981</v>
      </c>
      <c r="C16625" t="s">
        <v>17272</v>
      </c>
      <c r="D16625" t="s">
        <v>17278</v>
      </c>
    </row>
    <row r="16626" spans="1:4" x14ac:dyDescent="0.4">
      <c r="A16626" s="1" t="s">
        <v>17279</v>
      </c>
      <c r="B16626" t="s">
        <v>11981</v>
      </c>
      <c r="C16626" t="s">
        <v>17280</v>
      </c>
    </row>
    <row r="16627" spans="1:4" x14ac:dyDescent="0.4">
      <c r="A16627" s="1" t="s">
        <v>17281</v>
      </c>
      <c r="B16627" t="s">
        <v>11981</v>
      </c>
      <c r="C16627" t="s">
        <v>17280</v>
      </c>
      <c r="D16627" t="s">
        <v>6226</v>
      </c>
    </row>
    <row r="16628" spans="1:4" x14ac:dyDescent="0.4">
      <c r="A16628" s="1" t="s">
        <v>17282</v>
      </c>
      <c r="B16628" t="s">
        <v>11981</v>
      </c>
      <c r="C16628" t="s">
        <v>17280</v>
      </c>
      <c r="D16628" t="s">
        <v>17283</v>
      </c>
    </row>
    <row r="16629" spans="1:4" x14ac:dyDescent="0.4">
      <c r="A16629" s="1" t="s">
        <v>17284</v>
      </c>
      <c r="B16629" t="s">
        <v>11981</v>
      </c>
      <c r="C16629" t="s">
        <v>17280</v>
      </c>
      <c r="D16629" t="s">
        <v>17285</v>
      </c>
    </row>
    <row r="16630" spans="1:4" x14ac:dyDescent="0.4">
      <c r="A16630" s="1" t="s">
        <v>17286</v>
      </c>
      <c r="B16630" t="s">
        <v>11981</v>
      </c>
      <c r="C16630" t="s">
        <v>17280</v>
      </c>
      <c r="D16630" t="s">
        <v>3183</v>
      </c>
    </row>
    <row r="16631" spans="1:4" x14ac:dyDescent="0.4">
      <c r="A16631" s="1" t="s">
        <v>17287</v>
      </c>
      <c r="B16631" t="s">
        <v>11981</v>
      </c>
      <c r="C16631" t="s">
        <v>17280</v>
      </c>
      <c r="D16631" t="s">
        <v>17288</v>
      </c>
    </row>
    <row r="16632" spans="1:4" x14ac:dyDescent="0.4">
      <c r="A16632" s="1" t="s">
        <v>17289</v>
      </c>
      <c r="B16632" t="s">
        <v>11981</v>
      </c>
      <c r="C16632" t="s">
        <v>17280</v>
      </c>
      <c r="D16632" t="s">
        <v>634</v>
      </c>
    </row>
    <row r="16633" spans="1:4" x14ac:dyDescent="0.4">
      <c r="A16633" s="1" t="s">
        <v>17290</v>
      </c>
      <c r="B16633" t="s">
        <v>11981</v>
      </c>
      <c r="C16633" t="s">
        <v>17280</v>
      </c>
      <c r="D16633" t="s">
        <v>2287</v>
      </c>
    </row>
    <row r="16634" spans="1:4" x14ac:dyDescent="0.4">
      <c r="A16634" s="1" t="s">
        <v>17291</v>
      </c>
      <c r="B16634" t="s">
        <v>11981</v>
      </c>
      <c r="C16634" t="s">
        <v>17280</v>
      </c>
      <c r="D16634" t="s">
        <v>17292</v>
      </c>
    </row>
    <row r="16635" spans="1:4" x14ac:dyDescent="0.4">
      <c r="A16635" s="1" t="s">
        <v>17293</v>
      </c>
      <c r="B16635" t="s">
        <v>11981</v>
      </c>
      <c r="C16635" t="s">
        <v>17280</v>
      </c>
      <c r="D16635" t="s">
        <v>17294</v>
      </c>
    </row>
    <row r="16636" spans="1:4" x14ac:dyDescent="0.4">
      <c r="A16636" s="1" t="s">
        <v>17295</v>
      </c>
      <c r="B16636" t="s">
        <v>11981</v>
      </c>
      <c r="C16636" t="s">
        <v>17280</v>
      </c>
      <c r="D16636" t="s">
        <v>255</v>
      </c>
    </row>
    <row r="16637" spans="1:4" x14ac:dyDescent="0.4">
      <c r="A16637" s="1" t="s">
        <v>17296</v>
      </c>
      <c r="B16637" t="s">
        <v>11981</v>
      </c>
      <c r="C16637" t="s">
        <v>17280</v>
      </c>
      <c r="D16637" t="s">
        <v>4252</v>
      </c>
    </row>
    <row r="16638" spans="1:4" x14ac:dyDescent="0.4">
      <c r="A16638" s="1" t="s">
        <v>17297</v>
      </c>
      <c r="B16638" t="s">
        <v>11981</v>
      </c>
      <c r="C16638" t="s">
        <v>17280</v>
      </c>
      <c r="D16638" t="s">
        <v>367</v>
      </c>
    </row>
    <row r="16639" spans="1:4" x14ac:dyDescent="0.4">
      <c r="A16639" s="1" t="s">
        <v>17298</v>
      </c>
      <c r="B16639" t="s">
        <v>11981</v>
      </c>
      <c r="C16639" t="s">
        <v>17280</v>
      </c>
      <c r="D16639" t="s">
        <v>2323</v>
      </c>
    </row>
    <row r="16640" spans="1:4" x14ac:dyDescent="0.4">
      <c r="A16640" s="1" t="s">
        <v>17299</v>
      </c>
      <c r="B16640" t="s">
        <v>11981</v>
      </c>
      <c r="C16640" t="s">
        <v>17280</v>
      </c>
      <c r="D16640" t="s">
        <v>3363</v>
      </c>
    </row>
    <row r="16641" spans="1:4" x14ac:dyDescent="0.4">
      <c r="A16641" s="1" t="s">
        <v>17300</v>
      </c>
      <c r="B16641" t="s">
        <v>11981</v>
      </c>
      <c r="C16641" t="s">
        <v>17280</v>
      </c>
      <c r="D16641" t="s">
        <v>9113</v>
      </c>
    </row>
    <row r="16642" spans="1:4" x14ac:dyDescent="0.4">
      <c r="A16642" s="1" t="s">
        <v>17301</v>
      </c>
      <c r="B16642" t="s">
        <v>11981</v>
      </c>
      <c r="C16642" t="s">
        <v>17280</v>
      </c>
      <c r="D16642" t="s">
        <v>403</v>
      </c>
    </row>
    <row r="16643" spans="1:4" x14ac:dyDescent="0.4">
      <c r="A16643" s="1" t="s">
        <v>17302</v>
      </c>
      <c r="B16643" t="s">
        <v>11981</v>
      </c>
      <c r="C16643" t="s">
        <v>17280</v>
      </c>
      <c r="D16643" t="s">
        <v>4708</v>
      </c>
    </row>
    <row r="16644" spans="1:4" x14ac:dyDescent="0.4">
      <c r="A16644" s="1" t="s">
        <v>17303</v>
      </c>
      <c r="B16644" t="s">
        <v>11981</v>
      </c>
      <c r="C16644" t="s">
        <v>17304</v>
      </c>
    </row>
    <row r="16645" spans="1:4" x14ac:dyDescent="0.4">
      <c r="A16645" s="1" t="s">
        <v>17305</v>
      </c>
      <c r="B16645" t="s">
        <v>11981</v>
      </c>
      <c r="C16645" t="s">
        <v>17304</v>
      </c>
      <c r="D16645" t="s">
        <v>529</v>
      </c>
    </row>
    <row r="16646" spans="1:4" x14ac:dyDescent="0.4">
      <c r="A16646" s="1" t="s">
        <v>17306</v>
      </c>
      <c r="B16646" t="s">
        <v>11981</v>
      </c>
      <c r="C16646" t="s">
        <v>17304</v>
      </c>
      <c r="D16646" t="s">
        <v>3736</v>
      </c>
    </row>
    <row r="16647" spans="1:4" x14ac:dyDescent="0.4">
      <c r="A16647" s="1" t="s">
        <v>17307</v>
      </c>
      <c r="B16647" t="s">
        <v>11981</v>
      </c>
      <c r="C16647" t="s">
        <v>17304</v>
      </c>
      <c r="D16647" t="s">
        <v>17308</v>
      </c>
    </row>
    <row r="16648" spans="1:4" x14ac:dyDescent="0.4">
      <c r="A16648" s="1" t="s">
        <v>17309</v>
      </c>
      <c r="B16648" t="s">
        <v>11981</v>
      </c>
      <c r="C16648" t="s">
        <v>17304</v>
      </c>
      <c r="D16648" t="s">
        <v>537</v>
      </c>
    </row>
    <row r="16649" spans="1:4" x14ac:dyDescent="0.4">
      <c r="A16649" s="1" t="s">
        <v>17310</v>
      </c>
      <c r="B16649" t="s">
        <v>11981</v>
      </c>
      <c r="C16649" t="s">
        <v>17304</v>
      </c>
      <c r="D16649" t="s">
        <v>11146</v>
      </c>
    </row>
    <row r="16650" spans="1:4" x14ac:dyDescent="0.4">
      <c r="A16650" s="1" t="s">
        <v>17311</v>
      </c>
      <c r="B16650" t="s">
        <v>11981</v>
      </c>
      <c r="C16650" t="s">
        <v>17304</v>
      </c>
      <c r="D16650" t="s">
        <v>2663</v>
      </c>
    </row>
    <row r="16651" spans="1:4" x14ac:dyDescent="0.4">
      <c r="A16651" s="1" t="s">
        <v>17312</v>
      </c>
      <c r="B16651" t="s">
        <v>11981</v>
      </c>
      <c r="C16651" t="s">
        <v>17304</v>
      </c>
      <c r="D16651" t="s">
        <v>151</v>
      </c>
    </row>
    <row r="16652" spans="1:4" x14ac:dyDescent="0.4">
      <c r="A16652" s="1" t="s">
        <v>17313</v>
      </c>
      <c r="B16652" t="s">
        <v>11981</v>
      </c>
      <c r="C16652" t="s">
        <v>17304</v>
      </c>
      <c r="D16652" t="s">
        <v>17314</v>
      </c>
    </row>
    <row r="16653" spans="1:4" x14ac:dyDescent="0.4">
      <c r="A16653" s="1" t="s">
        <v>17315</v>
      </c>
      <c r="B16653" t="s">
        <v>11981</v>
      </c>
      <c r="C16653" t="s">
        <v>17304</v>
      </c>
      <c r="D16653" t="s">
        <v>12064</v>
      </c>
    </row>
    <row r="16654" spans="1:4" x14ac:dyDescent="0.4">
      <c r="A16654" s="1" t="s">
        <v>17316</v>
      </c>
      <c r="B16654" t="s">
        <v>11981</v>
      </c>
      <c r="C16654" t="s">
        <v>17304</v>
      </c>
      <c r="D16654" t="s">
        <v>2780</v>
      </c>
    </row>
    <row r="16655" spans="1:4" x14ac:dyDescent="0.4">
      <c r="A16655" s="1" t="s">
        <v>17317</v>
      </c>
      <c r="B16655" t="s">
        <v>11981</v>
      </c>
      <c r="C16655" t="s">
        <v>17304</v>
      </c>
      <c r="D16655" t="s">
        <v>17318</v>
      </c>
    </row>
    <row r="16656" spans="1:4" x14ac:dyDescent="0.4">
      <c r="A16656" s="1" t="s">
        <v>17319</v>
      </c>
      <c r="B16656" t="s">
        <v>11981</v>
      </c>
      <c r="C16656" t="s">
        <v>17304</v>
      </c>
      <c r="D16656" t="s">
        <v>2112</v>
      </c>
    </row>
    <row r="16657" spans="1:4" x14ac:dyDescent="0.4">
      <c r="A16657" s="1" t="s">
        <v>17320</v>
      </c>
      <c r="B16657" t="s">
        <v>11981</v>
      </c>
      <c r="C16657" t="s">
        <v>17304</v>
      </c>
      <c r="D16657" t="s">
        <v>479</v>
      </c>
    </row>
    <row r="16658" spans="1:4" x14ac:dyDescent="0.4">
      <c r="A16658" s="1" t="s">
        <v>17321</v>
      </c>
      <c r="B16658" t="s">
        <v>11981</v>
      </c>
      <c r="C16658" t="s">
        <v>17304</v>
      </c>
      <c r="D16658" t="s">
        <v>5925</v>
      </c>
    </row>
    <row r="16659" spans="1:4" x14ac:dyDescent="0.4">
      <c r="A16659" s="1" t="s">
        <v>17322</v>
      </c>
      <c r="B16659" t="s">
        <v>11981</v>
      </c>
      <c r="C16659" t="s">
        <v>17304</v>
      </c>
      <c r="D16659" t="s">
        <v>3729</v>
      </c>
    </row>
    <row r="16660" spans="1:4" x14ac:dyDescent="0.4">
      <c r="A16660" s="1" t="s">
        <v>17323</v>
      </c>
      <c r="B16660" t="s">
        <v>11981</v>
      </c>
      <c r="C16660" t="s">
        <v>17324</v>
      </c>
    </row>
    <row r="16661" spans="1:4" x14ac:dyDescent="0.4">
      <c r="A16661" s="1" t="s">
        <v>17325</v>
      </c>
      <c r="B16661" t="s">
        <v>11981</v>
      </c>
      <c r="C16661" t="s">
        <v>17324</v>
      </c>
      <c r="D16661" t="s">
        <v>17326</v>
      </c>
    </row>
    <row r="16662" spans="1:4" x14ac:dyDescent="0.4">
      <c r="A16662" s="1" t="s">
        <v>17327</v>
      </c>
      <c r="B16662" t="s">
        <v>11981</v>
      </c>
      <c r="C16662" t="s">
        <v>17324</v>
      </c>
      <c r="D16662" t="s">
        <v>17328</v>
      </c>
    </row>
    <row r="16663" spans="1:4" x14ac:dyDescent="0.4">
      <c r="A16663" s="1" t="s">
        <v>17329</v>
      </c>
      <c r="B16663" t="s">
        <v>11981</v>
      </c>
      <c r="C16663" t="s">
        <v>17324</v>
      </c>
      <c r="D16663" t="s">
        <v>17330</v>
      </c>
    </row>
    <row r="16664" spans="1:4" x14ac:dyDescent="0.4">
      <c r="A16664" s="1" t="s">
        <v>17331</v>
      </c>
      <c r="B16664" t="s">
        <v>11981</v>
      </c>
      <c r="C16664" t="s">
        <v>17324</v>
      </c>
      <c r="D16664" t="s">
        <v>17332</v>
      </c>
    </row>
    <row r="16665" spans="1:4" x14ac:dyDescent="0.4">
      <c r="A16665" s="1" t="s">
        <v>17333</v>
      </c>
      <c r="B16665" t="s">
        <v>11981</v>
      </c>
      <c r="C16665" t="s">
        <v>17324</v>
      </c>
      <c r="D16665" t="s">
        <v>17334</v>
      </c>
    </row>
    <row r="16666" spans="1:4" x14ac:dyDescent="0.4">
      <c r="A16666" s="1" t="s">
        <v>17335</v>
      </c>
      <c r="B16666" t="s">
        <v>11981</v>
      </c>
      <c r="C16666" t="s">
        <v>17324</v>
      </c>
      <c r="D16666" t="s">
        <v>2490</v>
      </c>
    </row>
    <row r="16667" spans="1:4" x14ac:dyDescent="0.4">
      <c r="A16667" s="1" t="s">
        <v>17336</v>
      </c>
      <c r="B16667" t="s">
        <v>11981</v>
      </c>
      <c r="C16667" t="s">
        <v>17324</v>
      </c>
      <c r="D16667" t="s">
        <v>17337</v>
      </c>
    </row>
    <row r="16668" spans="1:4" x14ac:dyDescent="0.4">
      <c r="A16668" s="1" t="s">
        <v>17338</v>
      </c>
      <c r="B16668" t="s">
        <v>11981</v>
      </c>
      <c r="C16668" t="s">
        <v>17324</v>
      </c>
      <c r="D16668" t="s">
        <v>17339</v>
      </c>
    </row>
    <row r="16669" spans="1:4" x14ac:dyDescent="0.4">
      <c r="A16669" s="1" t="s">
        <v>17340</v>
      </c>
      <c r="B16669" t="s">
        <v>11981</v>
      </c>
      <c r="C16669" t="s">
        <v>17324</v>
      </c>
      <c r="D16669" t="s">
        <v>12024</v>
      </c>
    </row>
    <row r="16670" spans="1:4" x14ac:dyDescent="0.4">
      <c r="A16670" s="1" t="s">
        <v>17341</v>
      </c>
      <c r="B16670" t="s">
        <v>11981</v>
      </c>
      <c r="C16670" t="s">
        <v>17324</v>
      </c>
      <c r="D16670" t="s">
        <v>17342</v>
      </c>
    </row>
    <row r="16671" spans="1:4" x14ac:dyDescent="0.4">
      <c r="A16671" s="1" t="s">
        <v>17343</v>
      </c>
      <c r="B16671" t="s">
        <v>11981</v>
      </c>
      <c r="C16671" t="s">
        <v>17324</v>
      </c>
      <c r="D16671" t="s">
        <v>17344</v>
      </c>
    </row>
    <row r="16672" spans="1:4" x14ac:dyDescent="0.4">
      <c r="A16672" s="1" t="s">
        <v>17345</v>
      </c>
      <c r="B16672" t="s">
        <v>11981</v>
      </c>
      <c r="C16672" t="s">
        <v>17324</v>
      </c>
      <c r="D16672" t="s">
        <v>17346</v>
      </c>
    </row>
    <row r="16673" spans="1:4" x14ac:dyDescent="0.4">
      <c r="A16673" s="1" t="s">
        <v>17347</v>
      </c>
      <c r="B16673" t="s">
        <v>11981</v>
      </c>
      <c r="C16673" t="s">
        <v>17324</v>
      </c>
      <c r="D16673" t="s">
        <v>17348</v>
      </c>
    </row>
    <row r="16674" spans="1:4" x14ac:dyDescent="0.4">
      <c r="A16674" s="1" t="s">
        <v>17349</v>
      </c>
      <c r="B16674" t="s">
        <v>11981</v>
      </c>
      <c r="C16674" t="s">
        <v>17324</v>
      </c>
      <c r="D16674" t="s">
        <v>17350</v>
      </c>
    </row>
    <row r="16675" spans="1:4" x14ac:dyDescent="0.4">
      <c r="A16675" s="1" t="s">
        <v>17351</v>
      </c>
      <c r="B16675" t="s">
        <v>11981</v>
      </c>
      <c r="C16675" t="s">
        <v>17324</v>
      </c>
      <c r="D16675" t="s">
        <v>17352</v>
      </c>
    </row>
    <row r="16676" spans="1:4" x14ac:dyDescent="0.4">
      <c r="A16676" s="1" t="s">
        <v>17353</v>
      </c>
      <c r="B16676" t="s">
        <v>11981</v>
      </c>
      <c r="C16676" t="s">
        <v>17324</v>
      </c>
      <c r="D16676" t="s">
        <v>191</v>
      </c>
    </row>
    <row r="16677" spans="1:4" x14ac:dyDescent="0.4">
      <c r="A16677" s="1" t="s">
        <v>17354</v>
      </c>
      <c r="B16677" t="s">
        <v>11981</v>
      </c>
      <c r="C16677" t="s">
        <v>17324</v>
      </c>
      <c r="D16677" t="s">
        <v>192</v>
      </c>
    </row>
    <row r="16678" spans="1:4" x14ac:dyDescent="0.4">
      <c r="A16678" s="1" t="s">
        <v>17355</v>
      </c>
      <c r="B16678" t="s">
        <v>11981</v>
      </c>
      <c r="C16678" t="s">
        <v>17324</v>
      </c>
      <c r="D16678" t="s">
        <v>17356</v>
      </c>
    </row>
    <row r="16679" spans="1:4" x14ac:dyDescent="0.4">
      <c r="A16679" s="1" t="s">
        <v>17357</v>
      </c>
      <c r="B16679" t="s">
        <v>11981</v>
      </c>
      <c r="C16679" t="s">
        <v>17324</v>
      </c>
      <c r="D16679" t="s">
        <v>17358</v>
      </c>
    </row>
    <row r="16680" spans="1:4" x14ac:dyDescent="0.4">
      <c r="A16680" s="1" t="s">
        <v>17359</v>
      </c>
      <c r="B16680" t="s">
        <v>11981</v>
      </c>
      <c r="C16680" t="s">
        <v>17324</v>
      </c>
      <c r="D16680" t="s">
        <v>17360</v>
      </c>
    </row>
    <row r="16681" spans="1:4" x14ac:dyDescent="0.4">
      <c r="A16681" s="1" t="s">
        <v>17361</v>
      </c>
      <c r="B16681" t="s">
        <v>11981</v>
      </c>
      <c r="C16681" t="s">
        <v>17362</v>
      </c>
    </row>
    <row r="16682" spans="1:4" x14ac:dyDescent="0.4">
      <c r="A16682" s="1" t="s">
        <v>17363</v>
      </c>
      <c r="B16682" t="s">
        <v>11981</v>
      </c>
      <c r="C16682" t="s">
        <v>17362</v>
      </c>
      <c r="D16682" t="s">
        <v>1710</v>
      </c>
    </row>
    <row r="16683" spans="1:4" x14ac:dyDescent="0.4">
      <c r="A16683" s="1" t="s">
        <v>17364</v>
      </c>
      <c r="B16683" t="s">
        <v>11981</v>
      </c>
      <c r="C16683" t="s">
        <v>17362</v>
      </c>
      <c r="D16683" t="s">
        <v>17365</v>
      </c>
    </row>
    <row r="16684" spans="1:4" x14ac:dyDescent="0.4">
      <c r="A16684" s="1" t="s">
        <v>17364</v>
      </c>
      <c r="B16684" t="s">
        <v>11981</v>
      </c>
      <c r="C16684" t="s">
        <v>17362</v>
      </c>
      <c r="D16684" t="s">
        <v>17366</v>
      </c>
    </row>
    <row r="16685" spans="1:4" x14ac:dyDescent="0.4">
      <c r="A16685" s="1" t="s">
        <v>17367</v>
      </c>
      <c r="B16685" t="s">
        <v>11981</v>
      </c>
      <c r="C16685" t="s">
        <v>17362</v>
      </c>
      <c r="D16685" t="s">
        <v>1656</v>
      </c>
    </row>
    <row r="16686" spans="1:4" x14ac:dyDescent="0.4">
      <c r="A16686" s="1" t="s">
        <v>17364</v>
      </c>
      <c r="B16686" t="s">
        <v>11981</v>
      </c>
      <c r="C16686" t="s">
        <v>17362</v>
      </c>
      <c r="D16686" t="s">
        <v>538</v>
      </c>
    </row>
    <row r="16687" spans="1:4" x14ac:dyDescent="0.4">
      <c r="A16687" s="1" t="s">
        <v>17364</v>
      </c>
      <c r="B16687" t="s">
        <v>11981</v>
      </c>
      <c r="C16687" t="s">
        <v>17362</v>
      </c>
      <c r="D16687" t="s">
        <v>17368</v>
      </c>
    </row>
    <row r="16688" spans="1:4" x14ac:dyDescent="0.4">
      <c r="A16688" s="1" t="s">
        <v>17364</v>
      </c>
      <c r="B16688" t="s">
        <v>11981</v>
      </c>
      <c r="C16688" t="s">
        <v>17362</v>
      </c>
      <c r="D16688" t="s">
        <v>17369</v>
      </c>
    </row>
    <row r="16689" spans="1:4" x14ac:dyDescent="0.4">
      <c r="A16689" s="1" t="s">
        <v>17364</v>
      </c>
      <c r="B16689" t="s">
        <v>11981</v>
      </c>
      <c r="C16689" t="s">
        <v>17362</v>
      </c>
      <c r="D16689" t="s">
        <v>17370</v>
      </c>
    </row>
    <row r="16690" spans="1:4" x14ac:dyDescent="0.4">
      <c r="A16690" s="1" t="s">
        <v>17364</v>
      </c>
      <c r="B16690" t="s">
        <v>11981</v>
      </c>
      <c r="C16690" t="s">
        <v>17362</v>
      </c>
      <c r="D16690" t="s">
        <v>17371</v>
      </c>
    </row>
    <row r="16691" spans="1:4" x14ac:dyDescent="0.4">
      <c r="A16691" s="1" t="s">
        <v>17372</v>
      </c>
      <c r="B16691" t="s">
        <v>11981</v>
      </c>
      <c r="C16691" t="s">
        <v>17362</v>
      </c>
      <c r="D16691" t="s">
        <v>17373</v>
      </c>
    </row>
    <row r="16692" spans="1:4" x14ac:dyDescent="0.4">
      <c r="A16692" s="1" t="s">
        <v>17363</v>
      </c>
      <c r="B16692" t="s">
        <v>11981</v>
      </c>
      <c r="C16692" t="s">
        <v>17362</v>
      </c>
      <c r="D16692" t="s">
        <v>12047</v>
      </c>
    </row>
    <row r="16693" spans="1:4" x14ac:dyDescent="0.4">
      <c r="A16693" s="1" t="s">
        <v>17367</v>
      </c>
      <c r="B16693" t="s">
        <v>11981</v>
      </c>
      <c r="C16693" t="s">
        <v>17362</v>
      </c>
      <c r="D16693" t="s">
        <v>17374</v>
      </c>
    </row>
    <row r="16694" spans="1:4" x14ac:dyDescent="0.4">
      <c r="A16694" s="1" t="s">
        <v>17375</v>
      </c>
      <c r="B16694" t="s">
        <v>11981</v>
      </c>
      <c r="C16694" t="s">
        <v>17362</v>
      </c>
      <c r="D16694" t="s">
        <v>7677</v>
      </c>
    </row>
    <row r="16695" spans="1:4" x14ac:dyDescent="0.4">
      <c r="A16695" s="1" t="s">
        <v>17376</v>
      </c>
      <c r="B16695" t="s">
        <v>11981</v>
      </c>
      <c r="C16695" t="s">
        <v>17362</v>
      </c>
      <c r="D16695" t="s">
        <v>17377</v>
      </c>
    </row>
    <row r="16696" spans="1:4" x14ac:dyDescent="0.4">
      <c r="A16696" s="1" t="s">
        <v>17372</v>
      </c>
      <c r="B16696" t="s">
        <v>11981</v>
      </c>
      <c r="C16696" t="s">
        <v>17362</v>
      </c>
      <c r="D16696" t="s">
        <v>17378</v>
      </c>
    </row>
    <row r="16697" spans="1:4" x14ac:dyDescent="0.4">
      <c r="A16697" s="1" t="s">
        <v>17364</v>
      </c>
      <c r="B16697" t="s">
        <v>11981</v>
      </c>
      <c r="C16697" t="s">
        <v>17362</v>
      </c>
      <c r="D16697" t="s">
        <v>17379</v>
      </c>
    </row>
    <row r="16698" spans="1:4" x14ac:dyDescent="0.4">
      <c r="A16698" s="1" t="s">
        <v>17364</v>
      </c>
      <c r="B16698" t="s">
        <v>11981</v>
      </c>
      <c r="C16698" t="s">
        <v>17362</v>
      </c>
      <c r="D16698" t="s">
        <v>17380</v>
      </c>
    </row>
    <row r="16699" spans="1:4" x14ac:dyDescent="0.4">
      <c r="A16699" s="1" t="s">
        <v>17364</v>
      </c>
      <c r="B16699" t="s">
        <v>11981</v>
      </c>
      <c r="C16699" t="s">
        <v>17362</v>
      </c>
      <c r="D16699" t="s">
        <v>17381</v>
      </c>
    </row>
    <row r="16700" spans="1:4" x14ac:dyDescent="0.4">
      <c r="A16700" s="1" t="s">
        <v>17364</v>
      </c>
      <c r="B16700" t="s">
        <v>11981</v>
      </c>
      <c r="C16700" t="s">
        <v>17362</v>
      </c>
      <c r="D16700" t="s">
        <v>17382</v>
      </c>
    </row>
    <row r="16701" spans="1:4" x14ac:dyDescent="0.4">
      <c r="A16701" s="1" t="s">
        <v>17364</v>
      </c>
      <c r="B16701" t="s">
        <v>11981</v>
      </c>
      <c r="C16701" t="s">
        <v>17362</v>
      </c>
      <c r="D16701" t="s">
        <v>7316</v>
      </c>
    </row>
    <row r="16702" spans="1:4" x14ac:dyDescent="0.4">
      <c r="A16702" s="1" t="s">
        <v>17372</v>
      </c>
      <c r="B16702" t="s">
        <v>11981</v>
      </c>
      <c r="C16702" t="s">
        <v>17362</v>
      </c>
      <c r="D16702" t="s">
        <v>17383</v>
      </c>
    </row>
    <row r="16703" spans="1:4" x14ac:dyDescent="0.4">
      <c r="A16703" s="1" t="s">
        <v>17363</v>
      </c>
      <c r="B16703" t="s">
        <v>11981</v>
      </c>
      <c r="C16703" t="s">
        <v>17362</v>
      </c>
      <c r="D16703" t="s">
        <v>17384</v>
      </c>
    </row>
    <row r="16704" spans="1:4" x14ac:dyDescent="0.4">
      <c r="A16704" s="1" t="s">
        <v>17375</v>
      </c>
      <c r="B16704" t="s">
        <v>11981</v>
      </c>
      <c r="C16704" t="s">
        <v>17362</v>
      </c>
      <c r="D16704" t="s">
        <v>17385</v>
      </c>
    </row>
    <row r="16705" spans="1:4" x14ac:dyDescent="0.4">
      <c r="A16705" s="1" t="s">
        <v>17364</v>
      </c>
      <c r="B16705" t="s">
        <v>11981</v>
      </c>
      <c r="C16705" t="s">
        <v>17362</v>
      </c>
      <c r="D16705" t="s">
        <v>5378</v>
      </c>
    </row>
    <row r="16706" spans="1:4" x14ac:dyDescent="0.4">
      <c r="A16706" s="1" t="s">
        <v>17375</v>
      </c>
      <c r="B16706" t="s">
        <v>11981</v>
      </c>
      <c r="C16706" t="s">
        <v>17362</v>
      </c>
      <c r="D16706" t="s">
        <v>17386</v>
      </c>
    </row>
    <row r="16707" spans="1:4" x14ac:dyDescent="0.4">
      <c r="A16707" s="1" t="s">
        <v>17364</v>
      </c>
      <c r="B16707" t="s">
        <v>11981</v>
      </c>
      <c r="C16707" t="s">
        <v>17362</v>
      </c>
      <c r="D16707" t="s">
        <v>6390</v>
      </c>
    </row>
    <row r="16708" spans="1:4" x14ac:dyDescent="0.4">
      <c r="A16708" s="1" t="s">
        <v>17364</v>
      </c>
      <c r="B16708" t="s">
        <v>11981</v>
      </c>
      <c r="C16708" t="s">
        <v>17362</v>
      </c>
      <c r="D16708" t="s">
        <v>17387</v>
      </c>
    </row>
    <row r="16709" spans="1:4" x14ac:dyDescent="0.4">
      <c r="A16709" s="1" t="s">
        <v>17364</v>
      </c>
      <c r="B16709" t="s">
        <v>11981</v>
      </c>
      <c r="C16709" t="s">
        <v>17362</v>
      </c>
      <c r="D16709" t="s">
        <v>17388</v>
      </c>
    </row>
    <row r="16710" spans="1:4" x14ac:dyDescent="0.4">
      <c r="A16710" s="1" t="s">
        <v>17364</v>
      </c>
      <c r="B16710" t="s">
        <v>11981</v>
      </c>
      <c r="C16710" t="s">
        <v>17362</v>
      </c>
      <c r="D16710" t="s">
        <v>17389</v>
      </c>
    </row>
    <row r="16711" spans="1:4" x14ac:dyDescent="0.4">
      <c r="A16711" s="1" t="s">
        <v>17367</v>
      </c>
      <c r="B16711" t="s">
        <v>11981</v>
      </c>
      <c r="C16711" t="s">
        <v>17362</v>
      </c>
      <c r="D16711" t="s">
        <v>17390</v>
      </c>
    </row>
    <row r="16712" spans="1:4" x14ac:dyDescent="0.4">
      <c r="A16712" s="1" t="s">
        <v>17364</v>
      </c>
      <c r="B16712" t="s">
        <v>11981</v>
      </c>
      <c r="C16712" t="s">
        <v>17362</v>
      </c>
      <c r="D16712" t="s">
        <v>17391</v>
      </c>
    </row>
    <row r="16713" spans="1:4" x14ac:dyDescent="0.4">
      <c r="A16713" s="1" t="s">
        <v>17364</v>
      </c>
      <c r="B16713" t="s">
        <v>11981</v>
      </c>
      <c r="C16713" t="s">
        <v>17362</v>
      </c>
      <c r="D16713" t="s">
        <v>17392</v>
      </c>
    </row>
    <row r="16714" spans="1:4" x14ac:dyDescent="0.4">
      <c r="A16714" s="1" t="s">
        <v>17367</v>
      </c>
      <c r="B16714" t="s">
        <v>11981</v>
      </c>
      <c r="C16714" t="s">
        <v>17362</v>
      </c>
      <c r="D16714" t="s">
        <v>17393</v>
      </c>
    </row>
    <row r="16715" spans="1:4" x14ac:dyDescent="0.4">
      <c r="A16715" s="1" t="s">
        <v>17376</v>
      </c>
      <c r="B16715" t="s">
        <v>11981</v>
      </c>
      <c r="C16715" t="s">
        <v>17362</v>
      </c>
      <c r="D16715" t="s">
        <v>17394</v>
      </c>
    </row>
    <row r="16716" spans="1:4" x14ac:dyDescent="0.4">
      <c r="A16716" s="1" t="s">
        <v>17364</v>
      </c>
      <c r="B16716" t="s">
        <v>11981</v>
      </c>
      <c r="C16716" t="s">
        <v>17362</v>
      </c>
      <c r="D16716" t="s">
        <v>3534</v>
      </c>
    </row>
    <row r="16717" spans="1:4" x14ac:dyDescent="0.4">
      <c r="A16717" s="1" t="s">
        <v>17367</v>
      </c>
      <c r="B16717" t="s">
        <v>11981</v>
      </c>
      <c r="C16717" t="s">
        <v>17362</v>
      </c>
      <c r="D16717" t="s">
        <v>17395</v>
      </c>
    </row>
    <row r="16718" spans="1:4" x14ac:dyDescent="0.4">
      <c r="A16718" s="1" t="s">
        <v>17375</v>
      </c>
      <c r="B16718" t="s">
        <v>11981</v>
      </c>
      <c r="C16718" t="s">
        <v>17362</v>
      </c>
      <c r="D16718" t="s">
        <v>17396</v>
      </c>
    </row>
    <row r="16719" spans="1:4" x14ac:dyDescent="0.4">
      <c r="A16719" s="1" t="s">
        <v>17375</v>
      </c>
      <c r="B16719" t="s">
        <v>11981</v>
      </c>
      <c r="C16719" t="s">
        <v>17362</v>
      </c>
      <c r="D16719" t="s">
        <v>14180</v>
      </c>
    </row>
    <row r="16720" spans="1:4" x14ac:dyDescent="0.4">
      <c r="A16720" s="1" t="s">
        <v>17397</v>
      </c>
      <c r="B16720" t="s">
        <v>11981</v>
      </c>
      <c r="C16720" t="s">
        <v>17362</v>
      </c>
      <c r="D16720" t="s">
        <v>17398</v>
      </c>
    </row>
    <row r="16721" spans="1:4" x14ac:dyDescent="0.4">
      <c r="A16721" s="1" t="s">
        <v>17372</v>
      </c>
      <c r="B16721" t="s">
        <v>11981</v>
      </c>
      <c r="C16721" t="s">
        <v>17362</v>
      </c>
      <c r="D16721" t="s">
        <v>17399</v>
      </c>
    </row>
    <row r="16722" spans="1:4" x14ac:dyDescent="0.4">
      <c r="A16722" s="1" t="s">
        <v>17400</v>
      </c>
      <c r="B16722" t="s">
        <v>11981</v>
      </c>
      <c r="C16722" t="s">
        <v>17401</v>
      </c>
    </row>
    <row r="16723" spans="1:4" x14ac:dyDescent="0.4">
      <c r="A16723" s="1" t="s">
        <v>17402</v>
      </c>
      <c r="B16723" t="s">
        <v>11981</v>
      </c>
      <c r="C16723" t="s">
        <v>17401</v>
      </c>
      <c r="D16723" t="s">
        <v>17403</v>
      </c>
    </row>
    <row r="16724" spans="1:4" x14ac:dyDescent="0.4">
      <c r="A16724" s="1" t="s">
        <v>17404</v>
      </c>
      <c r="B16724" t="s">
        <v>11981</v>
      </c>
      <c r="C16724" t="s">
        <v>17401</v>
      </c>
      <c r="D16724" t="s">
        <v>17405</v>
      </c>
    </row>
    <row r="16725" spans="1:4" x14ac:dyDescent="0.4">
      <c r="A16725" s="1" t="s">
        <v>17406</v>
      </c>
      <c r="B16725" t="s">
        <v>11981</v>
      </c>
      <c r="C16725" t="s">
        <v>17401</v>
      </c>
      <c r="D16725" t="s">
        <v>15993</v>
      </c>
    </row>
    <row r="16726" spans="1:4" x14ac:dyDescent="0.4">
      <c r="A16726" s="1" t="s">
        <v>17407</v>
      </c>
      <c r="B16726" t="s">
        <v>11981</v>
      </c>
      <c r="C16726" t="s">
        <v>17401</v>
      </c>
      <c r="D16726" t="s">
        <v>17408</v>
      </c>
    </row>
    <row r="16727" spans="1:4" x14ac:dyDescent="0.4">
      <c r="A16727" s="1" t="s">
        <v>17409</v>
      </c>
      <c r="B16727" t="s">
        <v>11981</v>
      </c>
      <c r="C16727" t="s">
        <v>17401</v>
      </c>
      <c r="D16727" t="s">
        <v>17410</v>
      </c>
    </row>
    <row r="16728" spans="1:4" x14ac:dyDescent="0.4">
      <c r="A16728" s="1" t="s">
        <v>17411</v>
      </c>
      <c r="B16728" t="s">
        <v>11981</v>
      </c>
      <c r="C16728" t="s">
        <v>17401</v>
      </c>
      <c r="D16728" t="s">
        <v>17412</v>
      </c>
    </row>
    <row r="16729" spans="1:4" x14ac:dyDescent="0.4">
      <c r="A16729" s="1" t="s">
        <v>17413</v>
      </c>
      <c r="B16729" t="s">
        <v>11981</v>
      </c>
      <c r="C16729" t="s">
        <v>17401</v>
      </c>
      <c r="D16729" t="s">
        <v>17414</v>
      </c>
    </row>
    <row r="16730" spans="1:4" x14ac:dyDescent="0.4">
      <c r="A16730" s="1" t="s">
        <v>17415</v>
      </c>
      <c r="B16730" t="s">
        <v>11981</v>
      </c>
      <c r="C16730" t="s">
        <v>17401</v>
      </c>
      <c r="D16730" t="s">
        <v>14759</v>
      </c>
    </row>
    <row r="16731" spans="1:4" x14ac:dyDescent="0.4">
      <c r="A16731" s="1" t="s">
        <v>17416</v>
      </c>
      <c r="B16731" t="s">
        <v>11981</v>
      </c>
      <c r="C16731" t="s">
        <v>17401</v>
      </c>
      <c r="D16731" t="s">
        <v>17417</v>
      </c>
    </row>
    <row r="16732" spans="1:4" x14ac:dyDescent="0.4">
      <c r="A16732" s="1" t="s">
        <v>17418</v>
      </c>
      <c r="B16732" t="s">
        <v>11981</v>
      </c>
      <c r="C16732" t="s">
        <v>17401</v>
      </c>
      <c r="D16732" t="s">
        <v>12943</v>
      </c>
    </row>
    <row r="16733" spans="1:4" x14ac:dyDescent="0.4">
      <c r="A16733" s="1" t="s">
        <v>17419</v>
      </c>
      <c r="B16733" t="s">
        <v>11981</v>
      </c>
      <c r="C16733" t="s">
        <v>17401</v>
      </c>
      <c r="D16733" t="s">
        <v>17420</v>
      </c>
    </row>
    <row r="16734" spans="1:4" x14ac:dyDescent="0.4">
      <c r="A16734" s="1" t="s">
        <v>17421</v>
      </c>
      <c r="B16734" t="s">
        <v>11981</v>
      </c>
      <c r="C16734" t="s">
        <v>17401</v>
      </c>
      <c r="D16734" t="s">
        <v>14345</v>
      </c>
    </row>
    <row r="16735" spans="1:4" x14ac:dyDescent="0.4">
      <c r="A16735" s="1" t="s">
        <v>17422</v>
      </c>
      <c r="B16735" t="s">
        <v>11981</v>
      </c>
      <c r="C16735" t="s">
        <v>17401</v>
      </c>
      <c r="D16735" t="s">
        <v>17423</v>
      </c>
    </row>
    <row r="16736" spans="1:4" x14ac:dyDescent="0.4">
      <c r="A16736" s="1" t="s">
        <v>17424</v>
      </c>
      <c r="B16736" t="s">
        <v>11981</v>
      </c>
      <c r="C16736" t="s">
        <v>17401</v>
      </c>
      <c r="D16736" t="s">
        <v>2020</v>
      </c>
    </row>
    <row r="16737" spans="1:4" x14ac:dyDescent="0.4">
      <c r="A16737" s="1" t="s">
        <v>17425</v>
      </c>
      <c r="B16737" t="s">
        <v>11981</v>
      </c>
      <c r="C16737" t="s">
        <v>17401</v>
      </c>
      <c r="D16737" t="s">
        <v>14390</v>
      </c>
    </row>
    <row r="16738" spans="1:4" x14ac:dyDescent="0.4">
      <c r="A16738" s="1" t="s">
        <v>17426</v>
      </c>
      <c r="B16738" t="s">
        <v>11981</v>
      </c>
      <c r="C16738" t="s">
        <v>17401</v>
      </c>
      <c r="D16738" t="s">
        <v>6218</v>
      </c>
    </row>
    <row r="16739" spans="1:4" x14ac:dyDescent="0.4">
      <c r="A16739" s="1" t="s">
        <v>17427</v>
      </c>
      <c r="B16739" t="s">
        <v>11981</v>
      </c>
      <c r="C16739" t="s">
        <v>17401</v>
      </c>
      <c r="D16739" t="s">
        <v>17428</v>
      </c>
    </row>
    <row r="16740" spans="1:4" x14ac:dyDescent="0.4">
      <c r="A16740" s="1" t="s">
        <v>17429</v>
      </c>
      <c r="B16740" t="s">
        <v>11981</v>
      </c>
      <c r="C16740" t="s">
        <v>17401</v>
      </c>
      <c r="D16740" t="s">
        <v>17430</v>
      </c>
    </row>
    <row r="16741" spans="1:4" x14ac:dyDescent="0.4">
      <c r="A16741" s="1" t="s">
        <v>17431</v>
      </c>
      <c r="B16741" t="s">
        <v>11981</v>
      </c>
      <c r="C16741" t="s">
        <v>17401</v>
      </c>
      <c r="D16741" t="s">
        <v>17432</v>
      </c>
    </row>
    <row r="16742" spans="1:4" x14ac:dyDescent="0.4">
      <c r="A16742" s="1" t="s">
        <v>17433</v>
      </c>
      <c r="B16742" t="s">
        <v>11981</v>
      </c>
      <c r="C16742" t="s">
        <v>17401</v>
      </c>
      <c r="D16742" t="s">
        <v>1341</v>
      </c>
    </row>
    <row r="16743" spans="1:4" x14ac:dyDescent="0.4">
      <c r="A16743" s="1" t="s">
        <v>17434</v>
      </c>
      <c r="B16743" t="s">
        <v>11981</v>
      </c>
      <c r="C16743" t="s">
        <v>17401</v>
      </c>
      <c r="D16743" t="s">
        <v>1588</v>
      </c>
    </row>
    <row r="16744" spans="1:4" x14ac:dyDescent="0.4">
      <c r="A16744" s="1" t="s">
        <v>17435</v>
      </c>
      <c r="B16744" t="s">
        <v>11981</v>
      </c>
      <c r="C16744" t="s">
        <v>17401</v>
      </c>
      <c r="D16744" t="s">
        <v>17436</v>
      </c>
    </row>
    <row r="16745" spans="1:4" x14ac:dyDescent="0.4">
      <c r="A16745" s="1" t="s">
        <v>17437</v>
      </c>
      <c r="B16745" t="s">
        <v>11981</v>
      </c>
      <c r="C16745" t="s">
        <v>17401</v>
      </c>
      <c r="D16745" t="s">
        <v>17389</v>
      </c>
    </row>
    <row r="16746" spans="1:4" x14ac:dyDescent="0.4">
      <c r="A16746" s="1" t="s">
        <v>17438</v>
      </c>
      <c r="B16746" t="s">
        <v>11981</v>
      </c>
      <c r="C16746" t="s">
        <v>17401</v>
      </c>
      <c r="D16746" t="s">
        <v>17439</v>
      </c>
    </row>
    <row r="16747" spans="1:4" x14ac:dyDescent="0.4">
      <c r="A16747" s="1" t="s">
        <v>17440</v>
      </c>
      <c r="B16747" t="s">
        <v>11981</v>
      </c>
      <c r="C16747" t="s">
        <v>17401</v>
      </c>
      <c r="D16747" t="s">
        <v>17441</v>
      </c>
    </row>
    <row r="16748" spans="1:4" x14ac:dyDescent="0.4">
      <c r="A16748" s="1" t="s">
        <v>17442</v>
      </c>
      <c r="B16748" t="s">
        <v>11981</v>
      </c>
      <c r="C16748" t="s">
        <v>17401</v>
      </c>
      <c r="D16748" t="s">
        <v>8590</v>
      </c>
    </row>
    <row r="16749" spans="1:4" x14ac:dyDescent="0.4">
      <c r="A16749" s="1" t="s">
        <v>17443</v>
      </c>
      <c r="B16749" t="s">
        <v>11981</v>
      </c>
      <c r="C16749" t="s">
        <v>17401</v>
      </c>
      <c r="D16749" t="s">
        <v>17444</v>
      </c>
    </row>
    <row r="16750" spans="1:4" x14ac:dyDescent="0.4">
      <c r="A16750" s="1" t="s">
        <v>17445</v>
      </c>
      <c r="B16750" t="s">
        <v>11981</v>
      </c>
      <c r="C16750" t="s">
        <v>17401</v>
      </c>
      <c r="D16750" t="s">
        <v>17446</v>
      </c>
    </row>
    <row r="16751" spans="1:4" x14ac:dyDescent="0.4">
      <c r="A16751" s="1" t="s">
        <v>17447</v>
      </c>
      <c r="B16751" t="s">
        <v>11981</v>
      </c>
      <c r="C16751" t="s">
        <v>17401</v>
      </c>
      <c r="D16751" t="s">
        <v>14451</v>
      </c>
    </row>
    <row r="16752" spans="1:4" x14ac:dyDescent="0.4">
      <c r="A16752" s="1" t="s">
        <v>17448</v>
      </c>
      <c r="B16752" t="s">
        <v>11981</v>
      </c>
      <c r="C16752" t="s">
        <v>17401</v>
      </c>
      <c r="D16752" t="s">
        <v>17398</v>
      </c>
    </row>
    <row r="16753" spans="1:4" x14ac:dyDescent="0.4">
      <c r="A16753" s="1" t="s">
        <v>17449</v>
      </c>
      <c r="B16753" t="s">
        <v>11981</v>
      </c>
      <c r="C16753" t="s">
        <v>17401</v>
      </c>
      <c r="D16753" t="s">
        <v>17450</v>
      </c>
    </row>
    <row r="16754" spans="1:4" x14ac:dyDescent="0.4">
      <c r="A16754" s="1" t="s">
        <v>17451</v>
      </c>
      <c r="B16754" t="s">
        <v>11981</v>
      </c>
      <c r="C16754" t="s">
        <v>17452</v>
      </c>
    </row>
    <row r="16755" spans="1:4" x14ac:dyDescent="0.4">
      <c r="A16755" s="1" t="s">
        <v>17453</v>
      </c>
      <c r="B16755" t="s">
        <v>11981</v>
      </c>
      <c r="C16755" t="s">
        <v>17452</v>
      </c>
      <c r="D16755" t="s">
        <v>17454</v>
      </c>
    </row>
    <row r="16756" spans="1:4" x14ac:dyDescent="0.4">
      <c r="A16756" s="1" t="s">
        <v>17455</v>
      </c>
      <c r="B16756" t="s">
        <v>11981</v>
      </c>
      <c r="C16756" t="s">
        <v>17452</v>
      </c>
      <c r="D16756" t="s">
        <v>17456</v>
      </c>
    </row>
    <row r="16757" spans="1:4" x14ac:dyDescent="0.4">
      <c r="A16757" s="1" t="s">
        <v>17457</v>
      </c>
      <c r="B16757" t="s">
        <v>11981</v>
      </c>
      <c r="C16757" t="s">
        <v>17452</v>
      </c>
      <c r="D16757" t="s">
        <v>17458</v>
      </c>
    </row>
    <row r="16758" spans="1:4" x14ac:dyDescent="0.4">
      <c r="A16758" s="1" t="s">
        <v>17459</v>
      </c>
      <c r="B16758" t="s">
        <v>11981</v>
      </c>
      <c r="C16758" t="s">
        <v>17452</v>
      </c>
      <c r="D16758" t="s">
        <v>17460</v>
      </c>
    </row>
    <row r="16759" spans="1:4" x14ac:dyDescent="0.4">
      <c r="A16759" s="1" t="s">
        <v>17461</v>
      </c>
      <c r="B16759" t="s">
        <v>11981</v>
      </c>
      <c r="C16759" t="s">
        <v>17452</v>
      </c>
      <c r="D16759" t="s">
        <v>17462</v>
      </c>
    </row>
    <row r="16760" spans="1:4" x14ac:dyDescent="0.4">
      <c r="A16760" s="1" t="s">
        <v>17463</v>
      </c>
      <c r="B16760" t="s">
        <v>11981</v>
      </c>
      <c r="C16760" t="s">
        <v>17452</v>
      </c>
      <c r="D16760" t="s">
        <v>17464</v>
      </c>
    </row>
    <row r="16761" spans="1:4" x14ac:dyDescent="0.4">
      <c r="A16761" s="1" t="s">
        <v>17465</v>
      </c>
      <c r="B16761" t="s">
        <v>11981</v>
      </c>
      <c r="C16761" t="s">
        <v>17452</v>
      </c>
      <c r="D16761" t="s">
        <v>17466</v>
      </c>
    </row>
    <row r="16762" spans="1:4" x14ac:dyDescent="0.4">
      <c r="A16762" s="1" t="s">
        <v>17467</v>
      </c>
      <c r="B16762" t="s">
        <v>11981</v>
      </c>
      <c r="C16762" t="s">
        <v>17452</v>
      </c>
      <c r="D16762" t="s">
        <v>17468</v>
      </c>
    </row>
    <row r="16763" spans="1:4" x14ac:dyDescent="0.4">
      <c r="A16763" s="1" t="s">
        <v>17469</v>
      </c>
      <c r="B16763" t="s">
        <v>11981</v>
      </c>
      <c r="C16763" t="s">
        <v>17452</v>
      </c>
      <c r="D16763" t="s">
        <v>7316</v>
      </c>
    </row>
    <row r="16764" spans="1:4" x14ac:dyDescent="0.4">
      <c r="A16764" s="1" t="s">
        <v>17470</v>
      </c>
      <c r="B16764" t="s">
        <v>11981</v>
      </c>
      <c r="C16764" t="s">
        <v>17452</v>
      </c>
      <c r="D16764" t="s">
        <v>17471</v>
      </c>
    </row>
    <row r="16765" spans="1:4" x14ac:dyDescent="0.4">
      <c r="A16765" s="1" t="s">
        <v>17472</v>
      </c>
      <c r="B16765" t="s">
        <v>11981</v>
      </c>
      <c r="C16765" t="s">
        <v>17452</v>
      </c>
      <c r="D16765" t="s">
        <v>17473</v>
      </c>
    </row>
    <row r="16766" spans="1:4" x14ac:dyDescent="0.4">
      <c r="A16766" s="1" t="s">
        <v>17474</v>
      </c>
      <c r="B16766" t="s">
        <v>11981</v>
      </c>
      <c r="C16766" t="s">
        <v>17452</v>
      </c>
      <c r="D16766" t="s">
        <v>17475</v>
      </c>
    </row>
    <row r="16767" spans="1:4" x14ac:dyDescent="0.4">
      <c r="A16767" s="1" t="s">
        <v>17476</v>
      </c>
      <c r="B16767" t="s">
        <v>11981</v>
      </c>
      <c r="C16767" t="s">
        <v>17452</v>
      </c>
      <c r="D16767" t="s">
        <v>17477</v>
      </c>
    </row>
    <row r="16768" spans="1:4" x14ac:dyDescent="0.4">
      <c r="A16768" s="1" t="s">
        <v>17478</v>
      </c>
      <c r="B16768" t="s">
        <v>11981</v>
      </c>
      <c r="C16768" t="s">
        <v>17452</v>
      </c>
      <c r="D16768" t="s">
        <v>17479</v>
      </c>
    </row>
    <row r="16769" spans="1:4" x14ac:dyDescent="0.4">
      <c r="A16769" s="1" t="s">
        <v>17480</v>
      </c>
      <c r="B16769" t="s">
        <v>11981</v>
      </c>
      <c r="C16769" t="s">
        <v>17481</v>
      </c>
    </row>
    <row r="16770" spans="1:4" x14ac:dyDescent="0.4">
      <c r="A16770" s="1" t="s">
        <v>17482</v>
      </c>
      <c r="B16770" t="s">
        <v>11981</v>
      </c>
      <c r="C16770" t="s">
        <v>17481</v>
      </c>
      <c r="D16770" t="s">
        <v>17483</v>
      </c>
    </row>
    <row r="16771" spans="1:4" x14ac:dyDescent="0.4">
      <c r="A16771" s="1" t="s">
        <v>17484</v>
      </c>
      <c r="B16771" t="s">
        <v>11981</v>
      </c>
      <c r="C16771" t="s">
        <v>17481</v>
      </c>
      <c r="D16771" t="s">
        <v>17485</v>
      </c>
    </row>
    <row r="16772" spans="1:4" x14ac:dyDescent="0.4">
      <c r="A16772" s="1" t="s">
        <v>17486</v>
      </c>
      <c r="B16772" t="s">
        <v>11981</v>
      </c>
      <c r="C16772" t="s">
        <v>17481</v>
      </c>
      <c r="D16772" t="s">
        <v>17487</v>
      </c>
    </row>
    <row r="16773" spans="1:4" x14ac:dyDescent="0.4">
      <c r="A16773" s="1" t="s">
        <v>17488</v>
      </c>
      <c r="B16773" t="s">
        <v>11981</v>
      </c>
      <c r="C16773" t="s">
        <v>17481</v>
      </c>
      <c r="D16773" t="s">
        <v>17489</v>
      </c>
    </row>
    <row r="16774" spans="1:4" x14ac:dyDescent="0.4">
      <c r="A16774" s="1" t="s">
        <v>17490</v>
      </c>
      <c r="B16774" t="s">
        <v>11981</v>
      </c>
      <c r="C16774" t="s">
        <v>17481</v>
      </c>
      <c r="D16774" t="s">
        <v>17491</v>
      </c>
    </row>
    <row r="16775" spans="1:4" x14ac:dyDescent="0.4">
      <c r="A16775" s="1" t="s">
        <v>17492</v>
      </c>
      <c r="B16775" t="s">
        <v>11981</v>
      </c>
      <c r="C16775" t="s">
        <v>17481</v>
      </c>
      <c r="D16775" t="s">
        <v>7352</v>
      </c>
    </row>
    <row r="16776" spans="1:4" x14ac:dyDescent="0.4">
      <c r="A16776" s="1" t="s">
        <v>17493</v>
      </c>
      <c r="B16776" t="s">
        <v>11981</v>
      </c>
      <c r="C16776" t="s">
        <v>17481</v>
      </c>
      <c r="D16776" t="s">
        <v>7120</v>
      </c>
    </row>
    <row r="16777" spans="1:4" x14ac:dyDescent="0.4">
      <c r="A16777" s="1" t="s">
        <v>17494</v>
      </c>
      <c r="B16777" t="s">
        <v>11981</v>
      </c>
      <c r="C16777" t="s">
        <v>17481</v>
      </c>
      <c r="D16777" t="s">
        <v>16990</v>
      </c>
    </row>
    <row r="16778" spans="1:4" x14ac:dyDescent="0.4">
      <c r="A16778" s="1" t="s">
        <v>17495</v>
      </c>
      <c r="B16778" t="s">
        <v>11981</v>
      </c>
      <c r="C16778" t="s">
        <v>17481</v>
      </c>
      <c r="D16778" t="s">
        <v>17496</v>
      </c>
    </row>
    <row r="16779" spans="1:4" x14ac:dyDescent="0.4">
      <c r="A16779" s="1" t="s">
        <v>17497</v>
      </c>
      <c r="B16779" t="s">
        <v>11981</v>
      </c>
      <c r="C16779" t="s">
        <v>17481</v>
      </c>
      <c r="D16779" t="s">
        <v>17498</v>
      </c>
    </row>
    <row r="16780" spans="1:4" x14ac:dyDescent="0.4">
      <c r="A16780" s="1" t="s">
        <v>17499</v>
      </c>
      <c r="B16780" t="s">
        <v>11981</v>
      </c>
      <c r="C16780" t="s">
        <v>17500</v>
      </c>
    </row>
    <row r="16781" spans="1:4" x14ac:dyDescent="0.4">
      <c r="A16781" s="1" t="s">
        <v>17501</v>
      </c>
      <c r="B16781" t="s">
        <v>11981</v>
      </c>
      <c r="C16781" t="s">
        <v>17500</v>
      </c>
      <c r="D16781" t="s">
        <v>4383</v>
      </c>
    </row>
    <row r="16782" spans="1:4" x14ac:dyDescent="0.4">
      <c r="A16782" s="1" t="s">
        <v>17502</v>
      </c>
      <c r="B16782" t="s">
        <v>11981</v>
      </c>
      <c r="C16782" t="s">
        <v>17500</v>
      </c>
      <c r="D16782" t="s">
        <v>1928</v>
      </c>
    </row>
    <row r="16783" spans="1:4" x14ac:dyDescent="0.4">
      <c r="A16783" s="1" t="s">
        <v>17503</v>
      </c>
      <c r="B16783" t="s">
        <v>11981</v>
      </c>
      <c r="C16783" t="s">
        <v>17504</v>
      </c>
    </row>
    <row r="16784" spans="1:4" x14ac:dyDescent="0.4">
      <c r="A16784" s="1" t="s">
        <v>17505</v>
      </c>
      <c r="B16784" t="s">
        <v>11981</v>
      </c>
      <c r="C16784" t="s">
        <v>17504</v>
      </c>
      <c r="D16784" t="s">
        <v>17506</v>
      </c>
    </row>
    <row r="16785" spans="1:4" x14ac:dyDescent="0.4">
      <c r="A16785" s="1" t="s">
        <v>17507</v>
      </c>
      <c r="B16785" t="s">
        <v>11981</v>
      </c>
      <c r="C16785" t="s">
        <v>17504</v>
      </c>
      <c r="D16785" t="s">
        <v>17508</v>
      </c>
    </row>
    <row r="16786" spans="1:4" x14ac:dyDescent="0.4">
      <c r="A16786" s="1" t="s">
        <v>17509</v>
      </c>
      <c r="B16786" t="s">
        <v>11981</v>
      </c>
      <c r="C16786" t="s">
        <v>17504</v>
      </c>
      <c r="D16786" t="s">
        <v>17510</v>
      </c>
    </row>
    <row r="16787" spans="1:4" x14ac:dyDescent="0.4">
      <c r="A16787" s="1" t="s">
        <v>17511</v>
      </c>
      <c r="B16787" t="s">
        <v>11981</v>
      </c>
      <c r="C16787" t="s">
        <v>17504</v>
      </c>
      <c r="D16787" t="s">
        <v>1972</v>
      </c>
    </row>
    <row r="16788" spans="1:4" x14ac:dyDescent="0.4">
      <c r="A16788" s="1" t="s">
        <v>17512</v>
      </c>
      <c r="B16788" t="s">
        <v>11981</v>
      </c>
      <c r="C16788" t="s">
        <v>17504</v>
      </c>
      <c r="D16788" t="s">
        <v>7326</v>
      </c>
    </row>
    <row r="16789" spans="1:4" x14ac:dyDescent="0.4">
      <c r="A16789" s="1" t="s">
        <v>17513</v>
      </c>
      <c r="B16789" t="s">
        <v>11981</v>
      </c>
      <c r="C16789" t="s">
        <v>17504</v>
      </c>
      <c r="D16789" t="s">
        <v>17514</v>
      </c>
    </row>
    <row r="16790" spans="1:4" x14ac:dyDescent="0.4">
      <c r="A16790" s="1" t="s">
        <v>17515</v>
      </c>
      <c r="B16790" t="s">
        <v>11981</v>
      </c>
      <c r="C16790" t="s">
        <v>17504</v>
      </c>
      <c r="D16790" t="s">
        <v>6803</v>
      </c>
    </row>
    <row r="16791" spans="1:4" x14ac:dyDescent="0.4">
      <c r="A16791" s="1" t="s">
        <v>17516</v>
      </c>
      <c r="B16791" t="s">
        <v>11981</v>
      </c>
      <c r="C16791" t="s">
        <v>17504</v>
      </c>
      <c r="D16791" t="s">
        <v>13726</v>
      </c>
    </row>
    <row r="16792" spans="1:4" x14ac:dyDescent="0.4">
      <c r="A16792" s="1" t="s">
        <v>17517</v>
      </c>
      <c r="B16792" t="s">
        <v>11981</v>
      </c>
      <c r="C16792" t="s">
        <v>17504</v>
      </c>
      <c r="D16792" t="s">
        <v>17518</v>
      </c>
    </row>
    <row r="16793" spans="1:4" x14ac:dyDescent="0.4">
      <c r="A16793" s="1" t="s">
        <v>17519</v>
      </c>
      <c r="B16793" t="s">
        <v>11981</v>
      </c>
      <c r="C16793" t="s">
        <v>17520</v>
      </c>
    </row>
    <row r="16794" spans="1:4" x14ac:dyDescent="0.4">
      <c r="A16794" s="1" t="s">
        <v>17521</v>
      </c>
      <c r="B16794" t="s">
        <v>11981</v>
      </c>
      <c r="C16794" t="s">
        <v>17520</v>
      </c>
      <c r="D16794" t="s">
        <v>17522</v>
      </c>
    </row>
    <row r="16795" spans="1:4" x14ac:dyDescent="0.4">
      <c r="A16795" s="1" t="s">
        <v>17523</v>
      </c>
      <c r="B16795" t="s">
        <v>11981</v>
      </c>
      <c r="C16795" t="s">
        <v>17520</v>
      </c>
      <c r="D16795" t="s">
        <v>17524</v>
      </c>
    </row>
    <row r="16796" spans="1:4" x14ac:dyDescent="0.4">
      <c r="A16796" s="1" t="s">
        <v>17525</v>
      </c>
      <c r="B16796" t="s">
        <v>11981</v>
      </c>
      <c r="C16796" t="s">
        <v>17520</v>
      </c>
      <c r="D16796" t="s">
        <v>4375</v>
      </c>
    </row>
    <row r="16797" spans="1:4" x14ac:dyDescent="0.4">
      <c r="A16797" s="1" t="s">
        <v>17526</v>
      </c>
      <c r="B16797" t="s">
        <v>11981</v>
      </c>
      <c r="C16797" t="s">
        <v>17520</v>
      </c>
      <c r="D16797" t="s">
        <v>17527</v>
      </c>
    </row>
    <row r="16798" spans="1:4" x14ac:dyDescent="0.4">
      <c r="A16798" s="1" t="s">
        <v>17528</v>
      </c>
      <c r="B16798" t="s">
        <v>11981</v>
      </c>
      <c r="C16798" t="s">
        <v>17520</v>
      </c>
      <c r="D16798" t="s">
        <v>17529</v>
      </c>
    </row>
    <row r="16799" spans="1:4" x14ac:dyDescent="0.4">
      <c r="A16799" s="1" t="s">
        <v>17530</v>
      </c>
      <c r="B16799" t="s">
        <v>11981</v>
      </c>
      <c r="C16799" t="s">
        <v>17520</v>
      </c>
      <c r="D16799" t="s">
        <v>17531</v>
      </c>
    </row>
    <row r="16800" spans="1:4" x14ac:dyDescent="0.4">
      <c r="A16800" s="1" t="s">
        <v>17532</v>
      </c>
      <c r="B16800" t="s">
        <v>11981</v>
      </c>
      <c r="C16800" t="s">
        <v>17520</v>
      </c>
      <c r="D16800" t="s">
        <v>17533</v>
      </c>
    </row>
    <row r="16801" spans="1:4" x14ac:dyDescent="0.4">
      <c r="A16801" s="1" t="s">
        <v>17534</v>
      </c>
      <c r="B16801" t="s">
        <v>11981</v>
      </c>
      <c r="C16801" t="s">
        <v>17520</v>
      </c>
      <c r="D16801" t="s">
        <v>17535</v>
      </c>
    </row>
    <row r="16802" spans="1:4" x14ac:dyDescent="0.4">
      <c r="A16802" s="1" t="s">
        <v>17536</v>
      </c>
      <c r="B16802" t="s">
        <v>11981</v>
      </c>
      <c r="C16802" t="s">
        <v>17520</v>
      </c>
      <c r="D16802" t="s">
        <v>17537</v>
      </c>
    </row>
    <row r="16803" spans="1:4" x14ac:dyDescent="0.4">
      <c r="A16803" s="1" t="s">
        <v>17538</v>
      </c>
      <c r="B16803" t="s">
        <v>11981</v>
      </c>
      <c r="C16803" t="s">
        <v>17520</v>
      </c>
      <c r="D16803" t="s">
        <v>17539</v>
      </c>
    </row>
    <row r="16804" spans="1:4" x14ac:dyDescent="0.4">
      <c r="A16804" s="1" t="s">
        <v>17540</v>
      </c>
      <c r="B16804" t="s">
        <v>11981</v>
      </c>
      <c r="C16804" t="s">
        <v>17520</v>
      </c>
      <c r="D16804" t="s">
        <v>17541</v>
      </c>
    </row>
    <row r="16805" spans="1:4" x14ac:dyDescent="0.4">
      <c r="A16805" s="1" t="s">
        <v>17542</v>
      </c>
      <c r="B16805" t="s">
        <v>11981</v>
      </c>
      <c r="C16805" t="s">
        <v>17520</v>
      </c>
      <c r="D16805" t="s">
        <v>17543</v>
      </c>
    </row>
    <row r="16806" spans="1:4" x14ac:dyDescent="0.4">
      <c r="A16806" s="1" t="s">
        <v>17544</v>
      </c>
      <c r="B16806" t="s">
        <v>11981</v>
      </c>
      <c r="C16806" t="s">
        <v>17520</v>
      </c>
      <c r="D16806" t="s">
        <v>17545</v>
      </c>
    </row>
    <row r="16807" spans="1:4" x14ac:dyDescent="0.4">
      <c r="A16807" s="1" t="s">
        <v>17546</v>
      </c>
      <c r="B16807" t="s">
        <v>11981</v>
      </c>
      <c r="C16807" t="s">
        <v>17520</v>
      </c>
      <c r="D16807" t="s">
        <v>17547</v>
      </c>
    </row>
    <row r="16808" spans="1:4" x14ac:dyDescent="0.4">
      <c r="A16808" s="1" t="s">
        <v>17548</v>
      </c>
      <c r="B16808" t="s">
        <v>11981</v>
      </c>
      <c r="C16808" t="s">
        <v>17520</v>
      </c>
      <c r="D16808" t="s">
        <v>17549</v>
      </c>
    </row>
    <row r="16809" spans="1:4" x14ac:dyDescent="0.4">
      <c r="A16809" s="1" t="s">
        <v>17550</v>
      </c>
      <c r="B16809" t="s">
        <v>11981</v>
      </c>
      <c r="C16809" t="s">
        <v>17520</v>
      </c>
      <c r="D16809" t="s">
        <v>17551</v>
      </c>
    </row>
    <row r="16810" spans="1:4" x14ac:dyDescent="0.4">
      <c r="A16810" s="1" t="s">
        <v>17552</v>
      </c>
      <c r="B16810" t="s">
        <v>11981</v>
      </c>
      <c r="C16810" t="s">
        <v>17520</v>
      </c>
      <c r="D16810" t="s">
        <v>17553</v>
      </c>
    </row>
    <row r="16811" spans="1:4" x14ac:dyDescent="0.4">
      <c r="A16811" s="1" t="s">
        <v>17554</v>
      </c>
      <c r="B16811" t="s">
        <v>11981</v>
      </c>
      <c r="C16811" t="s">
        <v>17520</v>
      </c>
      <c r="D16811" t="s">
        <v>194</v>
      </c>
    </row>
    <row r="16812" spans="1:4" x14ac:dyDescent="0.4">
      <c r="A16812" s="1" t="s">
        <v>17555</v>
      </c>
      <c r="B16812" t="s">
        <v>11981</v>
      </c>
      <c r="C16812" t="s">
        <v>17520</v>
      </c>
      <c r="D16812" t="s">
        <v>2240</v>
      </c>
    </row>
    <row r="16813" spans="1:4" x14ac:dyDescent="0.4">
      <c r="A16813" s="1" t="s">
        <v>17556</v>
      </c>
      <c r="B16813" t="s">
        <v>11981</v>
      </c>
      <c r="C16813" t="s">
        <v>17557</v>
      </c>
    </row>
    <row r="16814" spans="1:4" x14ac:dyDescent="0.4">
      <c r="A16814" s="1" t="s">
        <v>17558</v>
      </c>
      <c r="B16814" t="s">
        <v>11981</v>
      </c>
      <c r="C16814" t="s">
        <v>17557</v>
      </c>
      <c r="D16814" t="s">
        <v>17559</v>
      </c>
    </row>
    <row r="16815" spans="1:4" x14ac:dyDescent="0.4">
      <c r="A16815" s="1" t="s">
        <v>17560</v>
      </c>
      <c r="B16815" t="s">
        <v>11981</v>
      </c>
      <c r="C16815" t="s">
        <v>17557</v>
      </c>
      <c r="D16815" t="s">
        <v>17561</v>
      </c>
    </row>
    <row r="16816" spans="1:4" x14ac:dyDescent="0.4">
      <c r="A16816" s="1" t="s">
        <v>17562</v>
      </c>
      <c r="B16816" t="s">
        <v>11981</v>
      </c>
      <c r="C16816" t="s">
        <v>17557</v>
      </c>
      <c r="D16816" t="s">
        <v>17563</v>
      </c>
    </row>
    <row r="16817" spans="1:4" x14ac:dyDescent="0.4">
      <c r="A16817" s="1" t="s">
        <v>17564</v>
      </c>
      <c r="B16817" t="s">
        <v>11981</v>
      </c>
      <c r="C16817" t="s">
        <v>17557</v>
      </c>
      <c r="D16817" t="s">
        <v>17565</v>
      </c>
    </row>
    <row r="16818" spans="1:4" x14ac:dyDescent="0.4">
      <c r="A16818" s="1" t="s">
        <v>17566</v>
      </c>
      <c r="B16818" t="s">
        <v>11981</v>
      </c>
      <c r="C16818" t="s">
        <v>17557</v>
      </c>
      <c r="D16818" t="s">
        <v>17567</v>
      </c>
    </row>
    <row r="16819" spans="1:4" x14ac:dyDescent="0.4">
      <c r="A16819" s="1" t="s">
        <v>17568</v>
      </c>
      <c r="B16819" t="s">
        <v>11981</v>
      </c>
      <c r="C16819" t="s">
        <v>17557</v>
      </c>
      <c r="D16819" t="s">
        <v>17569</v>
      </c>
    </row>
    <row r="16820" spans="1:4" x14ac:dyDescent="0.4">
      <c r="A16820" s="1" t="s">
        <v>17570</v>
      </c>
      <c r="B16820" t="s">
        <v>11981</v>
      </c>
      <c r="C16820" t="s">
        <v>17557</v>
      </c>
      <c r="D16820" t="s">
        <v>4802</v>
      </c>
    </row>
    <row r="16821" spans="1:4" x14ac:dyDescent="0.4">
      <c r="A16821" s="1" t="s">
        <v>17571</v>
      </c>
      <c r="B16821" t="s">
        <v>11981</v>
      </c>
      <c r="C16821" t="s">
        <v>17557</v>
      </c>
      <c r="D16821" t="s">
        <v>17572</v>
      </c>
    </row>
    <row r="16822" spans="1:4" x14ac:dyDescent="0.4">
      <c r="A16822" s="1" t="s">
        <v>17573</v>
      </c>
      <c r="B16822" t="s">
        <v>11981</v>
      </c>
      <c r="C16822" t="s">
        <v>17557</v>
      </c>
      <c r="D16822" t="s">
        <v>17574</v>
      </c>
    </row>
    <row r="16823" spans="1:4" x14ac:dyDescent="0.4">
      <c r="A16823" s="1" t="s">
        <v>17575</v>
      </c>
      <c r="B16823" t="s">
        <v>11981</v>
      </c>
      <c r="C16823" t="s">
        <v>17557</v>
      </c>
      <c r="D16823" t="s">
        <v>17576</v>
      </c>
    </row>
    <row r="16824" spans="1:4" x14ac:dyDescent="0.4">
      <c r="A16824" s="1" t="s">
        <v>17577</v>
      </c>
      <c r="B16824" t="s">
        <v>11981</v>
      </c>
      <c r="C16824" t="s">
        <v>17557</v>
      </c>
      <c r="D16824" t="s">
        <v>17578</v>
      </c>
    </row>
    <row r="16825" spans="1:4" x14ac:dyDescent="0.4">
      <c r="A16825" s="1" t="s">
        <v>17579</v>
      </c>
      <c r="B16825" t="s">
        <v>11981</v>
      </c>
      <c r="C16825" t="s">
        <v>17557</v>
      </c>
      <c r="D16825" t="s">
        <v>17580</v>
      </c>
    </row>
    <row r="16826" spans="1:4" x14ac:dyDescent="0.4">
      <c r="A16826" s="1" t="s">
        <v>17581</v>
      </c>
      <c r="B16826" t="s">
        <v>11981</v>
      </c>
      <c r="C16826" t="s">
        <v>17557</v>
      </c>
      <c r="D16826" t="s">
        <v>17582</v>
      </c>
    </row>
    <row r="16827" spans="1:4" x14ac:dyDescent="0.4">
      <c r="A16827" s="1" t="s">
        <v>17583</v>
      </c>
      <c r="B16827" t="s">
        <v>11981</v>
      </c>
      <c r="C16827" t="s">
        <v>17557</v>
      </c>
      <c r="D16827" t="s">
        <v>842</v>
      </c>
    </row>
    <row r="16828" spans="1:4" x14ac:dyDescent="0.4">
      <c r="A16828" s="1" t="s">
        <v>17584</v>
      </c>
      <c r="B16828" t="s">
        <v>11981</v>
      </c>
      <c r="C16828" t="s">
        <v>17557</v>
      </c>
      <c r="D16828" t="s">
        <v>191</v>
      </c>
    </row>
    <row r="16829" spans="1:4" x14ac:dyDescent="0.4">
      <c r="A16829" s="1" t="s">
        <v>17585</v>
      </c>
      <c r="B16829" t="s">
        <v>11981</v>
      </c>
      <c r="C16829" t="s">
        <v>17557</v>
      </c>
      <c r="D16829" t="s">
        <v>17586</v>
      </c>
    </row>
    <row r="16830" spans="1:4" x14ac:dyDescent="0.4">
      <c r="A16830" s="1" t="s">
        <v>17587</v>
      </c>
      <c r="B16830" t="s">
        <v>11981</v>
      </c>
      <c r="C16830" t="s">
        <v>17557</v>
      </c>
      <c r="D16830" t="s">
        <v>17588</v>
      </c>
    </row>
    <row r="16831" spans="1:4" x14ac:dyDescent="0.4">
      <c r="A16831" s="1" t="s">
        <v>17589</v>
      </c>
      <c r="B16831" t="s">
        <v>11981</v>
      </c>
      <c r="C16831" t="s">
        <v>17557</v>
      </c>
      <c r="D16831" t="s">
        <v>17590</v>
      </c>
    </row>
    <row r="16832" spans="1:4" x14ac:dyDescent="0.4">
      <c r="A16832" s="1" t="s">
        <v>17591</v>
      </c>
      <c r="B16832" t="s">
        <v>11981</v>
      </c>
      <c r="C16832" t="s">
        <v>17557</v>
      </c>
      <c r="D16832" t="s">
        <v>17592</v>
      </c>
    </row>
    <row r="16833" spans="1:4" x14ac:dyDescent="0.4">
      <c r="A16833" s="1" t="s">
        <v>17593</v>
      </c>
      <c r="B16833" t="s">
        <v>11981</v>
      </c>
      <c r="C16833" t="s">
        <v>17557</v>
      </c>
      <c r="D16833" t="s">
        <v>17594</v>
      </c>
    </row>
    <row r="16834" spans="1:4" x14ac:dyDescent="0.4">
      <c r="A16834" s="1" t="s">
        <v>17595</v>
      </c>
      <c r="B16834" t="s">
        <v>11981</v>
      </c>
      <c r="C16834" t="s">
        <v>17557</v>
      </c>
      <c r="D16834" t="s">
        <v>17596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4"/>
  <sheetViews>
    <sheetView workbookViewId="0">
      <selection activeCell="A11" sqref="A11:D11"/>
    </sheetView>
  </sheetViews>
  <sheetFormatPr defaultRowHeight="18.75" x14ac:dyDescent="0.4"/>
  <sheetData>
    <row r="1" spans="1:6" x14ac:dyDescent="0.4">
      <c r="A1" t="s">
        <v>17597</v>
      </c>
      <c r="B1" t="s">
        <v>17598</v>
      </c>
      <c r="C1" t="s">
        <v>17599</v>
      </c>
      <c r="D1" t="s">
        <v>17600</v>
      </c>
      <c r="E1" t="s">
        <v>17601</v>
      </c>
      <c r="F1" t="s">
        <v>17602</v>
      </c>
    </row>
    <row r="2" spans="1:6" x14ac:dyDescent="0.4">
      <c r="A2">
        <v>1</v>
      </c>
      <c r="B2" s="2" t="s">
        <v>17603</v>
      </c>
      <c r="C2">
        <v>10</v>
      </c>
      <c r="D2" s="2" t="s">
        <v>17604</v>
      </c>
      <c r="F2" s="2"/>
    </row>
    <row r="3" spans="1:6" x14ac:dyDescent="0.4">
      <c r="A3">
        <v>2</v>
      </c>
      <c r="B3" s="2" t="s">
        <v>17603</v>
      </c>
      <c r="C3">
        <v>10</v>
      </c>
      <c r="D3" s="2" t="s">
        <v>17604</v>
      </c>
      <c r="F3" s="2"/>
    </row>
    <row r="4" spans="1:6" x14ac:dyDescent="0.4">
      <c r="A4">
        <v>3</v>
      </c>
      <c r="B4" s="2" t="s">
        <v>17603</v>
      </c>
      <c r="C4">
        <v>80</v>
      </c>
      <c r="D4" s="2" t="s">
        <v>17604</v>
      </c>
      <c r="F4" s="2"/>
    </row>
    <row r="5" spans="1:6" x14ac:dyDescent="0.4">
      <c r="A5">
        <v>4</v>
      </c>
      <c r="B5" s="2" t="s">
        <v>17605</v>
      </c>
      <c r="C5">
        <v>80</v>
      </c>
      <c r="D5" s="2" t="s">
        <v>17604</v>
      </c>
      <c r="F5" s="2"/>
    </row>
    <row r="6" spans="1:6" x14ac:dyDescent="0.4">
      <c r="B6" s="2"/>
      <c r="D6" s="2"/>
      <c r="E6">
        <v>1</v>
      </c>
      <c r="F6" s="2" t="s">
        <v>17606</v>
      </c>
    </row>
    <row r="7" spans="1:6" x14ac:dyDescent="0.4">
      <c r="B7" s="2"/>
      <c r="D7" s="2"/>
      <c r="E7">
        <v>2</v>
      </c>
      <c r="F7" s="2" t="s">
        <v>17607</v>
      </c>
    </row>
    <row r="8" spans="1:6" x14ac:dyDescent="0.4">
      <c r="B8" s="2"/>
      <c r="D8" s="2"/>
      <c r="E8">
        <v>3</v>
      </c>
      <c r="F8" s="2" t="s">
        <v>17608</v>
      </c>
    </row>
    <row r="9" spans="1:6" x14ac:dyDescent="0.4">
      <c r="B9" s="2"/>
      <c r="D9" s="2"/>
      <c r="E9">
        <v>4</v>
      </c>
      <c r="F9" s="2" t="s">
        <v>17609</v>
      </c>
    </row>
    <row r="11" spans="1:6" x14ac:dyDescent="0.4">
      <c r="A11" s="3" t="s">
        <v>17606</v>
      </c>
      <c r="B11" s="4" t="s">
        <v>17607</v>
      </c>
      <c r="C11" s="3" t="s">
        <v>17608</v>
      </c>
      <c r="D11" s="4" t="s">
        <v>17609</v>
      </c>
    </row>
    <row r="12" spans="1:6" x14ac:dyDescent="0.4">
      <c r="A12" s="3" t="s">
        <v>17606</v>
      </c>
      <c r="B12" s="4" t="s">
        <v>17607</v>
      </c>
      <c r="C12" s="3" t="s">
        <v>17608</v>
      </c>
      <c r="D12" s="4" t="s">
        <v>17609</v>
      </c>
    </row>
    <row r="13" spans="1:6" x14ac:dyDescent="0.4">
      <c r="A13" s="3" t="s">
        <v>17606</v>
      </c>
      <c r="B13" s="4" t="s">
        <v>17607</v>
      </c>
      <c r="C13" s="3" t="s">
        <v>17608</v>
      </c>
      <c r="D13" s="4" t="s">
        <v>17609</v>
      </c>
    </row>
    <row r="14" spans="1:6" x14ac:dyDescent="0.4">
      <c r="A14" s="3" t="s">
        <v>17606</v>
      </c>
      <c r="B14" s="4" t="s">
        <v>17607</v>
      </c>
      <c r="C14" s="3" t="s">
        <v>17608</v>
      </c>
      <c r="D14" s="4" t="s">
        <v>17609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PostCode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3T02:05:10Z</dcterms:created>
  <dcterms:modified xsi:type="dcterms:W3CDTF">2024-02-23T02:06:31Z</dcterms:modified>
</cp:coreProperties>
</file>